
<file path=[Content_Types].xml><?xml version="1.0" encoding="utf-8"?>
<Types xmlns="http://schemas.openxmlformats.org/package/2006/content-types">
  <Override PartName="/ppt/slides/slide14.xml" ContentType="application/vnd.openxmlformats-officedocument.presentationml.slide+xml"/>
  <Override PartName="/ppt/tags/tag24.xml" ContentType="application/vnd.openxmlformats-officedocument.presentationml.tags+xml"/>
  <Override PartName="/ppt/embeddings/oleObject1.bin" ContentType="application/vnd.openxmlformats-officedocument.oleObject"/>
  <Default Extension="xml" ContentType="application/xml"/>
  <Override PartName="/ppt/tableStyles.xml" ContentType="application/vnd.openxmlformats-officedocument.presentationml.tableStyles+xml"/>
  <Override PartName="/ppt/tags/tag16.xml" ContentType="application/vnd.openxmlformats-officedocument.presentationml.tags+xml"/>
  <Override PartName="/ppt/notesSlides/notesSlide1.xml" ContentType="application/vnd.openxmlformats-officedocument.presentationml.notesSlide+xml"/>
  <Override PartName="/ppt/slides/slide21.xml" ContentType="application/vnd.openxmlformats-officedocument.presentationml.slide+xml"/>
  <Override PartName="/ppt/slides/slide5.xml" ContentType="application/vnd.openxmlformats-officedocument.presentationml.slide+xml"/>
  <Override PartName="/ppt/tags/tag4.xml" ContentType="application/vnd.openxmlformats-officedocument.presentationml.tags+xml"/>
  <Override PartName="/ppt/slideLayouts/slideLayout5.xml" ContentType="application/vnd.openxmlformats-officedocument.presentationml.slideLayout+xml"/>
  <Override PartName="/ppt/tags/tag23.xml" ContentType="application/vnd.openxmlformats-officedocument.presentationml.tags+xml"/>
  <Override PartName="/ppt/slides/slide13.xml" ContentType="application/vnd.openxmlformats-officedocument.presentationml.slide+xml"/>
  <Override PartName="/ppt/slideMasters/slideMaster1.xml" ContentType="application/vnd.openxmlformats-officedocument.presentationml.slideMaster+xml"/>
  <Override PartName="/docProps/core.xml" ContentType="application/vnd.openxmlformats-package.core-properties+xml"/>
  <Override PartName="/ppt/tags/tag15.xml" ContentType="application/vnd.openxmlformats-officedocument.presentationml.tags+xml"/>
  <Override PartName="/ppt/handoutMasters/handoutMaster1.xml" ContentType="application/vnd.openxmlformats-officedocument.presentationml.handoutMaster+xml"/>
  <Default Extension="vml" ContentType="application/vnd.openxmlformats-officedocument.vmlDrawing"/>
  <Override PartName="/ppt/slides/slide20.xml" ContentType="application/vnd.openxmlformats-officedocument.presentationml.slide+xml"/>
  <Default Extension="emf" ContentType="image/x-emf"/>
  <Override PartName="/ppt/tags/tag3.xml" ContentType="application/vnd.openxmlformats-officedocument.presentationml.tags+xml"/>
  <Override PartName="/ppt/slides/slide4.xml" ContentType="application/vnd.openxmlformats-officedocument.presentationml.slide+xml"/>
  <Override PartName="/ppt/slides/slide19.xml" ContentType="application/vnd.openxmlformats-officedocument.presentationml.slide+xml"/>
  <Override PartName="/ppt/slideLayouts/slideLayout4.xml" ContentType="application/vnd.openxmlformats-officedocument.presentationml.slideLayout+xml"/>
  <Override PartName="/ppt/slides/slide12.xml" ContentType="application/vnd.openxmlformats-officedocument.presentationml.slide+xml"/>
  <Override PartName="/ppt/tags/tag22.xml" ContentType="application/vnd.openxmlformats-officedocument.presentationml.tags+xml"/>
  <Override PartName="/ppt/presProps.xml" ContentType="application/vnd.openxmlformats-officedocument.presentationml.presProps+xml"/>
  <Override PartName="/ppt/tags/tag14.xml" ContentType="application/vnd.openxmlformats-officedocument.presentationml.tags+xml"/>
  <Override PartName="/ppt/tags/tag9.xml" ContentType="application/vnd.openxmlformats-officedocument.presentationml.tags+xml"/>
  <Override PartName="/ppt/tags/tag2.xml" ContentType="application/vnd.openxmlformats-officedocument.presentationml.tags+xml"/>
  <Override PartName="/ppt/slides/slide3.xml" ContentType="application/vnd.openxmlformats-officedocument.presentationml.slide+xml"/>
  <Override PartName="/ppt/slides/slide18.xml" ContentType="application/vnd.openxmlformats-officedocument.presentationml.slide+xml"/>
  <Override PartName="/ppt/tags/tag28.xml" ContentType="application/vnd.openxmlformats-officedocument.presentationml.tags+xml"/>
  <Override PartName="/ppt/slideLayouts/slideLayout3.xml" ContentType="application/vnd.openxmlformats-officedocument.presentationml.slideLayout+xml"/>
  <Override PartName="/ppt/slides/slide11.xml" ContentType="application/vnd.openxmlformats-officedocument.presentationml.slide+xml"/>
  <Override PartName="/ppt/tags/tag21.xml" ContentType="application/vnd.openxmlformats-officedocument.presentationml.tags+xml"/>
  <Override PartName="/ppt/tags/tag13.xml" ContentType="application/vnd.openxmlformats-officedocument.presentationml.tags+xml"/>
  <Override PartName="/ppt/slides/slide9.xml" ContentType="application/vnd.openxmlformats-officedocument.presentationml.slide+xml"/>
  <Override PartName="/ppt/tags/tag8.xml" ContentType="application/vnd.openxmlformats-officedocument.presentationml.tags+xml"/>
  <Override PartName="/ppt/slideLayouts/slideLayout9.xml" ContentType="application/vnd.openxmlformats-officedocument.presentationml.slideLayout+xml"/>
  <Override PartName="/ppt/tags/tag1.xml" ContentType="application/vnd.openxmlformats-officedocument.presentationml.tags+xml"/>
  <Override PartName="/ppt/slides/slide2.xml" ContentType="application/vnd.openxmlformats-officedocument.presentationml.slide+xml"/>
  <Override PartName="/ppt/slideLayouts/slideLayout2.xml" ContentType="application/vnd.openxmlformats-officedocument.presentationml.slideLayout+xml"/>
  <Override PartName="/ppt/slides/slide17.xml" ContentType="application/vnd.openxmlformats-officedocument.presentationml.slide+xml"/>
  <Override PartName="/ppt/tags/tag27.xml" ContentType="application/vnd.openxmlformats-officedocument.presentationml.tags+xml"/>
  <Override PartName="/ppt/slides/slide10.xml" ContentType="application/vnd.openxmlformats-officedocument.presentationml.slide+xml"/>
  <Override PartName="/ppt/tags/tag20.xml" ContentType="application/vnd.openxmlformats-officedocument.presentationml.tags+xml"/>
  <Override PartName="/docProps/app.xml" ContentType="application/vnd.openxmlformats-officedocument.extended-properties+xml"/>
  <Default Extension="wmf" ContentType="image/x-wmf"/>
  <Override PartName="/ppt/tags/tag19.xml" ContentType="application/vnd.openxmlformats-officedocument.presentationml.tags+xml"/>
  <Override PartName="/ppt/tags/tag12.xml" ContentType="application/vnd.openxmlformats-officedocument.presentationml.tags+xml"/>
  <Override PartName="/ppt/theme/theme3.xml" ContentType="application/vnd.openxmlformats-officedocument.theme+xml"/>
  <Override PartName="/ppt/slideLayouts/slideLayout12.xml" ContentType="application/vnd.openxmlformats-officedocument.presentationml.slideLayout+xml"/>
  <Override PartName="/ppt/tags/tag7.xml" ContentType="application/vnd.openxmlformats-officedocument.presentationml.tags+xml"/>
  <Override PartName="/ppt/slides/slide8.xml" ContentType="application/vnd.openxmlformats-officedocument.presentationml.slide+xml"/>
  <Override PartName="/ppt/slideLayouts/slideLayout8.xml" ContentType="application/vnd.openxmlformats-officedocument.presentationml.slideLayout+xml"/>
  <Override PartName="/ppt/slides/slide1.xml" ContentType="application/vnd.openxmlformats-officedocument.presentationml.slide+xml"/>
  <Override PartName="/ppt/slideLayouts/slideLayout1.xml" ContentType="application/vnd.openxmlformats-officedocument.presentationml.slideLayout+xml"/>
  <Override PartName="/ppt/slides/slide16.xml" ContentType="application/vnd.openxmlformats-officedocument.presentationml.slide+xml"/>
  <Override PartName="/ppt/tags/tag26.xml" ContentType="application/vnd.openxmlformats-officedocument.presentationml.tags+xml"/>
  <Default Extension="jpeg" ContentType="image/jpeg"/>
  <Override PartName="/ppt/viewProps.xml" ContentType="application/vnd.openxmlformats-officedocument.presentationml.viewProps+xml"/>
  <Override PartName="/ppt/tags/tag18.xml" ContentType="application/vnd.openxmlformats-officedocument.presentationml.tags+xml"/>
  <Override PartName="/ppt/theme/theme2.xml" ContentType="application/vnd.openxmlformats-officedocument.theme+xml"/>
  <Override PartName="/ppt/tags/tag11.xml" ContentType="application/vnd.openxmlformats-officedocument.presentationml.tags+xml"/>
  <Override PartName="/ppt/slideLayouts/slideLayout11.xml" ContentType="application/vnd.openxmlformats-officedocument.presentationml.slideLayout+xml"/>
  <Override PartName="/ppt/slides/slide23.xml" ContentType="application/vnd.openxmlformats-officedocument.presentationml.slide+xml"/>
  <Override PartName="/ppt/tags/tag6.xml" ContentType="application/vnd.openxmlformats-officedocument.presentationml.tags+xml"/>
  <Override PartName="/ppt/slides/slide7.xml" ContentType="application/vnd.openxmlformats-officedocument.presentationml.slide+xml"/>
  <Override PartName="/ppt/slideLayouts/slideLayout7.xml" ContentType="application/vnd.openxmlformats-officedocument.presentationml.slideLayout+xml"/>
  <Override PartName="/ppt/notesMasters/notesMaster1.xml" ContentType="application/vnd.openxmlformats-officedocument.presentationml.notesMaster+xml"/>
  <Override PartName="/ppt/slides/slide15.xml" ContentType="application/vnd.openxmlformats-officedocument.presentationml.slide+xml"/>
  <Override PartName="/ppt/tags/tag25.xml" ContentType="application/vnd.openxmlformats-officedocument.presentationml.tags+xml"/>
  <Override PartName="/ppt/embeddings/oleObject2.bin" ContentType="application/vnd.openxmlformats-officedocument.oleObject"/>
  <Override PartName="/ppt/tags/tag17.xml" ContentType="application/vnd.openxmlformats-officedocument.presentationml.tags+xml"/>
  <Override PartName="/ppt/notesSlides/notesSlide2.xml" ContentType="application/vnd.openxmlformats-officedocument.presentationml.notesSlide+xml"/>
  <Override PartName="/ppt/tags/tag10.xml" ContentType="application/vnd.openxmlformats-officedocument.presentationml.tags+xml"/>
  <Override PartName="/ppt/theme/theme1.xml" ContentType="application/vnd.openxmlformats-officedocument.theme+xml"/>
  <Override PartName="/ppt/slides/slide22.xml" ContentType="application/vnd.openxmlformats-officedocument.presentationml.slide+xml"/>
  <Override PartName="/ppt/presentation.xml" ContentType="application/vnd.openxmlformats-officedocument.presentationml.presentation.main+xml"/>
  <Override PartName="/ppt/slideLayouts/slideLayout10.xml" ContentType="application/vnd.openxmlformats-officedocument.presentationml.slideLayout+xml"/>
  <Override PartName="/ppt/tags/tag5.xml" ContentType="application/vnd.openxmlformats-officedocument.presentationml.tags+xml"/>
  <Override PartName="/ppt/slides/slide6.xml" ContentType="application/vnd.openxmlformats-officedocument.presentationml.slide+xml"/>
  <Override PartName="/ppt/slideLayouts/slideLayout6.xml" ContentType="application/vnd.openxmlformats-officedocument.presentationml.slideLayout+xml"/>
  <Default Extension="bin" ContentType="application/vnd.openxmlformats-officedocument.presentationml.printerSettings"/>
  <Default Extension="rels" ContentType="application/vnd.openxmlformats-package.relationship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firstSlideNum="0" strictFirstAndLastChars="0" saveSubsetFonts="1">
  <p:sldMasterIdLst>
    <p:sldMasterId id="2147483650" r:id="rId1"/>
  </p:sldMasterIdLst>
  <p:notesMasterIdLst>
    <p:notesMasterId r:id="rId25"/>
  </p:notesMasterIdLst>
  <p:handoutMasterIdLst>
    <p:handoutMasterId r:id="rId26"/>
  </p:handoutMasterIdLst>
  <p:sldIdLst>
    <p:sldId id="562" r:id="rId2"/>
    <p:sldId id="540" r:id="rId3"/>
    <p:sldId id="587" r:id="rId4"/>
    <p:sldId id="557" r:id="rId5"/>
    <p:sldId id="580" r:id="rId6"/>
    <p:sldId id="585" r:id="rId7"/>
    <p:sldId id="581" r:id="rId8"/>
    <p:sldId id="586" r:id="rId9"/>
    <p:sldId id="565" r:id="rId10"/>
    <p:sldId id="566" r:id="rId11"/>
    <p:sldId id="568" r:id="rId12"/>
    <p:sldId id="588" r:id="rId13"/>
    <p:sldId id="569" r:id="rId14"/>
    <p:sldId id="589" r:id="rId15"/>
    <p:sldId id="570" r:id="rId16"/>
    <p:sldId id="577" r:id="rId17"/>
    <p:sldId id="573" r:id="rId18"/>
    <p:sldId id="574" r:id="rId19"/>
    <p:sldId id="576" r:id="rId20"/>
    <p:sldId id="578" r:id="rId21"/>
    <p:sldId id="579" r:id="rId22"/>
    <p:sldId id="590" r:id="rId23"/>
    <p:sldId id="513" r:id="rId24"/>
  </p:sldIdLst>
  <p:sldSz cx="10688638" cy="7562850"/>
  <p:notesSz cx="6780213" cy="9910763"/>
  <p:custDataLst>
    <p:tags r:id="rId28"/>
  </p:custDataLst>
  <p:defaultTextStyle>
    <a:defPPr>
      <a:defRPr lang="en-US"/>
    </a:defPPr>
    <a:lvl1pPr algn="l" rtl="0" eaLnBrk="0" fontAlgn="base" hangingPunct="0">
      <a:spcBef>
        <a:spcPct val="0"/>
      </a:spcBef>
      <a:spcAft>
        <a:spcPct val="0"/>
      </a:spcAft>
      <a:defRPr sz="1200" kern="1200">
        <a:solidFill>
          <a:schemeClr val="tx1"/>
        </a:solidFill>
        <a:latin typeface="Trebuchet MS" pitchFamily="34" charset="0"/>
        <a:ea typeface="+mn-ea"/>
        <a:cs typeface="+mn-cs"/>
      </a:defRPr>
    </a:lvl1pPr>
    <a:lvl2pPr marL="457200" algn="l" rtl="0" eaLnBrk="0" fontAlgn="base" hangingPunct="0">
      <a:spcBef>
        <a:spcPct val="0"/>
      </a:spcBef>
      <a:spcAft>
        <a:spcPct val="0"/>
      </a:spcAft>
      <a:defRPr sz="1200" kern="1200">
        <a:solidFill>
          <a:schemeClr val="tx1"/>
        </a:solidFill>
        <a:latin typeface="Trebuchet MS" pitchFamily="34" charset="0"/>
        <a:ea typeface="+mn-ea"/>
        <a:cs typeface="+mn-cs"/>
      </a:defRPr>
    </a:lvl2pPr>
    <a:lvl3pPr marL="914400" algn="l" rtl="0" eaLnBrk="0" fontAlgn="base" hangingPunct="0">
      <a:spcBef>
        <a:spcPct val="0"/>
      </a:spcBef>
      <a:spcAft>
        <a:spcPct val="0"/>
      </a:spcAft>
      <a:defRPr sz="1200" kern="1200">
        <a:solidFill>
          <a:schemeClr val="tx1"/>
        </a:solidFill>
        <a:latin typeface="Trebuchet MS" pitchFamily="34" charset="0"/>
        <a:ea typeface="+mn-ea"/>
        <a:cs typeface="+mn-cs"/>
      </a:defRPr>
    </a:lvl3pPr>
    <a:lvl4pPr marL="1371600" algn="l" rtl="0" eaLnBrk="0" fontAlgn="base" hangingPunct="0">
      <a:spcBef>
        <a:spcPct val="0"/>
      </a:spcBef>
      <a:spcAft>
        <a:spcPct val="0"/>
      </a:spcAft>
      <a:defRPr sz="1200" kern="1200">
        <a:solidFill>
          <a:schemeClr val="tx1"/>
        </a:solidFill>
        <a:latin typeface="Trebuchet MS" pitchFamily="34" charset="0"/>
        <a:ea typeface="+mn-ea"/>
        <a:cs typeface="+mn-cs"/>
      </a:defRPr>
    </a:lvl4pPr>
    <a:lvl5pPr marL="1828800" algn="l" rtl="0" eaLnBrk="0" fontAlgn="base" hangingPunct="0">
      <a:spcBef>
        <a:spcPct val="0"/>
      </a:spcBef>
      <a:spcAft>
        <a:spcPct val="0"/>
      </a:spcAft>
      <a:defRPr sz="12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Trebuchet MS" pitchFamily="34" charset="0"/>
        <a:ea typeface="+mn-ea"/>
        <a:cs typeface="+mn-cs"/>
      </a:defRPr>
    </a:lvl6pPr>
    <a:lvl7pPr marL="2743200" algn="l" defTabSz="914400" rtl="0" eaLnBrk="1" latinLnBrk="0" hangingPunct="1">
      <a:defRPr sz="1200" kern="1200">
        <a:solidFill>
          <a:schemeClr val="tx1"/>
        </a:solidFill>
        <a:latin typeface="Trebuchet MS" pitchFamily="34" charset="0"/>
        <a:ea typeface="+mn-ea"/>
        <a:cs typeface="+mn-cs"/>
      </a:defRPr>
    </a:lvl7pPr>
    <a:lvl8pPr marL="3200400" algn="l" defTabSz="914400" rtl="0" eaLnBrk="1" latinLnBrk="0" hangingPunct="1">
      <a:defRPr sz="1200" kern="1200">
        <a:solidFill>
          <a:schemeClr val="tx1"/>
        </a:solidFill>
        <a:latin typeface="Trebuchet MS" pitchFamily="34" charset="0"/>
        <a:ea typeface="+mn-ea"/>
        <a:cs typeface="+mn-cs"/>
      </a:defRPr>
    </a:lvl8pPr>
    <a:lvl9pPr marL="3657600" algn="l" defTabSz="914400" rtl="0" eaLnBrk="1" latinLnBrk="0" hangingPunct="1">
      <a:defRPr sz="1200" kern="1200">
        <a:solidFill>
          <a:schemeClr val="tx1"/>
        </a:solidFill>
        <a:latin typeface="Trebuchet MS" pitchFamily="34"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lrMru>
    <a:srgbClr val="050A11"/>
    <a:srgbClr val="DDDDDD"/>
    <a:srgbClr val="C0C0C0"/>
    <a:srgbClr val="808080"/>
    <a:srgbClr val="D6E0EC"/>
  </p:clrMru>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normalViewPr horzBarState="maximized">
    <p:restoredLeft sz="8897" autoAdjust="0"/>
    <p:restoredTop sz="94660" autoAdjust="0"/>
  </p:normalViewPr>
  <p:slideViewPr>
    <p:cSldViewPr>
      <p:cViewPr>
        <p:scale>
          <a:sx n="66" d="100"/>
          <a:sy n="66" d="100"/>
        </p:scale>
        <p:origin x="-2112" y="-1112"/>
      </p:cViewPr>
      <p:guideLst>
        <p:guide orient="horz" pos="4512"/>
        <p:guide orient="horz" pos="1008"/>
        <p:guide orient="horz" pos="3744"/>
        <p:guide orient="horz" pos="2160"/>
        <p:guide orient="horz" pos="2592"/>
        <p:guide pos="6048"/>
        <p:guide pos="960"/>
        <p:guide pos="3456"/>
        <p:guide pos="3552"/>
      </p:guideLst>
    </p:cSldViewPr>
  </p:slideViewPr>
  <p:outlineViewPr>
    <p:cViewPr>
      <p:scale>
        <a:sx n="33" d="100"/>
        <a:sy n="33" d="100"/>
      </p:scale>
      <p:origin x="0" y="0"/>
    </p:cViewPr>
    <p:sldLst>
      <p:sld r:id="rId1" collapse="1"/>
    </p:sldLst>
  </p:outlineViewPr>
  <p:notesTextViewPr>
    <p:cViewPr>
      <p:scale>
        <a:sx n="100" d="100"/>
        <a:sy n="100" d="100"/>
      </p:scale>
      <p:origin x="0" y="0"/>
    </p:cViewPr>
  </p:notesTextViewPr>
  <p:sorterViewPr>
    <p:cViewPr>
      <p:scale>
        <a:sx n="100" d="100"/>
        <a:sy n="100" d="100"/>
      </p:scale>
      <p:origin x="0" y="0"/>
    </p:cViewPr>
  </p:sorterViewPr>
  <p:notesViewPr>
    <p:cSldViewPr>
      <p:cViewPr>
        <p:scale>
          <a:sx n="75" d="100"/>
          <a:sy n="75" d="100"/>
        </p:scale>
        <p:origin x="-1308" y="-72"/>
      </p:cViewPr>
      <p:guideLst>
        <p:guide orient="horz" pos="712"/>
        <p:guide orient="horz" pos="239"/>
        <p:guide orient="horz" pos="95"/>
        <p:guide pos="250"/>
        <p:guide pos="4042"/>
        <p:guide pos="3797"/>
        <p:guide pos="2104"/>
        <p:guide pos="490"/>
      </p:guideLst>
    </p:cSldViewPr>
  </p:notesViewPr>
  <p:gridSpacing cx="73736200" cy="73736200"/>
</p:viewPr>
</file>

<file path=ppt/_rels/presentation.xml.rels><?xml version="1.0" encoding="UTF-8" standalone="yes"?>
<Relationships xmlns="http://schemas.openxmlformats.org/package/2006/relationships"><Relationship Id="rId9" Type="http://schemas.openxmlformats.org/officeDocument/2006/relationships/slide" Target="slides/slide8.xml"/><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notesMaster" Target="notesMasters/notesMaster1.xml"/><Relationship Id="rId26" Type="http://schemas.openxmlformats.org/officeDocument/2006/relationships/handoutMaster" Target="handoutMasters/handoutMaster1.xml"/><Relationship Id="rId27" Type="http://schemas.openxmlformats.org/officeDocument/2006/relationships/printerSettings" Target="printerSettings/printerSettings1.bin"/><Relationship Id="rId28" Type="http://schemas.openxmlformats.org/officeDocument/2006/relationships/tags" Target="tags/tag1.xml"/><Relationship Id="rId29" Type="http://schemas.openxmlformats.org/officeDocument/2006/relationships/presProps" Target="presProps.xml"/><Relationship Id="rId30" Type="http://schemas.openxmlformats.org/officeDocument/2006/relationships/viewProps" Target="viewProps.xml"/><Relationship Id="rId31" Type="http://schemas.openxmlformats.org/officeDocument/2006/relationships/theme" Target="theme/theme1.xml"/><Relationship Id="rId32" Type="http://schemas.openxmlformats.org/officeDocument/2006/relationships/tableStyles" Target="tableStyles.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s>
</file>

<file path=ppt/_rels/viewProps.xml.rels><?xml version="1.0" encoding="UTF-8" standalone="yes"?>
<Relationships xmlns="http://schemas.openxmlformats.org/package/2006/relationships"><Relationship Id="rId1" Type="http://schemas.openxmlformats.org/officeDocument/2006/relationships/slide" Target="slides/slide2.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8.emf"/><Relationship Id="rId2" Type="http://schemas.openxmlformats.org/officeDocument/2006/relationships/image" Target="../media/image9.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0"/>
            <a:ext cx="2936875" cy="495300"/>
          </a:xfrm>
          <a:prstGeom prst="rect">
            <a:avLst/>
          </a:prstGeom>
          <a:noFill/>
          <a:ln w="6350">
            <a:noFill/>
            <a:miter lim="800000"/>
            <a:headEnd/>
            <a:tailEnd/>
          </a:ln>
          <a:effectLst/>
        </p:spPr>
        <p:txBody>
          <a:bodyPr vert="horz" wrap="square" lIns="47212" tIns="47212" rIns="47212" bIns="47212" numCol="1" anchor="t" anchorCtr="0" compatLnSpc="1">
            <a:prstTxWarp prst="textNoShape">
              <a:avLst/>
            </a:prstTxWarp>
          </a:bodyPr>
          <a:lstStyle>
            <a:lvl1pPr defTabSz="944563">
              <a:defRPr/>
            </a:lvl1pPr>
          </a:lstStyle>
          <a:p>
            <a:pPr>
              <a:defRPr/>
            </a:pPr>
            <a:endParaRPr lang="en-US"/>
          </a:p>
        </p:txBody>
      </p:sp>
      <p:sp>
        <p:nvSpPr>
          <p:cNvPr id="11267" name="Rectangle 3"/>
          <p:cNvSpPr>
            <a:spLocks noGrp="1" noChangeArrowheads="1"/>
          </p:cNvSpPr>
          <p:nvPr>
            <p:ph type="dt" sz="quarter" idx="1"/>
          </p:nvPr>
        </p:nvSpPr>
        <p:spPr bwMode="auto">
          <a:xfrm>
            <a:off x="3843338" y="0"/>
            <a:ext cx="2936875" cy="495300"/>
          </a:xfrm>
          <a:prstGeom prst="rect">
            <a:avLst/>
          </a:prstGeom>
          <a:noFill/>
          <a:ln w="6350">
            <a:noFill/>
            <a:miter lim="800000"/>
            <a:headEnd/>
            <a:tailEnd/>
          </a:ln>
          <a:effectLst/>
        </p:spPr>
        <p:txBody>
          <a:bodyPr vert="horz" wrap="square" lIns="47212" tIns="47212" rIns="47212" bIns="47212" numCol="1" anchor="t" anchorCtr="0" compatLnSpc="1">
            <a:prstTxWarp prst="textNoShape">
              <a:avLst/>
            </a:prstTxWarp>
          </a:bodyPr>
          <a:lstStyle>
            <a:lvl1pPr algn="r" defTabSz="944563">
              <a:defRPr/>
            </a:lvl1pPr>
          </a:lstStyle>
          <a:p>
            <a:pPr>
              <a:defRPr/>
            </a:pPr>
            <a:endParaRPr lang="en-US"/>
          </a:p>
        </p:txBody>
      </p:sp>
      <p:sp>
        <p:nvSpPr>
          <p:cNvPr id="11268" name="Rectangle 4"/>
          <p:cNvSpPr>
            <a:spLocks noGrp="1" noChangeArrowheads="1"/>
          </p:cNvSpPr>
          <p:nvPr>
            <p:ph type="ftr" sz="quarter" idx="2"/>
          </p:nvPr>
        </p:nvSpPr>
        <p:spPr bwMode="auto">
          <a:xfrm>
            <a:off x="0" y="9415463"/>
            <a:ext cx="2936875" cy="495300"/>
          </a:xfrm>
          <a:prstGeom prst="rect">
            <a:avLst/>
          </a:prstGeom>
          <a:noFill/>
          <a:ln w="6350">
            <a:noFill/>
            <a:miter lim="800000"/>
            <a:headEnd/>
            <a:tailEnd/>
          </a:ln>
          <a:effectLst/>
        </p:spPr>
        <p:txBody>
          <a:bodyPr vert="horz" wrap="square" lIns="47212" tIns="47212" rIns="47212" bIns="47212" numCol="1" anchor="b" anchorCtr="0" compatLnSpc="1">
            <a:prstTxWarp prst="textNoShape">
              <a:avLst/>
            </a:prstTxWarp>
          </a:bodyPr>
          <a:lstStyle>
            <a:lvl1pPr defTabSz="944563">
              <a:defRPr/>
            </a:lvl1pPr>
          </a:lstStyle>
          <a:p>
            <a:pPr>
              <a:defRPr/>
            </a:pPr>
            <a:endParaRPr lang="en-US"/>
          </a:p>
        </p:txBody>
      </p:sp>
      <p:sp>
        <p:nvSpPr>
          <p:cNvPr id="11269" name="Rectangle 5"/>
          <p:cNvSpPr>
            <a:spLocks noGrp="1" noChangeArrowheads="1"/>
          </p:cNvSpPr>
          <p:nvPr>
            <p:ph type="sldNum" sz="quarter" idx="3"/>
          </p:nvPr>
        </p:nvSpPr>
        <p:spPr bwMode="auto">
          <a:xfrm>
            <a:off x="3843338" y="9415463"/>
            <a:ext cx="2936875" cy="495300"/>
          </a:xfrm>
          <a:prstGeom prst="rect">
            <a:avLst/>
          </a:prstGeom>
          <a:noFill/>
          <a:ln w="6350">
            <a:noFill/>
            <a:miter lim="800000"/>
            <a:headEnd/>
            <a:tailEnd/>
          </a:ln>
          <a:effectLst/>
        </p:spPr>
        <p:txBody>
          <a:bodyPr vert="horz" wrap="square" lIns="47212" tIns="47212" rIns="47212" bIns="47212" numCol="1" anchor="b" anchorCtr="0" compatLnSpc="1">
            <a:prstTxWarp prst="textNoShape">
              <a:avLst/>
            </a:prstTxWarp>
          </a:bodyPr>
          <a:lstStyle>
            <a:lvl1pPr algn="r" defTabSz="944563">
              <a:defRPr/>
            </a:lvl1pPr>
          </a:lstStyle>
          <a:p>
            <a:pPr>
              <a:defRPr/>
            </a:pPr>
            <a:fld id="{88026B01-0258-4089-B0B0-66D93B637438}" type="slidenum">
              <a:rPr lang="en-US"/>
              <a:pPr>
                <a:defRPr/>
              </a:pPr>
              <a:t>‹#›</a:t>
            </a:fld>
            <a:endParaRPr lang="en-US"/>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 Id="rId2" Type="http://schemas.openxmlformats.org/officeDocument/2006/relationships/tags" Target="../tags/tag21.xml"/></Relationships>
</file>

<file path=ppt/notesMasters/notesMaster1.xml><?xml version="1.0" encoding="utf-8"?>
<p:notesMaste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bg>
      <p:bgPr>
        <a:solidFill>
          <a:schemeClr val="bg1"/>
        </a:solidFill>
        <a:effectLst/>
      </p:bgPr>
    </p:bg>
    <p:spTree>
      <p:nvGrpSpPr>
        <p:cNvPr id="1" name=""/>
        <p:cNvGrpSpPr/>
        <p:nvPr/>
      </p:nvGrpSpPr>
      <p:grpSpPr>
        <a:xfrm>
          <a:off x="0" y="0"/>
          <a:ext cx="0" cy="0"/>
          <a:chOff x="0" y="0"/>
          <a:chExt cx="0" cy="0"/>
        </a:xfrm>
      </p:grpSpPr>
      <p:sp>
        <p:nvSpPr>
          <p:cNvPr id="32770" name="Rectangle 4"/>
          <p:cNvSpPr>
            <a:spLocks noGrp="1" noRot="1" noChangeAspect="1" noChangeArrowheads="1" noTextEdit="1"/>
          </p:cNvSpPr>
          <p:nvPr>
            <p:ph type="sldImg" idx="2"/>
          </p:nvPr>
        </p:nvSpPr>
        <p:spPr bwMode="auto">
          <a:xfrm>
            <a:off x="768350" y="1085850"/>
            <a:ext cx="5253038" cy="3716338"/>
          </a:xfrm>
          <a:prstGeom prst="rect">
            <a:avLst/>
          </a:prstGeom>
          <a:noFill/>
          <a:ln w="9525">
            <a:solidFill>
              <a:srgbClr val="000000"/>
            </a:solidFill>
            <a:miter lim="800000"/>
            <a:headEnd/>
            <a:tailEnd/>
          </a:ln>
        </p:spPr>
      </p:sp>
      <p:sp>
        <p:nvSpPr>
          <p:cNvPr id="3080" name="Rectangle 8"/>
          <p:cNvSpPr>
            <a:spLocks noGrp="1" noChangeArrowheads="1"/>
          </p:cNvSpPr>
          <p:nvPr>
            <p:ph type="hdr" sz="quarter"/>
          </p:nvPr>
        </p:nvSpPr>
        <p:spPr bwMode="blackGray">
          <a:xfrm>
            <a:off x="325438" y="209550"/>
            <a:ext cx="3924300" cy="688975"/>
          </a:xfrm>
          <a:prstGeom prst="rect">
            <a:avLst/>
          </a:prstGeom>
          <a:noFill/>
          <a:ln w="9525">
            <a:noFill/>
            <a:miter lim="800000"/>
            <a:headEnd/>
            <a:tailEnd/>
          </a:ln>
          <a:effectLst/>
        </p:spPr>
        <p:txBody>
          <a:bodyPr vert="horz" wrap="none" lIns="45549" tIns="45549" rIns="45549" bIns="45549" numCol="1" anchor="t" anchorCtr="0" compatLnSpc="1">
            <a:prstTxWarp prst="textNoShape">
              <a:avLst/>
            </a:prstTxWarp>
          </a:bodyPr>
          <a:lstStyle>
            <a:lvl1pPr defTabSz="911225">
              <a:defRPr sz="800" b="1"/>
            </a:lvl1pPr>
          </a:lstStyle>
          <a:p>
            <a:pPr>
              <a:defRPr/>
            </a:pPr>
            <a:r>
              <a:rPr lang="en-GB"/>
              <a:t>Bond and Risk Management Conference</a:t>
            </a:r>
            <a:br>
              <a:rPr lang="en-GB"/>
            </a:br>
            <a:r>
              <a:rPr lang="en-GB"/>
              <a:t>DCM update</a:t>
            </a:r>
            <a:br>
              <a:rPr lang="en-GB"/>
            </a:br>
            <a:r>
              <a:rPr lang="en-GB"/>
              <a:t/>
            </a:r>
            <a:br>
              <a:rPr lang="en-GB"/>
            </a:br>
            <a:r>
              <a:rPr lang="en-GB"/>
              <a:t>Stephen Smith</a:t>
            </a:r>
            <a:br>
              <a:rPr lang="en-GB"/>
            </a:br>
            <a:r>
              <a:rPr lang="en-GB"/>
              <a:t>JPMorgan</a:t>
            </a:r>
            <a:br>
              <a:rPr lang="en-GB"/>
            </a:br>
            <a:r>
              <a:rPr lang="en-GB"/>
              <a:t>stephen.smith@jpmorgan.com</a:t>
            </a:r>
          </a:p>
        </p:txBody>
      </p:sp>
      <p:sp>
        <p:nvSpPr>
          <p:cNvPr id="3081" name="Rectangle 9"/>
          <p:cNvSpPr>
            <a:spLocks noGrp="1" noChangeArrowheads="1"/>
          </p:cNvSpPr>
          <p:nvPr>
            <p:ph type="ftr" sz="quarter" idx="4"/>
          </p:nvPr>
        </p:nvSpPr>
        <p:spPr bwMode="blackGray">
          <a:xfrm>
            <a:off x="0" y="9442450"/>
            <a:ext cx="2963863" cy="481013"/>
          </a:xfrm>
          <a:prstGeom prst="rect">
            <a:avLst/>
          </a:prstGeom>
          <a:noFill/>
          <a:ln w="9525">
            <a:noFill/>
            <a:miter lim="800000"/>
            <a:headEnd/>
            <a:tailEnd/>
          </a:ln>
          <a:effectLst/>
        </p:spPr>
        <p:txBody>
          <a:bodyPr vert="horz" wrap="none" lIns="45549" tIns="45549" rIns="45549" bIns="45549" numCol="1" anchor="b" anchorCtr="0" compatLnSpc="1">
            <a:prstTxWarp prst="textNoShape">
              <a:avLst/>
            </a:prstTxWarp>
          </a:bodyPr>
          <a:lstStyle>
            <a:lvl1pPr defTabSz="911225">
              <a:defRPr sz="800">
                <a:solidFill>
                  <a:schemeClr val="tx2"/>
                </a:solidFill>
              </a:defRPr>
            </a:lvl1pPr>
          </a:lstStyle>
          <a:p>
            <a:pPr>
              <a:defRPr/>
            </a:pPr>
            <a:r>
              <a:rPr lang="en-GB"/>
              <a:t>Graphics\MAR 03\ISSUER MANAGEMENT\NOTES PAGE BOOK (03).ppt</a:t>
            </a:r>
          </a:p>
        </p:txBody>
      </p:sp>
      <p:sp>
        <p:nvSpPr>
          <p:cNvPr id="3083" name="Freeform 11"/>
          <p:cNvSpPr>
            <a:spLocks noChangeAspect="1" noEditPoints="1"/>
          </p:cNvSpPr>
          <p:nvPr>
            <p:custDataLst>
              <p:tags r:id="rId2"/>
            </p:custDataLst>
          </p:nvPr>
        </p:nvSpPr>
        <p:spPr bwMode="auto">
          <a:xfrm>
            <a:off x="5375275" y="328613"/>
            <a:ext cx="1069975" cy="266700"/>
          </a:xfrm>
          <a:custGeom>
            <a:avLst/>
            <a:gdLst/>
            <a:ahLst/>
            <a:cxnLst>
              <a:cxn ang="0">
                <a:pos x="1" y="1860"/>
              </a:cxn>
              <a:cxn ang="0">
                <a:pos x="5380" y="2754"/>
              </a:cxn>
              <a:cxn ang="0">
                <a:pos x="5364" y="2310"/>
              </a:cxn>
              <a:cxn ang="0">
                <a:pos x="5532" y="2525"/>
              </a:cxn>
              <a:cxn ang="0">
                <a:pos x="5756" y="2938"/>
              </a:cxn>
              <a:cxn ang="0">
                <a:pos x="6002" y="2471"/>
              </a:cxn>
              <a:cxn ang="0">
                <a:pos x="5621" y="2073"/>
              </a:cxn>
              <a:cxn ang="0">
                <a:pos x="15762" y="2412"/>
              </a:cxn>
              <a:cxn ang="0">
                <a:pos x="15735" y="2670"/>
              </a:cxn>
              <a:cxn ang="0">
                <a:pos x="16127" y="2687"/>
              </a:cxn>
              <a:cxn ang="0">
                <a:pos x="16608" y="2917"/>
              </a:cxn>
              <a:cxn ang="0">
                <a:pos x="16440" y="2462"/>
              </a:cxn>
              <a:cxn ang="0">
                <a:pos x="7245" y="3623"/>
              </a:cxn>
              <a:cxn ang="0">
                <a:pos x="10034" y="3221"/>
              </a:cxn>
              <a:cxn ang="0">
                <a:pos x="9717" y="3409"/>
              </a:cxn>
              <a:cxn ang="0">
                <a:pos x="9369" y="3253"/>
              </a:cxn>
              <a:cxn ang="0">
                <a:pos x="9323" y="2855"/>
              </a:cxn>
              <a:cxn ang="0">
                <a:pos x="9581" y="2605"/>
              </a:cxn>
              <a:cxn ang="0">
                <a:pos x="9972" y="2694"/>
              </a:cxn>
              <a:cxn ang="0">
                <a:pos x="10498" y="2922"/>
              </a:cxn>
              <a:cxn ang="0">
                <a:pos x="10082" y="2406"/>
              </a:cxn>
              <a:cxn ang="0">
                <a:pos x="9304" y="2406"/>
              </a:cxn>
              <a:cxn ang="0">
                <a:pos x="8887" y="2922"/>
              </a:cxn>
              <a:cxn ang="0">
                <a:pos x="9175" y="3535"/>
              </a:cxn>
              <a:cxn ang="0">
                <a:pos x="9936" y="3639"/>
              </a:cxn>
              <a:cxn ang="0">
                <a:pos x="10466" y="3226"/>
              </a:cxn>
              <a:cxn ang="0">
                <a:pos x="12627" y="2373"/>
              </a:cxn>
              <a:cxn ang="0">
                <a:pos x="11952" y="2540"/>
              </a:cxn>
              <a:cxn ang="0">
                <a:pos x="11779" y="3094"/>
              </a:cxn>
              <a:cxn ang="0">
                <a:pos x="12098" y="3567"/>
              </a:cxn>
              <a:cxn ang="0">
                <a:pos x="12721" y="3574"/>
              </a:cxn>
              <a:cxn ang="0">
                <a:pos x="12868" y="3632"/>
              </a:cxn>
              <a:cxn ang="0">
                <a:pos x="12601" y="3885"/>
              </a:cxn>
              <a:cxn ang="0">
                <a:pos x="11983" y="3826"/>
              </a:cxn>
              <a:cxn ang="0">
                <a:pos x="12532" y="4159"/>
              </a:cxn>
              <a:cxn ang="0">
                <a:pos x="13202" y="3812"/>
              </a:cxn>
              <a:cxn ang="0">
                <a:pos x="12410" y="3356"/>
              </a:cxn>
              <a:cxn ang="0">
                <a:pos x="12199" y="3105"/>
              </a:cxn>
              <a:cxn ang="0">
                <a:pos x="12245" y="2764"/>
              </a:cxn>
              <a:cxn ang="0">
                <a:pos x="12584" y="2614"/>
              </a:cxn>
              <a:cxn ang="0">
                <a:pos x="12848" y="2812"/>
              </a:cxn>
              <a:cxn ang="0">
                <a:pos x="12850" y="3162"/>
              </a:cxn>
              <a:cxn ang="0">
                <a:pos x="12573" y="3371"/>
              </a:cxn>
              <a:cxn ang="0">
                <a:pos x="14708" y="2466"/>
              </a:cxn>
              <a:cxn ang="0">
                <a:pos x="13940" y="2376"/>
              </a:cxn>
              <a:cxn ang="0">
                <a:pos x="14037" y="2598"/>
              </a:cxn>
              <a:cxn ang="0">
                <a:pos x="14442" y="2672"/>
              </a:cxn>
              <a:cxn ang="0">
                <a:pos x="13930" y="2894"/>
              </a:cxn>
              <a:cxn ang="0">
                <a:pos x="13550" y="3096"/>
              </a:cxn>
              <a:cxn ang="0">
                <a:pos x="13563" y="3459"/>
              </a:cxn>
              <a:cxn ang="0">
                <a:pos x="13969" y="3649"/>
              </a:cxn>
              <a:cxn ang="0">
                <a:pos x="14525" y="3498"/>
              </a:cxn>
              <a:cxn ang="0">
                <a:pos x="14132" y="3418"/>
              </a:cxn>
              <a:cxn ang="0">
                <a:pos x="13912" y="3313"/>
              </a:cxn>
              <a:cxn ang="0">
                <a:pos x="14012" y="3115"/>
              </a:cxn>
              <a:cxn ang="0">
                <a:pos x="3503" y="3109"/>
              </a:cxn>
              <a:cxn ang="0">
                <a:pos x="3301" y="3338"/>
              </a:cxn>
              <a:cxn ang="0">
                <a:pos x="2988" y="3643"/>
              </a:cxn>
              <a:cxn ang="0">
                <a:pos x="3769" y="3507"/>
              </a:cxn>
              <a:cxn ang="0">
                <a:pos x="11555" y="2357"/>
              </a:cxn>
              <a:cxn ang="0">
                <a:pos x="11170" y="2513"/>
              </a:cxn>
              <a:cxn ang="0">
                <a:pos x="11188" y="2804"/>
              </a:cxn>
              <a:cxn ang="0">
                <a:pos x="11416" y="2631"/>
              </a:cxn>
            </a:cxnLst>
            <a:rect l="0" t="0" r="r" b="b"/>
            <a:pathLst>
              <a:path w="16608" h="4160">
                <a:moveTo>
                  <a:pt x="2825" y="962"/>
                </a:moveTo>
                <a:lnTo>
                  <a:pt x="2025" y="962"/>
                </a:lnTo>
                <a:lnTo>
                  <a:pt x="2025" y="2821"/>
                </a:lnTo>
                <a:lnTo>
                  <a:pt x="2825" y="2022"/>
                </a:lnTo>
                <a:lnTo>
                  <a:pt x="2825" y="962"/>
                </a:lnTo>
                <a:close/>
                <a:moveTo>
                  <a:pt x="963" y="0"/>
                </a:moveTo>
                <a:lnTo>
                  <a:pt x="963" y="800"/>
                </a:lnTo>
                <a:lnTo>
                  <a:pt x="2825" y="800"/>
                </a:lnTo>
                <a:lnTo>
                  <a:pt x="2025" y="0"/>
                </a:lnTo>
                <a:lnTo>
                  <a:pt x="963" y="0"/>
                </a:lnTo>
                <a:close/>
                <a:moveTo>
                  <a:pt x="1863" y="2821"/>
                </a:moveTo>
                <a:lnTo>
                  <a:pt x="1863" y="2022"/>
                </a:lnTo>
                <a:lnTo>
                  <a:pt x="0" y="2022"/>
                </a:lnTo>
                <a:lnTo>
                  <a:pt x="800" y="2821"/>
                </a:lnTo>
                <a:lnTo>
                  <a:pt x="1863" y="2821"/>
                </a:lnTo>
                <a:close/>
                <a:moveTo>
                  <a:pt x="1" y="1860"/>
                </a:moveTo>
                <a:lnTo>
                  <a:pt x="801" y="1860"/>
                </a:lnTo>
                <a:lnTo>
                  <a:pt x="801" y="0"/>
                </a:lnTo>
                <a:lnTo>
                  <a:pt x="1" y="799"/>
                </a:lnTo>
                <a:lnTo>
                  <a:pt x="1" y="1860"/>
                </a:lnTo>
                <a:close/>
                <a:moveTo>
                  <a:pt x="5532" y="2525"/>
                </a:moveTo>
                <a:lnTo>
                  <a:pt x="5530" y="2545"/>
                </a:lnTo>
                <a:lnTo>
                  <a:pt x="5528" y="2566"/>
                </a:lnTo>
                <a:lnTo>
                  <a:pt x="5524" y="2588"/>
                </a:lnTo>
                <a:lnTo>
                  <a:pt x="5518" y="2610"/>
                </a:lnTo>
                <a:lnTo>
                  <a:pt x="5514" y="2621"/>
                </a:lnTo>
                <a:lnTo>
                  <a:pt x="5510" y="2632"/>
                </a:lnTo>
                <a:lnTo>
                  <a:pt x="5503" y="2643"/>
                </a:lnTo>
                <a:lnTo>
                  <a:pt x="5498" y="2654"/>
                </a:lnTo>
                <a:lnTo>
                  <a:pt x="5491" y="2665"/>
                </a:lnTo>
                <a:lnTo>
                  <a:pt x="5484" y="2675"/>
                </a:lnTo>
                <a:lnTo>
                  <a:pt x="5476" y="2685"/>
                </a:lnTo>
                <a:lnTo>
                  <a:pt x="5467" y="2695"/>
                </a:lnTo>
                <a:lnTo>
                  <a:pt x="5458" y="2705"/>
                </a:lnTo>
                <a:lnTo>
                  <a:pt x="5446" y="2714"/>
                </a:lnTo>
                <a:lnTo>
                  <a:pt x="5435" y="2723"/>
                </a:lnTo>
                <a:lnTo>
                  <a:pt x="5424" y="2731"/>
                </a:lnTo>
                <a:lnTo>
                  <a:pt x="5410" y="2739"/>
                </a:lnTo>
                <a:lnTo>
                  <a:pt x="5396" y="2746"/>
                </a:lnTo>
                <a:lnTo>
                  <a:pt x="5380" y="2754"/>
                </a:lnTo>
                <a:lnTo>
                  <a:pt x="5364" y="2760"/>
                </a:lnTo>
                <a:lnTo>
                  <a:pt x="5347" y="2766"/>
                </a:lnTo>
                <a:lnTo>
                  <a:pt x="5328" y="2771"/>
                </a:lnTo>
                <a:lnTo>
                  <a:pt x="5308" y="2775"/>
                </a:lnTo>
                <a:lnTo>
                  <a:pt x="5288" y="2780"/>
                </a:lnTo>
                <a:lnTo>
                  <a:pt x="5266" y="2783"/>
                </a:lnTo>
                <a:lnTo>
                  <a:pt x="5243" y="2785"/>
                </a:lnTo>
                <a:lnTo>
                  <a:pt x="5219" y="2786"/>
                </a:lnTo>
                <a:lnTo>
                  <a:pt x="5193" y="2786"/>
                </a:lnTo>
                <a:lnTo>
                  <a:pt x="4855" y="2786"/>
                </a:lnTo>
                <a:lnTo>
                  <a:pt x="4855" y="2288"/>
                </a:lnTo>
                <a:lnTo>
                  <a:pt x="5193" y="2288"/>
                </a:lnTo>
                <a:lnTo>
                  <a:pt x="5219" y="2288"/>
                </a:lnTo>
                <a:lnTo>
                  <a:pt x="5243" y="2289"/>
                </a:lnTo>
                <a:lnTo>
                  <a:pt x="5266" y="2291"/>
                </a:lnTo>
                <a:lnTo>
                  <a:pt x="5288" y="2295"/>
                </a:lnTo>
                <a:lnTo>
                  <a:pt x="5308" y="2298"/>
                </a:lnTo>
                <a:lnTo>
                  <a:pt x="5328" y="2301"/>
                </a:lnTo>
                <a:lnTo>
                  <a:pt x="5347" y="2306"/>
                </a:lnTo>
                <a:lnTo>
                  <a:pt x="5364" y="2310"/>
                </a:lnTo>
                <a:lnTo>
                  <a:pt x="5380" y="2316"/>
                </a:lnTo>
                <a:lnTo>
                  <a:pt x="5396" y="2323"/>
                </a:lnTo>
                <a:lnTo>
                  <a:pt x="5410" y="2329"/>
                </a:lnTo>
                <a:lnTo>
                  <a:pt x="5424" y="2336"/>
                </a:lnTo>
                <a:lnTo>
                  <a:pt x="5435" y="2343"/>
                </a:lnTo>
                <a:lnTo>
                  <a:pt x="5446" y="2350"/>
                </a:lnTo>
                <a:lnTo>
                  <a:pt x="5458" y="2359"/>
                </a:lnTo>
                <a:lnTo>
                  <a:pt x="5467" y="2367"/>
                </a:lnTo>
                <a:lnTo>
                  <a:pt x="5476" y="2376"/>
                </a:lnTo>
                <a:lnTo>
                  <a:pt x="5484" y="2385"/>
                </a:lnTo>
                <a:lnTo>
                  <a:pt x="5491" y="2394"/>
                </a:lnTo>
                <a:lnTo>
                  <a:pt x="5498" y="2404"/>
                </a:lnTo>
                <a:lnTo>
                  <a:pt x="5503" y="2414"/>
                </a:lnTo>
                <a:lnTo>
                  <a:pt x="5510" y="2424"/>
                </a:lnTo>
                <a:lnTo>
                  <a:pt x="5514" y="2433"/>
                </a:lnTo>
                <a:lnTo>
                  <a:pt x="5518" y="2444"/>
                </a:lnTo>
                <a:lnTo>
                  <a:pt x="5524" y="2464"/>
                </a:lnTo>
                <a:lnTo>
                  <a:pt x="5528" y="2484"/>
                </a:lnTo>
                <a:lnTo>
                  <a:pt x="5530" y="2505"/>
                </a:lnTo>
                <a:lnTo>
                  <a:pt x="5532" y="2525"/>
                </a:lnTo>
                <a:close/>
                <a:moveTo>
                  <a:pt x="5160" y="2021"/>
                </a:moveTo>
                <a:lnTo>
                  <a:pt x="4381" y="2021"/>
                </a:lnTo>
                <a:lnTo>
                  <a:pt x="4381" y="3623"/>
                </a:lnTo>
                <a:lnTo>
                  <a:pt x="4855" y="3623"/>
                </a:lnTo>
                <a:lnTo>
                  <a:pt x="4855" y="3055"/>
                </a:lnTo>
                <a:lnTo>
                  <a:pt x="5259" y="3055"/>
                </a:lnTo>
                <a:lnTo>
                  <a:pt x="5302" y="3054"/>
                </a:lnTo>
                <a:lnTo>
                  <a:pt x="5344" y="3052"/>
                </a:lnTo>
                <a:lnTo>
                  <a:pt x="5385" y="3049"/>
                </a:lnTo>
                <a:lnTo>
                  <a:pt x="5425" y="3045"/>
                </a:lnTo>
                <a:lnTo>
                  <a:pt x="5463" y="3040"/>
                </a:lnTo>
                <a:lnTo>
                  <a:pt x="5500" y="3032"/>
                </a:lnTo>
                <a:lnTo>
                  <a:pt x="5537" y="3024"/>
                </a:lnTo>
                <a:lnTo>
                  <a:pt x="5572" y="3015"/>
                </a:lnTo>
                <a:lnTo>
                  <a:pt x="5606" y="3004"/>
                </a:lnTo>
                <a:lnTo>
                  <a:pt x="5638" y="2994"/>
                </a:lnTo>
                <a:lnTo>
                  <a:pt x="5670" y="2982"/>
                </a:lnTo>
                <a:lnTo>
                  <a:pt x="5700" y="2968"/>
                </a:lnTo>
                <a:lnTo>
                  <a:pt x="5729" y="2954"/>
                </a:lnTo>
                <a:lnTo>
                  <a:pt x="5756" y="2938"/>
                </a:lnTo>
                <a:lnTo>
                  <a:pt x="5782" y="2922"/>
                </a:lnTo>
                <a:lnTo>
                  <a:pt x="5807" y="2905"/>
                </a:lnTo>
                <a:lnTo>
                  <a:pt x="5829" y="2886"/>
                </a:lnTo>
                <a:lnTo>
                  <a:pt x="5852" y="2868"/>
                </a:lnTo>
                <a:lnTo>
                  <a:pt x="5872" y="2848"/>
                </a:lnTo>
                <a:lnTo>
                  <a:pt x="5892" y="2827"/>
                </a:lnTo>
                <a:lnTo>
                  <a:pt x="5909" y="2806"/>
                </a:lnTo>
                <a:lnTo>
                  <a:pt x="5925" y="2785"/>
                </a:lnTo>
                <a:lnTo>
                  <a:pt x="5940" y="2762"/>
                </a:lnTo>
                <a:lnTo>
                  <a:pt x="5954" y="2738"/>
                </a:lnTo>
                <a:lnTo>
                  <a:pt x="5965" y="2714"/>
                </a:lnTo>
                <a:lnTo>
                  <a:pt x="5976" y="2690"/>
                </a:lnTo>
                <a:lnTo>
                  <a:pt x="5984" y="2665"/>
                </a:lnTo>
                <a:lnTo>
                  <a:pt x="5991" y="2639"/>
                </a:lnTo>
                <a:lnTo>
                  <a:pt x="5997" y="2613"/>
                </a:lnTo>
                <a:lnTo>
                  <a:pt x="6001" y="2586"/>
                </a:lnTo>
                <a:lnTo>
                  <a:pt x="6004" y="2559"/>
                </a:lnTo>
                <a:lnTo>
                  <a:pt x="6005" y="2531"/>
                </a:lnTo>
                <a:lnTo>
                  <a:pt x="6004" y="2501"/>
                </a:lnTo>
                <a:lnTo>
                  <a:pt x="6002" y="2471"/>
                </a:lnTo>
                <a:lnTo>
                  <a:pt x="5998" y="2443"/>
                </a:lnTo>
                <a:lnTo>
                  <a:pt x="5992" y="2415"/>
                </a:lnTo>
                <a:lnTo>
                  <a:pt x="5986" y="2388"/>
                </a:lnTo>
                <a:lnTo>
                  <a:pt x="5978" y="2362"/>
                </a:lnTo>
                <a:lnTo>
                  <a:pt x="5967" y="2336"/>
                </a:lnTo>
                <a:lnTo>
                  <a:pt x="5957" y="2312"/>
                </a:lnTo>
                <a:lnTo>
                  <a:pt x="5944" y="2288"/>
                </a:lnTo>
                <a:lnTo>
                  <a:pt x="5929" y="2267"/>
                </a:lnTo>
                <a:lnTo>
                  <a:pt x="5912" y="2245"/>
                </a:lnTo>
                <a:lnTo>
                  <a:pt x="5895" y="2224"/>
                </a:lnTo>
                <a:lnTo>
                  <a:pt x="5875" y="2205"/>
                </a:lnTo>
                <a:lnTo>
                  <a:pt x="5854" y="2187"/>
                </a:lnTo>
                <a:lnTo>
                  <a:pt x="5831" y="2169"/>
                </a:lnTo>
                <a:lnTo>
                  <a:pt x="5807" y="2153"/>
                </a:lnTo>
                <a:lnTo>
                  <a:pt x="5781" y="2136"/>
                </a:lnTo>
                <a:lnTo>
                  <a:pt x="5752" y="2121"/>
                </a:lnTo>
                <a:lnTo>
                  <a:pt x="5721" y="2108"/>
                </a:lnTo>
                <a:lnTo>
                  <a:pt x="5690" y="2096"/>
                </a:lnTo>
                <a:lnTo>
                  <a:pt x="5656" y="2083"/>
                </a:lnTo>
                <a:lnTo>
                  <a:pt x="5621" y="2073"/>
                </a:lnTo>
                <a:lnTo>
                  <a:pt x="5583" y="2063"/>
                </a:lnTo>
                <a:lnTo>
                  <a:pt x="5544" y="2054"/>
                </a:lnTo>
                <a:lnTo>
                  <a:pt x="5503" y="2047"/>
                </a:lnTo>
                <a:lnTo>
                  <a:pt x="5460" y="2040"/>
                </a:lnTo>
                <a:lnTo>
                  <a:pt x="5415" y="2034"/>
                </a:lnTo>
                <a:lnTo>
                  <a:pt x="5367" y="2029"/>
                </a:lnTo>
                <a:lnTo>
                  <a:pt x="5319" y="2026"/>
                </a:lnTo>
                <a:lnTo>
                  <a:pt x="5268" y="2023"/>
                </a:lnTo>
                <a:lnTo>
                  <a:pt x="5215" y="2021"/>
                </a:lnTo>
                <a:lnTo>
                  <a:pt x="5160" y="2021"/>
                </a:lnTo>
                <a:close/>
                <a:moveTo>
                  <a:pt x="16045" y="2357"/>
                </a:moveTo>
                <a:lnTo>
                  <a:pt x="16012" y="2358"/>
                </a:lnTo>
                <a:lnTo>
                  <a:pt x="15979" y="2360"/>
                </a:lnTo>
                <a:lnTo>
                  <a:pt x="15946" y="2364"/>
                </a:lnTo>
                <a:lnTo>
                  <a:pt x="15914" y="2368"/>
                </a:lnTo>
                <a:lnTo>
                  <a:pt x="15881" y="2374"/>
                </a:lnTo>
                <a:lnTo>
                  <a:pt x="15850" y="2383"/>
                </a:lnTo>
                <a:lnTo>
                  <a:pt x="15820" y="2391"/>
                </a:lnTo>
                <a:lnTo>
                  <a:pt x="15791" y="2400"/>
                </a:lnTo>
                <a:lnTo>
                  <a:pt x="15762" y="2412"/>
                </a:lnTo>
                <a:lnTo>
                  <a:pt x="15735" y="2423"/>
                </a:lnTo>
                <a:lnTo>
                  <a:pt x="15709" y="2437"/>
                </a:lnTo>
                <a:lnTo>
                  <a:pt x="15684" y="2450"/>
                </a:lnTo>
                <a:lnTo>
                  <a:pt x="15660" y="2464"/>
                </a:lnTo>
                <a:lnTo>
                  <a:pt x="15639" y="2479"/>
                </a:lnTo>
                <a:lnTo>
                  <a:pt x="15618" y="2496"/>
                </a:lnTo>
                <a:lnTo>
                  <a:pt x="15599" y="2512"/>
                </a:lnTo>
                <a:lnTo>
                  <a:pt x="15593" y="2512"/>
                </a:lnTo>
                <a:lnTo>
                  <a:pt x="15593" y="2383"/>
                </a:lnTo>
                <a:lnTo>
                  <a:pt x="15202" y="2383"/>
                </a:lnTo>
                <a:lnTo>
                  <a:pt x="15202" y="3623"/>
                </a:lnTo>
                <a:lnTo>
                  <a:pt x="15599" y="3623"/>
                </a:lnTo>
                <a:lnTo>
                  <a:pt x="15599" y="2774"/>
                </a:lnTo>
                <a:lnTo>
                  <a:pt x="15617" y="2755"/>
                </a:lnTo>
                <a:lnTo>
                  <a:pt x="15634" y="2737"/>
                </a:lnTo>
                <a:lnTo>
                  <a:pt x="15654" y="2720"/>
                </a:lnTo>
                <a:lnTo>
                  <a:pt x="15673" y="2706"/>
                </a:lnTo>
                <a:lnTo>
                  <a:pt x="15694" y="2692"/>
                </a:lnTo>
                <a:lnTo>
                  <a:pt x="15714" y="2681"/>
                </a:lnTo>
                <a:lnTo>
                  <a:pt x="15735" y="2670"/>
                </a:lnTo>
                <a:lnTo>
                  <a:pt x="15756" y="2660"/>
                </a:lnTo>
                <a:lnTo>
                  <a:pt x="15777" y="2653"/>
                </a:lnTo>
                <a:lnTo>
                  <a:pt x="15798" y="2646"/>
                </a:lnTo>
                <a:lnTo>
                  <a:pt x="15820" y="2641"/>
                </a:lnTo>
                <a:lnTo>
                  <a:pt x="15841" y="2635"/>
                </a:lnTo>
                <a:lnTo>
                  <a:pt x="15862" y="2632"/>
                </a:lnTo>
                <a:lnTo>
                  <a:pt x="15882" y="2630"/>
                </a:lnTo>
                <a:lnTo>
                  <a:pt x="15903" y="2629"/>
                </a:lnTo>
                <a:lnTo>
                  <a:pt x="15923" y="2628"/>
                </a:lnTo>
                <a:lnTo>
                  <a:pt x="15949" y="2629"/>
                </a:lnTo>
                <a:lnTo>
                  <a:pt x="15973" y="2630"/>
                </a:lnTo>
                <a:lnTo>
                  <a:pt x="15996" y="2633"/>
                </a:lnTo>
                <a:lnTo>
                  <a:pt x="16017" y="2637"/>
                </a:lnTo>
                <a:lnTo>
                  <a:pt x="16036" y="2642"/>
                </a:lnTo>
                <a:lnTo>
                  <a:pt x="16055" y="2647"/>
                </a:lnTo>
                <a:lnTo>
                  <a:pt x="16072" y="2653"/>
                </a:lnTo>
                <a:lnTo>
                  <a:pt x="16088" y="2660"/>
                </a:lnTo>
                <a:lnTo>
                  <a:pt x="16102" y="2669"/>
                </a:lnTo>
                <a:lnTo>
                  <a:pt x="16116" y="2678"/>
                </a:lnTo>
                <a:lnTo>
                  <a:pt x="16127" y="2687"/>
                </a:lnTo>
                <a:lnTo>
                  <a:pt x="16139" y="2699"/>
                </a:lnTo>
                <a:lnTo>
                  <a:pt x="16149" y="2710"/>
                </a:lnTo>
                <a:lnTo>
                  <a:pt x="16158" y="2723"/>
                </a:lnTo>
                <a:lnTo>
                  <a:pt x="16166" y="2735"/>
                </a:lnTo>
                <a:lnTo>
                  <a:pt x="16173" y="2748"/>
                </a:lnTo>
                <a:lnTo>
                  <a:pt x="16180" y="2763"/>
                </a:lnTo>
                <a:lnTo>
                  <a:pt x="16186" y="2779"/>
                </a:lnTo>
                <a:lnTo>
                  <a:pt x="16191" y="2794"/>
                </a:lnTo>
                <a:lnTo>
                  <a:pt x="16195" y="2811"/>
                </a:lnTo>
                <a:lnTo>
                  <a:pt x="16198" y="2827"/>
                </a:lnTo>
                <a:lnTo>
                  <a:pt x="16201" y="2845"/>
                </a:lnTo>
                <a:lnTo>
                  <a:pt x="16204" y="2862"/>
                </a:lnTo>
                <a:lnTo>
                  <a:pt x="16206" y="2881"/>
                </a:lnTo>
                <a:lnTo>
                  <a:pt x="16208" y="2920"/>
                </a:lnTo>
                <a:lnTo>
                  <a:pt x="16210" y="2961"/>
                </a:lnTo>
                <a:lnTo>
                  <a:pt x="16211" y="3003"/>
                </a:lnTo>
                <a:lnTo>
                  <a:pt x="16211" y="3047"/>
                </a:lnTo>
                <a:lnTo>
                  <a:pt x="16211" y="3623"/>
                </a:lnTo>
                <a:lnTo>
                  <a:pt x="16608" y="3623"/>
                </a:lnTo>
                <a:lnTo>
                  <a:pt x="16608" y="2917"/>
                </a:lnTo>
                <a:lnTo>
                  <a:pt x="16608" y="2891"/>
                </a:lnTo>
                <a:lnTo>
                  <a:pt x="16607" y="2867"/>
                </a:lnTo>
                <a:lnTo>
                  <a:pt x="16606" y="2841"/>
                </a:lnTo>
                <a:lnTo>
                  <a:pt x="16604" y="2815"/>
                </a:lnTo>
                <a:lnTo>
                  <a:pt x="16602" y="2790"/>
                </a:lnTo>
                <a:lnTo>
                  <a:pt x="16599" y="2764"/>
                </a:lnTo>
                <a:lnTo>
                  <a:pt x="16595" y="2739"/>
                </a:lnTo>
                <a:lnTo>
                  <a:pt x="16589" y="2714"/>
                </a:lnTo>
                <a:lnTo>
                  <a:pt x="16583" y="2690"/>
                </a:lnTo>
                <a:lnTo>
                  <a:pt x="16577" y="2667"/>
                </a:lnTo>
                <a:lnTo>
                  <a:pt x="16569" y="2643"/>
                </a:lnTo>
                <a:lnTo>
                  <a:pt x="16559" y="2620"/>
                </a:lnTo>
                <a:lnTo>
                  <a:pt x="16550" y="2597"/>
                </a:lnTo>
                <a:lnTo>
                  <a:pt x="16538" y="2575"/>
                </a:lnTo>
                <a:lnTo>
                  <a:pt x="16525" y="2555"/>
                </a:lnTo>
                <a:lnTo>
                  <a:pt x="16511" y="2535"/>
                </a:lnTo>
                <a:lnTo>
                  <a:pt x="16496" y="2515"/>
                </a:lnTo>
                <a:lnTo>
                  <a:pt x="16478" y="2497"/>
                </a:lnTo>
                <a:lnTo>
                  <a:pt x="16460" y="2479"/>
                </a:lnTo>
                <a:lnTo>
                  <a:pt x="16440" y="2462"/>
                </a:lnTo>
                <a:lnTo>
                  <a:pt x="16418" y="2447"/>
                </a:lnTo>
                <a:lnTo>
                  <a:pt x="16394" y="2432"/>
                </a:lnTo>
                <a:lnTo>
                  <a:pt x="16368" y="2419"/>
                </a:lnTo>
                <a:lnTo>
                  <a:pt x="16341" y="2406"/>
                </a:lnTo>
                <a:lnTo>
                  <a:pt x="16311" y="2395"/>
                </a:lnTo>
                <a:lnTo>
                  <a:pt x="16280" y="2386"/>
                </a:lnTo>
                <a:lnTo>
                  <a:pt x="16247" y="2377"/>
                </a:lnTo>
                <a:lnTo>
                  <a:pt x="16211" y="2370"/>
                </a:lnTo>
                <a:lnTo>
                  <a:pt x="16173" y="2364"/>
                </a:lnTo>
                <a:lnTo>
                  <a:pt x="16133" y="2360"/>
                </a:lnTo>
                <a:lnTo>
                  <a:pt x="16091" y="2358"/>
                </a:lnTo>
                <a:lnTo>
                  <a:pt x="16045" y="2357"/>
                </a:lnTo>
                <a:close/>
                <a:moveTo>
                  <a:pt x="7459" y="3161"/>
                </a:moveTo>
                <a:lnTo>
                  <a:pt x="7049" y="2021"/>
                </a:lnTo>
                <a:lnTo>
                  <a:pt x="6295" y="2021"/>
                </a:lnTo>
                <a:lnTo>
                  <a:pt x="6295" y="3623"/>
                </a:lnTo>
                <a:lnTo>
                  <a:pt x="6751" y="3623"/>
                </a:lnTo>
                <a:lnTo>
                  <a:pt x="6751" y="2355"/>
                </a:lnTo>
                <a:lnTo>
                  <a:pt x="6778" y="2355"/>
                </a:lnTo>
                <a:lnTo>
                  <a:pt x="7245" y="3623"/>
                </a:lnTo>
                <a:lnTo>
                  <a:pt x="7673" y="3623"/>
                </a:lnTo>
                <a:lnTo>
                  <a:pt x="8139" y="2355"/>
                </a:lnTo>
                <a:lnTo>
                  <a:pt x="8167" y="2355"/>
                </a:lnTo>
                <a:lnTo>
                  <a:pt x="8167" y="3623"/>
                </a:lnTo>
                <a:lnTo>
                  <a:pt x="8624" y="3623"/>
                </a:lnTo>
                <a:lnTo>
                  <a:pt x="8624" y="2021"/>
                </a:lnTo>
                <a:lnTo>
                  <a:pt x="7872" y="2021"/>
                </a:lnTo>
                <a:lnTo>
                  <a:pt x="7459" y="3161"/>
                </a:lnTo>
                <a:close/>
                <a:moveTo>
                  <a:pt x="10080" y="3001"/>
                </a:moveTo>
                <a:lnTo>
                  <a:pt x="10079" y="3024"/>
                </a:lnTo>
                <a:lnTo>
                  <a:pt x="10078" y="3046"/>
                </a:lnTo>
                <a:lnTo>
                  <a:pt x="10076" y="3068"/>
                </a:lnTo>
                <a:lnTo>
                  <a:pt x="10074" y="3088"/>
                </a:lnTo>
                <a:lnTo>
                  <a:pt x="10071" y="3109"/>
                </a:lnTo>
                <a:lnTo>
                  <a:pt x="10067" y="3130"/>
                </a:lnTo>
                <a:lnTo>
                  <a:pt x="10061" y="3149"/>
                </a:lnTo>
                <a:lnTo>
                  <a:pt x="10056" y="3167"/>
                </a:lnTo>
                <a:lnTo>
                  <a:pt x="10050" y="3186"/>
                </a:lnTo>
                <a:lnTo>
                  <a:pt x="10043" y="3203"/>
                </a:lnTo>
                <a:lnTo>
                  <a:pt x="10034" y="3221"/>
                </a:lnTo>
                <a:lnTo>
                  <a:pt x="10026" y="3238"/>
                </a:lnTo>
                <a:lnTo>
                  <a:pt x="10017" y="3253"/>
                </a:lnTo>
                <a:lnTo>
                  <a:pt x="10006" y="3268"/>
                </a:lnTo>
                <a:lnTo>
                  <a:pt x="9996" y="3282"/>
                </a:lnTo>
                <a:lnTo>
                  <a:pt x="9985" y="3297"/>
                </a:lnTo>
                <a:lnTo>
                  <a:pt x="9972" y="3309"/>
                </a:lnTo>
                <a:lnTo>
                  <a:pt x="9959" y="3322"/>
                </a:lnTo>
                <a:lnTo>
                  <a:pt x="9945" y="3333"/>
                </a:lnTo>
                <a:lnTo>
                  <a:pt x="9931" y="3344"/>
                </a:lnTo>
                <a:lnTo>
                  <a:pt x="9915" y="3355"/>
                </a:lnTo>
                <a:lnTo>
                  <a:pt x="9898" y="3363"/>
                </a:lnTo>
                <a:lnTo>
                  <a:pt x="9882" y="3372"/>
                </a:lnTo>
                <a:lnTo>
                  <a:pt x="9863" y="3380"/>
                </a:lnTo>
                <a:lnTo>
                  <a:pt x="9844" y="3387"/>
                </a:lnTo>
                <a:lnTo>
                  <a:pt x="9826" y="3392"/>
                </a:lnTo>
                <a:lnTo>
                  <a:pt x="9805" y="3397"/>
                </a:lnTo>
                <a:lnTo>
                  <a:pt x="9784" y="3401"/>
                </a:lnTo>
                <a:lnTo>
                  <a:pt x="9762" y="3404"/>
                </a:lnTo>
                <a:lnTo>
                  <a:pt x="9740" y="3408"/>
                </a:lnTo>
                <a:lnTo>
                  <a:pt x="9717" y="3409"/>
                </a:lnTo>
                <a:lnTo>
                  <a:pt x="9693" y="3410"/>
                </a:lnTo>
                <a:lnTo>
                  <a:pt x="9669" y="3409"/>
                </a:lnTo>
                <a:lnTo>
                  <a:pt x="9645" y="3408"/>
                </a:lnTo>
                <a:lnTo>
                  <a:pt x="9623" y="3404"/>
                </a:lnTo>
                <a:lnTo>
                  <a:pt x="9602" y="3401"/>
                </a:lnTo>
                <a:lnTo>
                  <a:pt x="9581" y="3397"/>
                </a:lnTo>
                <a:lnTo>
                  <a:pt x="9560" y="3392"/>
                </a:lnTo>
                <a:lnTo>
                  <a:pt x="9541" y="3387"/>
                </a:lnTo>
                <a:lnTo>
                  <a:pt x="9523" y="3380"/>
                </a:lnTo>
                <a:lnTo>
                  <a:pt x="9505" y="3372"/>
                </a:lnTo>
                <a:lnTo>
                  <a:pt x="9487" y="3363"/>
                </a:lnTo>
                <a:lnTo>
                  <a:pt x="9472" y="3355"/>
                </a:lnTo>
                <a:lnTo>
                  <a:pt x="9456" y="3344"/>
                </a:lnTo>
                <a:lnTo>
                  <a:pt x="9442" y="3333"/>
                </a:lnTo>
                <a:lnTo>
                  <a:pt x="9427" y="3322"/>
                </a:lnTo>
                <a:lnTo>
                  <a:pt x="9414" y="3309"/>
                </a:lnTo>
                <a:lnTo>
                  <a:pt x="9401" y="3297"/>
                </a:lnTo>
                <a:lnTo>
                  <a:pt x="9390" y="3282"/>
                </a:lnTo>
                <a:lnTo>
                  <a:pt x="9379" y="3268"/>
                </a:lnTo>
                <a:lnTo>
                  <a:pt x="9369" y="3253"/>
                </a:lnTo>
                <a:lnTo>
                  <a:pt x="9360" y="3238"/>
                </a:lnTo>
                <a:lnTo>
                  <a:pt x="9350" y="3221"/>
                </a:lnTo>
                <a:lnTo>
                  <a:pt x="9343" y="3203"/>
                </a:lnTo>
                <a:lnTo>
                  <a:pt x="9336" y="3186"/>
                </a:lnTo>
                <a:lnTo>
                  <a:pt x="9330" y="3167"/>
                </a:lnTo>
                <a:lnTo>
                  <a:pt x="9323" y="3149"/>
                </a:lnTo>
                <a:lnTo>
                  <a:pt x="9319" y="3130"/>
                </a:lnTo>
                <a:lnTo>
                  <a:pt x="9315" y="3109"/>
                </a:lnTo>
                <a:lnTo>
                  <a:pt x="9312" y="3088"/>
                </a:lnTo>
                <a:lnTo>
                  <a:pt x="9309" y="3068"/>
                </a:lnTo>
                <a:lnTo>
                  <a:pt x="9307" y="3046"/>
                </a:lnTo>
                <a:lnTo>
                  <a:pt x="9306" y="3024"/>
                </a:lnTo>
                <a:lnTo>
                  <a:pt x="9306" y="3001"/>
                </a:lnTo>
                <a:lnTo>
                  <a:pt x="9306" y="2980"/>
                </a:lnTo>
                <a:lnTo>
                  <a:pt x="9307" y="2958"/>
                </a:lnTo>
                <a:lnTo>
                  <a:pt x="9309" y="2936"/>
                </a:lnTo>
                <a:lnTo>
                  <a:pt x="9312" y="2914"/>
                </a:lnTo>
                <a:lnTo>
                  <a:pt x="9315" y="2895"/>
                </a:lnTo>
                <a:lnTo>
                  <a:pt x="9319" y="2874"/>
                </a:lnTo>
                <a:lnTo>
                  <a:pt x="9323" y="2855"/>
                </a:lnTo>
                <a:lnTo>
                  <a:pt x="9330" y="2836"/>
                </a:lnTo>
                <a:lnTo>
                  <a:pt x="9336" y="2818"/>
                </a:lnTo>
                <a:lnTo>
                  <a:pt x="9343" y="2800"/>
                </a:lnTo>
                <a:lnTo>
                  <a:pt x="9350" y="2783"/>
                </a:lnTo>
                <a:lnTo>
                  <a:pt x="9360" y="2766"/>
                </a:lnTo>
                <a:lnTo>
                  <a:pt x="9369" y="2751"/>
                </a:lnTo>
                <a:lnTo>
                  <a:pt x="9379" y="2735"/>
                </a:lnTo>
                <a:lnTo>
                  <a:pt x="9390" y="2720"/>
                </a:lnTo>
                <a:lnTo>
                  <a:pt x="9401" y="2707"/>
                </a:lnTo>
                <a:lnTo>
                  <a:pt x="9414" y="2694"/>
                </a:lnTo>
                <a:lnTo>
                  <a:pt x="9427" y="2681"/>
                </a:lnTo>
                <a:lnTo>
                  <a:pt x="9442" y="2670"/>
                </a:lnTo>
                <a:lnTo>
                  <a:pt x="9456" y="2659"/>
                </a:lnTo>
                <a:lnTo>
                  <a:pt x="9472" y="2649"/>
                </a:lnTo>
                <a:lnTo>
                  <a:pt x="9487" y="2640"/>
                </a:lnTo>
                <a:lnTo>
                  <a:pt x="9505" y="2631"/>
                </a:lnTo>
                <a:lnTo>
                  <a:pt x="9523" y="2623"/>
                </a:lnTo>
                <a:lnTo>
                  <a:pt x="9541" y="2617"/>
                </a:lnTo>
                <a:lnTo>
                  <a:pt x="9560" y="2611"/>
                </a:lnTo>
                <a:lnTo>
                  <a:pt x="9581" y="2605"/>
                </a:lnTo>
                <a:lnTo>
                  <a:pt x="9602" y="2601"/>
                </a:lnTo>
                <a:lnTo>
                  <a:pt x="9623" y="2598"/>
                </a:lnTo>
                <a:lnTo>
                  <a:pt x="9645" y="2595"/>
                </a:lnTo>
                <a:lnTo>
                  <a:pt x="9669" y="2594"/>
                </a:lnTo>
                <a:lnTo>
                  <a:pt x="9693" y="2593"/>
                </a:lnTo>
                <a:lnTo>
                  <a:pt x="9717" y="2594"/>
                </a:lnTo>
                <a:lnTo>
                  <a:pt x="9740" y="2595"/>
                </a:lnTo>
                <a:lnTo>
                  <a:pt x="9762" y="2598"/>
                </a:lnTo>
                <a:lnTo>
                  <a:pt x="9784" y="2601"/>
                </a:lnTo>
                <a:lnTo>
                  <a:pt x="9805" y="2605"/>
                </a:lnTo>
                <a:lnTo>
                  <a:pt x="9826" y="2611"/>
                </a:lnTo>
                <a:lnTo>
                  <a:pt x="9844" y="2617"/>
                </a:lnTo>
                <a:lnTo>
                  <a:pt x="9863" y="2623"/>
                </a:lnTo>
                <a:lnTo>
                  <a:pt x="9882" y="2631"/>
                </a:lnTo>
                <a:lnTo>
                  <a:pt x="9898" y="2640"/>
                </a:lnTo>
                <a:lnTo>
                  <a:pt x="9915" y="2649"/>
                </a:lnTo>
                <a:lnTo>
                  <a:pt x="9931" y="2659"/>
                </a:lnTo>
                <a:lnTo>
                  <a:pt x="9945" y="2670"/>
                </a:lnTo>
                <a:lnTo>
                  <a:pt x="9959" y="2681"/>
                </a:lnTo>
                <a:lnTo>
                  <a:pt x="9972" y="2694"/>
                </a:lnTo>
                <a:lnTo>
                  <a:pt x="9985" y="2707"/>
                </a:lnTo>
                <a:lnTo>
                  <a:pt x="9996" y="2720"/>
                </a:lnTo>
                <a:lnTo>
                  <a:pt x="10006" y="2735"/>
                </a:lnTo>
                <a:lnTo>
                  <a:pt x="10017" y="2751"/>
                </a:lnTo>
                <a:lnTo>
                  <a:pt x="10026" y="2766"/>
                </a:lnTo>
                <a:lnTo>
                  <a:pt x="10034" y="2783"/>
                </a:lnTo>
                <a:lnTo>
                  <a:pt x="10043" y="2800"/>
                </a:lnTo>
                <a:lnTo>
                  <a:pt x="10050" y="2818"/>
                </a:lnTo>
                <a:lnTo>
                  <a:pt x="10056" y="2836"/>
                </a:lnTo>
                <a:lnTo>
                  <a:pt x="10061" y="2855"/>
                </a:lnTo>
                <a:lnTo>
                  <a:pt x="10067" y="2874"/>
                </a:lnTo>
                <a:lnTo>
                  <a:pt x="10071" y="2895"/>
                </a:lnTo>
                <a:lnTo>
                  <a:pt x="10074" y="2914"/>
                </a:lnTo>
                <a:lnTo>
                  <a:pt x="10076" y="2936"/>
                </a:lnTo>
                <a:lnTo>
                  <a:pt x="10078" y="2958"/>
                </a:lnTo>
                <a:lnTo>
                  <a:pt x="10079" y="2980"/>
                </a:lnTo>
                <a:lnTo>
                  <a:pt x="10080" y="3001"/>
                </a:lnTo>
                <a:close/>
                <a:moveTo>
                  <a:pt x="10502" y="3001"/>
                </a:moveTo>
                <a:lnTo>
                  <a:pt x="10501" y="2961"/>
                </a:lnTo>
                <a:lnTo>
                  <a:pt x="10498" y="2922"/>
                </a:lnTo>
                <a:lnTo>
                  <a:pt x="10493" y="2883"/>
                </a:lnTo>
                <a:lnTo>
                  <a:pt x="10486" y="2847"/>
                </a:lnTo>
                <a:lnTo>
                  <a:pt x="10478" y="2812"/>
                </a:lnTo>
                <a:lnTo>
                  <a:pt x="10466" y="2777"/>
                </a:lnTo>
                <a:lnTo>
                  <a:pt x="10454" y="2744"/>
                </a:lnTo>
                <a:lnTo>
                  <a:pt x="10439" y="2713"/>
                </a:lnTo>
                <a:lnTo>
                  <a:pt x="10424" y="2682"/>
                </a:lnTo>
                <a:lnTo>
                  <a:pt x="10406" y="2653"/>
                </a:lnTo>
                <a:lnTo>
                  <a:pt x="10387" y="2626"/>
                </a:lnTo>
                <a:lnTo>
                  <a:pt x="10365" y="2599"/>
                </a:lnTo>
                <a:lnTo>
                  <a:pt x="10344" y="2574"/>
                </a:lnTo>
                <a:lnTo>
                  <a:pt x="10320" y="2551"/>
                </a:lnTo>
                <a:lnTo>
                  <a:pt x="10295" y="2528"/>
                </a:lnTo>
                <a:lnTo>
                  <a:pt x="10268" y="2506"/>
                </a:lnTo>
                <a:lnTo>
                  <a:pt x="10240" y="2486"/>
                </a:lnTo>
                <a:lnTo>
                  <a:pt x="10211" y="2468"/>
                </a:lnTo>
                <a:lnTo>
                  <a:pt x="10181" y="2450"/>
                </a:lnTo>
                <a:lnTo>
                  <a:pt x="10149" y="2434"/>
                </a:lnTo>
                <a:lnTo>
                  <a:pt x="10116" y="2420"/>
                </a:lnTo>
                <a:lnTo>
                  <a:pt x="10082" y="2406"/>
                </a:lnTo>
                <a:lnTo>
                  <a:pt x="10047" y="2394"/>
                </a:lnTo>
                <a:lnTo>
                  <a:pt x="10012" y="2383"/>
                </a:lnTo>
                <a:lnTo>
                  <a:pt x="9974" y="2373"/>
                </a:lnTo>
                <a:lnTo>
                  <a:pt x="9936" y="2365"/>
                </a:lnTo>
                <a:lnTo>
                  <a:pt x="9897" y="2358"/>
                </a:lnTo>
                <a:lnTo>
                  <a:pt x="9858" y="2352"/>
                </a:lnTo>
                <a:lnTo>
                  <a:pt x="9817" y="2347"/>
                </a:lnTo>
                <a:lnTo>
                  <a:pt x="9777" y="2344"/>
                </a:lnTo>
                <a:lnTo>
                  <a:pt x="9734" y="2342"/>
                </a:lnTo>
                <a:lnTo>
                  <a:pt x="9693" y="2341"/>
                </a:lnTo>
                <a:lnTo>
                  <a:pt x="9650" y="2342"/>
                </a:lnTo>
                <a:lnTo>
                  <a:pt x="9609" y="2344"/>
                </a:lnTo>
                <a:lnTo>
                  <a:pt x="9567" y="2347"/>
                </a:lnTo>
                <a:lnTo>
                  <a:pt x="9528" y="2352"/>
                </a:lnTo>
                <a:lnTo>
                  <a:pt x="9488" y="2358"/>
                </a:lnTo>
                <a:lnTo>
                  <a:pt x="9449" y="2365"/>
                </a:lnTo>
                <a:lnTo>
                  <a:pt x="9412" y="2373"/>
                </a:lnTo>
                <a:lnTo>
                  <a:pt x="9375" y="2383"/>
                </a:lnTo>
                <a:lnTo>
                  <a:pt x="9339" y="2394"/>
                </a:lnTo>
                <a:lnTo>
                  <a:pt x="9304" y="2406"/>
                </a:lnTo>
                <a:lnTo>
                  <a:pt x="9270" y="2420"/>
                </a:lnTo>
                <a:lnTo>
                  <a:pt x="9237" y="2434"/>
                </a:lnTo>
                <a:lnTo>
                  <a:pt x="9206" y="2450"/>
                </a:lnTo>
                <a:lnTo>
                  <a:pt x="9175" y="2468"/>
                </a:lnTo>
                <a:lnTo>
                  <a:pt x="9146" y="2486"/>
                </a:lnTo>
                <a:lnTo>
                  <a:pt x="9118" y="2506"/>
                </a:lnTo>
                <a:lnTo>
                  <a:pt x="9092" y="2528"/>
                </a:lnTo>
                <a:lnTo>
                  <a:pt x="9066" y="2551"/>
                </a:lnTo>
                <a:lnTo>
                  <a:pt x="9042" y="2574"/>
                </a:lnTo>
                <a:lnTo>
                  <a:pt x="9020" y="2599"/>
                </a:lnTo>
                <a:lnTo>
                  <a:pt x="8999" y="2626"/>
                </a:lnTo>
                <a:lnTo>
                  <a:pt x="8980" y="2653"/>
                </a:lnTo>
                <a:lnTo>
                  <a:pt x="8962" y="2682"/>
                </a:lnTo>
                <a:lnTo>
                  <a:pt x="8947" y="2713"/>
                </a:lnTo>
                <a:lnTo>
                  <a:pt x="8932" y="2744"/>
                </a:lnTo>
                <a:lnTo>
                  <a:pt x="8920" y="2777"/>
                </a:lnTo>
                <a:lnTo>
                  <a:pt x="8909" y="2812"/>
                </a:lnTo>
                <a:lnTo>
                  <a:pt x="8900" y="2847"/>
                </a:lnTo>
                <a:lnTo>
                  <a:pt x="8893" y="2883"/>
                </a:lnTo>
                <a:lnTo>
                  <a:pt x="8887" y="2922"/>
                </a:lnTo>
                <a:lnTo>
                  <a:pt x="8884" y="2961"/>
                </a:lnTo>
                <a:lnTo>
                  <a:pt x="8883" y="3001"/>
                </a:lnTo>
                <a:lnTo>
                  <a:pt x="8884" y="3043"/>
                </a:lnTo>
                <a:lnTo>
                  <a:pt x="8887" y="3082"/>
                </a:lnTo>
                <a:lnTo>
                  <a:pt x="8893" y="3119"/>
                </a:lnTo>
                <a:lnTo>
                  <a:pt x="8900" y="3157"/>
                </a:lnTo>
                <a:lnTo>
                  <a:pt x="8909" y="3192"/>
                </a:lnTo>
                <a:lnTo>
                  <a:pt x="8920" y="3226"/>
                </a:lnTo>
                <a:lnTo>
                  <a:pt x="8932" y="3259"/>
                </a:lnTo>
                <a:lnTo>
                  <a:pt x="8947" y="3290"/>
                </a:lnTo>
                <a:lnTo>
                  <a:pt x="8962" y="3321"/>
                </a:lnTo>
                <a:lnTo>
                  <a:pt x="8980" y="3350"/>
                </a:lnTo>
                <a:lnTo>
                  <a:pt x="8999" y="3378"/>
                </a:lnTo>
                <a:lnTo>
                  <a:pt x="9020" y="3403"/>
                </a:lnTo>
                <a:lnTo>
                  <a:pt x="9042" y="3429"/>
                </a:lnTo>
                <a:lnTo>
                  <a:pt x="9066" y="3453"/>
                </a:lnTo>
                <a:lnTo>
                  <a:pt x="9092" y="3476"/>
                </a:lnTo>
                <a:lnTo>
                  <a:pt x="9118" y="3497"/>
                </a:lnTo>
                <a:lnTo>
                  <a:pt x="9146" y="3516"/>
                </a:lnTo>
                <a:lnTo>
                  <a:pt x="9175" y="3535"/>
                </a:lnTo>
                <a:lnTo>
                  <a:pt x="9206" y="3553"/>
                </a:lnTo>
                <a:lnTo>
                  <a:pt x="9237" y="3569"/>
                </a:lnTo>
                <a:lnTo>
                  <a:pt x="9270" y="3584"/>
                </a:lnTo>
                <a:lnTo>
                  <a:pt x="9304" y="3597"/>
                </a:lnTo>
                <a:lnTo>
                  <a:pt x="9339" y="3610"/>
                </a:lnTo>
                <a:lnTo>
                  <a:pt x="9375" y="3621"/>
                </a:lnTo>
                <a:lnTo>
                  <a:pt x="9412" y="3630"/>
                </a:lnTo>
                <a:lnTo>
                  <a:pt x="9449" y="3639"/>
                </a:lnTo>
                <a:lnTo>
                  <a:pt x="9488" y="3646"/>
                </a:lnTo>
                <a:lnTo>
                  <a:pt x="9528" y="3651"/>
                </a:lnTo>
                <a:lnTo>
                  <a:pt x="9567" y="3656"/>
                </a:lnTo>
                <a:lnTo>
                  <a:pt x="9609" y="3659"/>
                </a:lnTo>
                <a:lnTo>
                  <a:pt x="9650" y="3662"/>
                </a:lnTo>
                <a:lnTo>
                  <a:pt x="9693" y="3662"/>
                </a:lnTo>
                <a:lnTo>
                  <a:pt x="9734" y="3662"/>
                </a:lnTo>
                <a:lnTo>
                  <a:pt x="9777" y="3659"/>
                </a:lnTo>
                <a:lnTo>
                  <a:pt x="9817" y="3656"/>
                </a:lnTo>
                <a:lnTo>
                  <a:pt x="9858" y="3651"/>
                </a:lnTo>
                <a:lnTo>
                  <a:pt x="9897" y="3646"/>
                </a:lnTo>
                <a:lnTo>
                  <a:pt x="9936" y="3639"/>
                </a:lnTo>
                <a:lnTo>
                  <a:pt x="9974" y="3630"/>
                </a:lnTo>
                <a:lnTo>
                  <a:pt x="10012" y="3621"/>
                </a:lnTo>
                <a:lnTo>
                  <a:pt x="10047" y="3610"/>
                </a:lnTo>
                <a:lnTo>
                  <a:pt x="10082" y="3597"/>
                </a:lnTo>
                <a:lnTo>
                  <a:pt x="10116" y="3584"/>
                </a:lnTo>
                <a:lnTo>
                  <a:pt x="10149" y="3569"/>
                </a:lnTo>
                <a:lnTo>
                  <a:pt x="10181" y="3553"/>
                </a:lnTo>
                <a:lnTo>
                  <a:pt x="10211" y="3535"/>
                </a:lnTo>
                <a:lnTo>
                  <a:pt x="10240" y="3516"/>
                </a:lnTo>
                <a:lnTo>
                  <a:pt x="10268" y="3497"/>
                </a:lnTo>
                <a:lnTo>
                  <a:pt x="10295" y="3476"/>
                </a:lnTo>
                <a:lnTo>
                  <a:pt x="10320" y="3453"/>
                </a:lnTo>
                <a:lnTo>
                  <a:pt x="10344" y="3429"/>
                </a:lnTo>
                <a:lnTo>
                  <a:pt x="10365" y="3403"/>
                </a:lnTo>
                <a:lnTo>
                  <a:pt x="10387" y="3378"/>
                </a:lnTo>
                <a:lnTo>
                  <a:pt x="10406" y="3350"/>
                </a:lnTo>
                <a:lnTo>
                  <a:pt x="10424" y="3321"/>
                </a:lnTo>
                <a:lnTo>
                  <a:pt x="10439" y="3290"/>
                </a:lnTo>
                <a:lnTo>
                  <a:pt x="10454" y="3259"/>
                </a:lnTo>
                <a:lnTo>
                  <a:pt x="10466" y="3226"/>
                </a:lnTo>
                <a:lnTo>
                  <a:pt x="10478" y="3192"/>
                </a:lnTo>
                <a:lnTo>
                  <a:pt x="10486" y="3157"/>
                </a:lnTo>
                <a:lnTo>
                  <a:pt x="10493" y="3119"/>
                </a:lnTo>
                <a:lnTo>
                  <a:pt x="10498" y="3082"/>
                </a:lnTo>
                <a:lnTo>
                  <a:pt x="10501" y="3043"/>
                </a:lnTo>
                <a:lnTo>
                  <a:pt x="10502" y="3001"/>
                </a:lnTo>
                <a:close/>
                <a:moveTo>
                  <a:pt x="12895" y="2383"/>
                </a:moveTo>
                <a:lnTo>
                  <a:pt x="12895" y="2502"/>
                </a:lnTo>
                <a:lnTo>
                  <a:pt x="12890" y="2502"/>
                </a:lnTo>
                <a:lnTo>
                  <a:pt x="12873" y="2486"/>
                </a:lnTo>
                <a:lnTo>
                  <a:pt x="12856" y="2472"/>
                </a:lnTo>
                <a:lnTo>
                  <a:pt x="12836" y="2457"/>
                </a:lnTo>
                <a:lnTo>
                  <a:pt x="12816" y="2444"/>
                </a:lnTo>
                <a:lnTo>
                  <a:pt x="12793" y="2430"/>
                </a:lnTo>
                <a:lnTo>
                  <a:pt x="12771" y="2419"/>
                </a:lnTo>
                <a:lnTo>
                  <a:pt x="12746" y="2407"/>
                </a:lnTo>
                <a:lnTo>
                  <a:pt x="12719" y="2397"/>
                </a:lnTo>
                <a:lnTo>
                  <a:pt x="12690" y="2389"/>
                </a:lnTo>
                <a:lnTo>
                  <a:pt x="12659" y="2381"/>
                </a:lnTo>
                <a:lnTo>
                  <a:pt x="12627" y="2373"/>
                </a:lnTo>
                <a:lnTo>
                  <a:pt x="12593" y="2368"/>
                </a:lnTo>
                <a:lnTo>
                  <a:pt x="12557" y="2363"/>
                </a:lnTo>
                <a:lnTo>
                  <a:pt x="12517" y="2360"/>
                </a:lnTo>
                <a:lnTo>
                  <a:pt x="12477" y="2358"/>
                </a:lnTo>
                <a:lnTo>
                  <a:pt x="12434" y="2357"/>
                </a:lnTo>
                <a:lnTo>
                  <a:pt x="12392" y="2358"/>
                </a:lnTo>
                <a:lnTo>
                  <a:pt x="12350" y="2361"/>
                </a:lnTo>
                <a:lnTo>
                  <a:pt x="12311" y="2366"/>
                </a:lnTo>
                <a:lnTo>
                  <a:pt x="12273" y="2372"/>
                </a:lnTo>
                <a:lnTo>
                  <a:pt x="12237" y="2381"/>
                </a:lnTo>
                <a:lnTo>
                  <a:pt x="12202" y="2390"/>
                </a:lnTo>
                <a:lnTo>
                  <a:pt x="12168" y="2401"/>
                </a:lnTo>
                <a:lnTo>
                  <a:pt x="12136" y="2414"/>
                </a:lnTo>
                <a:lnTo>
                  <a:pt x="12105" y="2428"/>
                </a:lnTo>
                <a:lnTo>
                  <a:pt x="12076" y="2444"/>
                </a:lnTo>
                <a:lnTo>
                  <a:pt x="12049" y="2461"/>
                </a:lnTo>
                <a:lnTo>
                  <a:pt x="12022" y="2479"/>
                </a:lnTo>
                <a:lnTo>
                  <a:pt x="11997" y="2499"/>
                </a:lnTo>
                <a:lnTo>
                  <a:pt x="11974" y="2518"/>
                </a:lnTo>
                <a:lnTo>
                  <a:pt x="11952" y="2540"/>
                </a:lnTo>
                <a:lnTo>
                  <a:pt x="11931" y="2563"/>
                </a:lnTo>
                <a:lnTo>
                  <a:pt x="11911" y="2586"/>
                </a:lnTo>
                <a:lnTo>
                  <a:pt x="11893" y="2610"/>
                </a:lnTo>
                <a:lnTo>
                  <a:pt x="11877" y="2634"/>
                </a:lnTo>
                <a:lnTo>
                  <a:pt x="11861" y="2660"/>
                </a:lnTo>
                <a:lnTo>
                  <a:pt x="11847" y="2686"/>
                </a:lnTo>
                <a:lnTo>
                  <a:pt x="11834" y="2713"/>
                </a:lnTo>
                <a:lnTo>
                  <a:pt x="11822" y="2740"/>
                </a:lnTo>
                <a:lnTo>
                  <a:pt x="11811" y="2768"/>
                </a:lnTo>
                <a:lnTo>
                  <a:pt x="11803" y="2796"/>
                </a:lnTo>
                <a:lnTo>
                  <a:pt x="11795" y="2824"/>
                </a:lnTo>
                <a:lnTo>
                  <a:pt x="11789" y="2852"/>
                </a:lnTo>
                <a:lnTo>
                  <a:pt x="11783" y="2881"/>
                </a:lnTo>
                <a:lnTo>
                  <a:pt x="11779" y="2909"/>
                </a:lnTo>
                <a:lnTo>
                  <a:pt x="11776" y="2938"/>
                </a:lnTo>
                <a:lnTo>
                  <a:pt x="11774" y="2967"/>
                </a:lnTo>
                <a:lnTo>
                  <a:pt x="11773" y="2995"/>
                </a:lnTo>
                <a:lnTo>
                  <a:pt x="11774" y="3028"/>
                </a:lnTo>
                <a:lnTo>
                  <a:pt x="11776" y="3061"/>
                </a:lnTo>
                <a:lnTo>
                  <a:pt x="11779" y="3094"/>
                </a:lnTo>
                <a:lnTo>
                  <a:pt x="11783" y="3125"/>
                </a:lnTo>
                <a:lnTo>
                  <a:pt x="11789" y="3156"/>
                </a:lnTo>
                <a:lnTo>
                  <a:pt x="11795" y="3186"/>
                </a:lnTo>
                <a:lnTo>
                  <a:pt x="11803" y="3215"/>
                </a:lnTo>
                <a:lnTo>
                  <a:pt x="11812" y="3244"/>
                </a:lnTo>
                <a:lnTo>
                  <a:pt x="11823" y="3272"/>
                </a:lnTo>
                <a:lnTo>
                  <a:pt x="11834" y="3299"/>
                </a:lnTo>
                <a:lnTo>
                  <a:pt x="11847" y="3326"/>
                </a:lnTo>
                <a:lnTo>
                  <a:pt x="11861" y="3352"/>
                </a:lnTo>
                <a:lnTo>
                  <a:pt x="11877" y="3375"/>
                </a:lnTo>
                <a:lnTo>
                  <a:pt x="11893" y="3399"/>
                </a:lnTo>
                <a:lnTo>
                  <a:pt x="11911" y="3422"/>
                </a:lnTo>
                <a:lnTo>
                  <a:pt x="11930" y="3444"/>
                </a:lnTo>
                <a:lnTo>
                  <a:pt x="11950" y="3465"/>
                </a:lnTo>
                <a:lnTo>
                  <a:pt x="11971" y="3484"/>
                </a:lnTo>
                <a:lnTo>
                  <a:pt x="11994" y="3504"/>
                </a:lnTo>
                <a:lnTo>
                  <a:pt x="12019" y="3521"/>
                </a:lnTo>
                <a:lnTo>
                  <a:pt x="12044" y="3537"/>
                </a:lnTo>
                <a:lnTo>
                  <a:pt x="12071" y="3553"/>
                </a:lnTo>
                <a:lnTo>
                  <a:pt x="12098" y="3567"/>
                </a:lnTo>
                <a:lnTo>
                  <a:pt x="12127" y="3580"/>
                </a:lnTo>
                <a:lnTo>
                  <a:pt x="12158" y="3592"/>
                </a:lnTo>
                <a:lnTo>
                  <a:pt x="12189" y="3602"/>
                </a:lnTo>
                <a:lnTo>
                  <a:pt x="12222" y="3612"/>
                </a:lnTo>
                <a:lnTo>
                  <a:pt x="12257" y="3619"/>
                </a:lnTo>
                <a:lnTo>
                  <a:pt x="12292" y="3625"/>
                </a:lnTo>
                <a:lnTo>
                  <a:pt x="12328" y="3630"/>
                </a:lnTo>
                <a:lnTo>
                  <a:pt x="12367" y="3634"/>
                </a:lnTo>
                <a:lnTo>
                  <a:pt x="12406" y="3636"/>
                </a:lnTo>
                <a:lnTo>
                  <a:pt x="12427" y="3637"/>
                </a:lnTo>
                <a:lnTo>
                  <a:pt x="12447" y="3637"/>
                </a:lnTo>
                <a:lnTo>
                  <a:pt x="12466" y="3636"/>
                </a:lnTo>
                <a:lnTo>
                  <a:pt x="12486" y="3635"/>
                </a:lnTo>
                <a:lnTo>
                  <a:pt x="12523" y="3630"/>
                </a:lnTo>
                <a:lnTo>
                  <a:pt x="12560" y="3625"/>
                </a:lnTo>
                <a:lnTo>
                  <a:pt x="12595" y="3618"/>
                </a:lnTo>
                <a:lnTo>
                  <a:pt x="12628" y="3609"/>
                </a:lnTo>
                <a:lnTo>
                  <a:pt x="12660" y="3598"/>
                </a:lnTo>
                <a:lnTo>
                  <a:pt x="12692" y="3587"/>
                </a:lnTo>
                <a:lnTo>
                  <a:pt x="12721" y="3574"/>
                </a:lnTo>
                <a:lnTo>
                  <a:pt x="12748" y="3561"/>
                </a:lnTo>
                <a:lnTo>
                  <a:pt x="12773" y="3548"/>
                </a:lnTo>
                <a:lnTo>
                  <a:pt x="12796" y="3533"/>
                </a:lnTo>
                <a:lnTo>
                  <a:pt x="12818" y="3518"/>
                </a:lnTo>
                <a:lnTo>
                  <a:pt x="12838" y="3504"/>
                </a:lnTo>
                <a:lnTo>
                  <a:pt x="12856" y="3489"/>
                </a:lnTo>
                <a:lnTo>
                  <a:pt x="12872" y="3475"/>
                </a:lnTo>
                <a:lnTo>
                  <a:pt x="12877" y="3475"/>
                </a:lnTo>
                <a:lnTo>
                  <a:pt x="12877" y="3476"/>
                </a:lnTo>
                <a:lnTo>
                  <a:pt x="12877" y="3479"/>
                </a:lnTo>
                <a:lnTo>
                  <a:pt x="12877" y="3484"/>
                </a:lnTo>
                <a:lnTo>
                  <a:pt x="12877" y="3491"/>
                </a:lnTo>
                <a:lnTo>
                  <a:pt x="12877" y="3499"/>
                </a:lnTo>
                <a:lnTo>
                  <a:pt x="12877" y="3507"/>
                </a:lnTo>
                <a:lnTo>
                  <a:pt x="12877" y="3517"/>
                </a:lnTo>
                <a:lnTo>
                  <a:pt x="12877" y="3527"/>
                </a:lnTo>
                <a:lnTo>
                  <a:pt x="12876" y="3562"/>
                </a:lnTo>
                <a:lnTo>
                  <a:pt x="12873" y="3597"/>
                </a:lnTo>
                <a:lnTo>
                  <a:pt x="12871" y="3615"/>
                </a:lnTo>
                <a:lnTo>
                  <a:pt x="12868" y="3632"/>
                </a:lnTo>
                <a:lnTo>
                  <a:pt x="12864" y="3649"/>
                </a:lnTo>
                <a:lnTo>
                  <a:pt x="12860" y="3667"/>
                </a:lnTo>
                <a:lnTo>
                  <a:pt x="12855" y="3683"/>
                </a:lnTo>
                <a:lnTo>
                  <a:pt x="12848" y="3699"/>
                </a:lnTo>
                <a:lnTo>
                  <a:pt x="12841" y="3714"/>
                </a:lnTo>
                <a:lnTo>
                  <a:pt x="12834" y="3730"/>
                </a:lnTo>
                <a:lnTo>
                  <a:pt x="12824" y="3745"/>
                </a:lnTo>
                <a:lnTo>
                  <a:pt x="12815" y="3760"/>
                </a:lnTo>
                <a:lnTo>
                  <a:pt x="12804" y="3773"/>
                </a:lnTo>
                <a:lnTo>
                  <a:pt x="12791" y="3787"/>
                </a:lnTo>
                <a:lnTo>
                  <a:pt x="12779" y="3800"/>
                </a:lnTo>
                <a:lnTo>
                  <a:pt x="12764" y="3813"/>
                </a:lnTo>
                <a:lnTo>
                  <a:pt x="12749" y="3824"/>
                </a:lnTo>
                <a:lnTo>
                  <a:pt x="12732" y="3835"/>
                </a:lnTo>
                <a:lnTo>
                  <a:pt x="12713" y="3846"/>
                </a:lnTo>
                <a:lnTo>
                  <a:pt x="12694" y="3855"/>
                </a:lnTo>
                <a:lnTo>
                  <a:pt x="12673" y="3864"/>
                </a:lnTo>
                <a:lnTo>
                  <a:pt x="12651" y="3872"/>
                </a:lnTo>
                <a:lnTo>
                  <a:pt x="12627" y="3879"/>
                </a:lnTo>
                <a:lnTo>
                  <a:pt x="12601" y="3885"/>
                </a:lnTo>
                <a:lnTo>
                  <a:pt x="12574" y="3892"/>
                </a:lnTo>
                <a:lnTo>
                  <a:pt x="12546" y="3896"/>
                </a:lnTo>
                <a:lnTo>
                  <a:pt x="12515" y="3899"/>
                </a:lnTo>
                <a:lnTo>
                  <a:pt x="12484" y="3902"/>
                </a:lnTo>
                <a:lnTo>
                  <a:pt x="12450" y="3904"/>
                </a:lnTo>
                <a:lnTo>
                  <a:pt x="12414" y="3904"/>
                </a:lnTo>
                <a:lnTo>
                  <a:pt x="12385" y="3904"/>
                </a:lnTo>
                <a:lnTo>
                  <a:pt x="12355" y="3903"/>
                </a:lnTo>
                <a:lnTo>
                  <a:pt x="12325" y="3901"/>
                </a:lnTo>
                <a:lnTo>
                  <a:pt x="12295" y="3899"/>
                </a:lnTo>
                <a:lnTo>
                  <a:pt x="12264" y="3896"/>
                </a:lnTo>
                <a:lnTo>
                  <a:pt x="12233" y="3892"/>
                </a:lnTo>
                <a:lnTo>
                  <a:pt x="12202" y="3886"/>
                </a:lnTo>
                <a:lnTo>
                  <a:pt x="12171" y="3881"/>
                </a:lnTo>
                <a:lnTo>
                  <a:pt x="12139" y="3875"/>
                </a:lnTo>
                <a:lnTo>
                  <a:pt x="12108" y="3867"/>
                </a:lnTo>
                <a:lnTo>
                  <a:pt x="12076" y="3858"/>
                </a:lnTo>
                <a:lnTo>
                  <a:pt x="12045" y="3849"/>
                </a:lnTo>
                <a:lnTo>
                  <a:pt x="12014" y="3838"/>
                </a:lnTo>
                <a:lnTo>
                  <a:pt x="11983" y="3826"/>
                </a:lnTo>
                <a:lnTo>
                  <a:pt x="11952" y="3813"/>
                </a:lnTo>
                <a:lnTo>
                  <a:pt x="11920" y="3798"/>
                </a:lnTo>
                <a:lnTo>
                  <a:pt x="11920" y="4085"/>
                </a:lnTo>
                <a:lnTo>
                  <a:pt x="11950" y="4096"/>
                </a:lnTo>
                <a:lnTo>
                  <a:pt x="11982" y="4104"/>
                </a:lnTo>
                <a:lnTo>
                  <a:pt x="12013" y="4112"/>
                </a:lnTo>
                <a:lnTo>
                  <a:pt x="12045" y="4120"/>
                </a:lnTo>
                <a:lnTo>
                  <a:pt x="12077" y="4127"/>
                </a:lnTo>
                <a:lnTo>
                  <a:pt x="12110" y="4133"/>
                </a:lnTo>
                <a:lnTo>
                  <a:pt x="12145" y="4138"/>
                </a:lnTo>
                <a:lnTo>
                  <a:pt x="12178" y="4143"/>
                </a:lnTo>
                <a:lnTo>
                  <a:pt x="12213" y="4148"/>
                </a:lnTo>
                <a:lnTo>
                  <a:pt x="12248" y="4151"/>
                </a:lnTo>
                <a:lnTo>
                  <a:pt x="12284" y="4154"/>
                </a:lnTo>
                <a:lnTo>
                  <a:pt x="12320" y="4156"/>
                </a:lnTo>
                <a:lnTo>
                  <a:pt x="12357" y="4158"/>
                </a:lnTo>
                <a:lnTo>
                  <a:pt x="12396" y="4159"/>
                </a:lnTo>
                <a:lnTo>
                  <a:pt x="12434" y="4160"/>
                </a:lnTo>
                <a:lnTo>
                  <a:pt x="12473" y="4160"/>
                </a:lnTo>
                <a:lnTo>
                  <a:pt x="12532" y="4159"/>
                </a:lnTo>
                <a:lnTo>
                  <a:pt x="12588" y="4156"/>
                </a:lnTo>
                <a:lnTo>
                  <a:pt x="12642" y="4151"/>
                </a:lnTo>
                <a:lnTo>
                  <a:pt x="12693" y="4144"/>
                </a:lnTo>
                <a:lnTo>
                  <a:pt x="12740" y="4136"/>
                </a:lnTo>
                <a:lnTo>
                  <a:pt x="12786" y="4126"/>
                </a:lnTo>
                <a:lnTo>
                  <a:pt x="12830" y="4113"/>
                </a:lnTo>
                <a:lnTo>
                  <a:pt x="12870" y="4100"/>
                </a:lnTo>
                <a:lnTo>
                  <a:pt x="12908" y="4085"/>
                </a:lnTo>
                <a:lnTo>
                  <a:pt x="12944" y="4069"/>
                </a:lnTo>
                <a:lnTo>
                  <a:pt x="12977" y="4051"/>
                </a:lnTo>
                <a:lnTo>
                  <a:pt x="13009" y="4031"/>
                </a:lnTo>
                <a:lnTo>
                  <a:pt x="13038" y="4012"/>
                </a:lnTo>
                <a:lnTo>
                  <a:pt x="13065" y="3990"/>
                </a:lnTo>
                <a:lnTo>
                  <a:pt x="13090" y="3967"/>
                </a:lnTo>
                <a:lnTo>
                  <a:pt x="13114" y="3943"/>
                </a:lnTo>
                <a:lnTo>
                  <a:pt x="13135" y="3919"/>
                </a:lnTo>
                <a:lnTo>
                  <a:pt x="13155" y="3893"/>
                </a:lnTo>
                <a:lnTo>
                  <a:pt x="13172" y="3867"/>
                </a:lnTo>
                <a:lnTo>
                  <a:pt x="13188" y="3840"/>
                </a:lnTo>
                <a:lnTo>
                  <a:pt x="13202" y="3812"/>
                </a:lnTo>
                <a:lnTo>
                  <a:pt x="13216" y="3783"/>
                </a:lnTo>
                <a:lnTo>
                  <a:pt x="13226" y="3754"/>
                </a:lnTo>
                <a:lnTo>
                  <a:pt x="13237" y="3724"/>
                </a:lnTo>
                <a:lnTo>
                  <a:pt x="13245" y="3694"/>
                </a:lnTo>
                <a:lnTo>
                  <a:pt x="13252" y="3664"/>
                </a:lnTo>
                <a:lnTo>
                  <a:pt x="13257" y="3632"/>
                </a:lnTo>
                <a:lnTo>
                  <a:pt x="13263" y="3601"/>
                </a:lnTo>
                <a:lnTo>
                  <a:pt x="13266" y="3570"/>
                </a:lnTo>
                <a:lnTo>
                  <a:pt x="13269" y="3539"/>
                </a:lnTo>
                <a:lnTo>
                  <a:pt x="13270" y="3508"/>
                </a:lnTo>
                <a:lnTo>
                  <a:pt x="13271" y="3476"/>
                </a:lnTo>
                <a:lnTo>
                  <a:pt x="13271" y="2383"/>
                </a:lnTo>
                <a:lnTo>
                  <a:pt x="12895" y="2383"/>
                </a:lnTo>
                <a:close/>
                <a:moveTo>
                  <a:pt x="12528" y="3373"/>
                </a:moveTo>
                <a:lnTo>
                  <a:pt x="12506" y="3373"/>
                </a:lnTo>
                <a:lnTo>
                  <a:pt x="12485" y="3371"/>
                </a:lnTo>
                <a:lnTo>
                  <a:pt x="12465" y="3369"/>
                </a:lnTo>
                <a:lnTo>
                  <a:pt x="12447" y="3365"/>
                </a:lnTo>
                <a:lnTo>
                  <a:pt x="12428" y="3361"/>
                </a:lnTo>
                <a:lnTo>
                  <a:pt x="12410" y="3356"/>
                </a:lnTo>
                <a:lnTo>
                  <a:pt x="12393" y="3350"/>
                </a:lnTo>
                <a:lnTo>
                  <a:pt x="12377" y="3342"/>
                </a:lnTo>
                <a:lnTo>
                  <a:pt x="12361" y="3334"/>
                </a:lnTo>
                <a:lnTo>
                  <a:pt x="12346" y="3325"/>
                </a:lnTo>
                <a:lnTo>
                  <a:pt x="12331" y="3315"/>
                </a:lnTo>
                <a:lnTo>
                  <a:pt x="12318" y="3305"/>
                </a:lnTo>
                <a:lnTo>
                  <a:pt x="12305" y="3295"/>
                </a:lnTo>
                <a:lnTo>
                  <a:pt x="12293" y="3283"/>
                </a:lnTo>
                <a:lnTo>
                  <a:pt x="12282" y="3271"/>
                </a:lnTo>
                <a:lnTo>
                  <a:pt x="12270" y="3258"/>
                </a:lnTo>
                <a:lnTo>
                  <a:pt x="12260" y="3245"/>
                </a:lnTo>
                <a:lnTo>
                  <a:pt x="12250" y="3231"/>
                </a:lnTo>
                <a:lnTo>
                  <a:pt x="12241" y="3217"/>
                </a:lnTo>
                <a:lnTo>
                  <a:pt x="12234" y="3201"/>
                </a:lnTo>
                <a:lnTo>
                  <a:pt x="12226" y="3187"/>
                </a:lnTo>
                <a:lnTo>
                  <a:pt x="12219" y="3171"/>
                </a:lnTo>
                <a:lnTo>
                  <a:pt x="12213" y="3155"/>
                </a:lnTo>
                <a:lnTo>
                  <a:pt x="12207" y="3139"/>
                </a:lnTo>
                <a:lnTo>
                  <a:pt x="12203" y="3123"/>
                </a:lnTo>
                <a:lnTo>
                  <a:pt x="12199" y="3105"/>
                </a:lnTo>
                <a:lnTo>
                  <a:pt x="12194" y="3088"/>
                </a:lnTo>
                <a:lnTo>
                  <a:pt x="12191" y="3071"/>
                </a:lnTo>
                <a:lnTo>
                  <a:pt x="12189" y="3054"/>
                </a:lnTo>
                <a:lnTo>
                  <a:pt x="12187" y="3037"/>
                </a:lnTo>
                <a:lnTo>
                  <a:pt x="12187" y="3019"/>
                </a:lnTo>
                <a:lnTo>
                  <a:pt x="12186" y="3001"/>
                </a:lnTo>
                <a:lnTo>
                  <a:pt x="12187" y="2984"/>
                </a:lnTo>
                <a:lnTo>
                  <a:pt x="12187" y="2965"/>
                </a:lnTo>
                <a:lnTo>
                  <a:pt x="12189" y="2947"/>
                </a:lnTo>
                <a:lnTo>
                  <a:pt x="12190" y="2930"/>
                </a:lnTo>
                <a:lnTo>
                  <a:pt x="12193" y="2912"/>
                </a:lnTo>
                <a:lnTo>
                  <a:pt x="12197" y="2895"/>
                </a:lnTo>
                <a:lnTo>
                  <a:pt x="12201" y="2878"/>
                </a:lnTo>
                <a:lnTo>
                  <a:pt x="12205" y="2860"/>
                </a:lnTo>
                <a:lnTo>
                  <a:pt x="12210" y="2844"/>
                </a:lnTo>
                <a:lnTo>
                  <a:pt x="12215" y="2827"/>
                </a:lnTo>
                <a:lnTo>
                  <a:pt x="12221" y="2811"/>
                </a:lnTo>
                <a:lnTo>
                  <a:pt x="12229" y="2795"/>
                </a:lnTo>
                <a:lnTo>
                  <a:pt x="12237" y="2780"/>
                </a:lnTo>
                <a:lnTo>
                  <a:pt x="12245" y="2764"/>
                </a:lnTo>
                <a:lnTo>
                  <a:pt x="12255" y="2749"/>
                </a:lnTo>
                <a:lnTo>
                  <a:pt x="12265" y="2735"/>
                </a:lnTo>
                <a:lnTo>
                  <a:pt x="12275" y="2722"/>
                </a:lnTo>
                <a:lnTo>
                  <a:pt x="12287" y="2709"/>
                </a:lnTo>
                <a:lnTo>
                  <a:pt x="12299" y="2697"/>
                </a:lnTo>
                <a:lnTo>
                  <a:pt x="12313" y="2685"/>
                </a:lnTo>
                <a:lnTo>
                  <a:pt x="12326" y="2674"/>
                </a:lnTo>
                <a:lnTo>
                  <a:pt x="12342" y="2663"/>
                </a:lnTo>
                <a:lnTo>
                  <a:pt x="12357" y="2654"/>
                </a:lnTo>
                <a:lnTo>
                  <a:pt x="12374" y="2646"/>
                </a:lnTo>
                <a:lnTo>
                  <a:pt x="12392" y="2638"/>
                </a:lnTo>
                <a:lnTo>
                  <a:pt x="12410" y="2631"/>
                </a:lnTo>
                <a:lnTo>
                  <a:pt x="12429" y="2625"/>
                </a:lnTo>
                <a:lnTo>
                  <a:pt x="12450" y="2620"/>
                </a:lnTo>
                <a:lnTo>
                  <a:pt x="12472" y="2617"/>
                </a:lnTo>
                <a:lnTo>
                  <a:pt x="12493" y="2614"/>
                </a:lnTo>
                <a:lnTo>
                  <a:pt x="12516" y="2612"/>
                </a:lnTo>
                <a:lnTo>
                  <a:pt x="12541" y="2612"/>
                </a:lnTo>
                <a:lnTo>
                  <a:pt x="12563" y="2612"/>
                </a:lnTo>
                <a:lnTo>
                  <a:pt x="12584" y="2614"/>
                </a:lnTo>
                <a:lnTo>
                  <a:pt x="12603" y="2616"/>
                </a:lnTo>
                <a:lnTo>
                  <a:pt x="12622" y="2619"/>
                </a:lnTo>
                <a:lnTo>
                  <a:pt x="12641" y="2623"/>
                </a:lnTo>
                <a:lnTo>
                  <a:pt x="12659" y="2628"/>
                </a:lnTo>
                <a:lnTo>
                  <a:pt x="12676" y="2634"/>
                </a:lnTo>
                <a:lnTo>
                  <a:pt x="12693" y="2642"/>
                </a:lnTo>
                <a:lnTo>
                  <a:pt x="12708" y="2649"/>
                </a:lnTo>
                <a:lnTo>
                  <a:pt x="12723" y="2657"/>
                </a:lnTo>
                <a:lnTo>
                  <a:pt x="12737" y="2667"/>
                </a:lnTo>
                <a:lnTo>
                  <a:pt x="12751" y="2677"/>
                </a:lnTo>
                <a:lnTo>
                  <a:pt x="12763" y="2687"/>
                </a:lnTo>
                <a:lnTo>
                  <a:pt x="12776" y="2699"/>
                </a:lnTo>
                <a:lnTo>
                  <a:pt x="12787" y="2711"/>
                </a:lnTo>
                <a:lnTo>
                  <a:pt x="12799" y="2724"/>
                </a:lnTo>
                <a:lnTo>
                  <a:pt x="12808" y="2737"/>
                </a:lnTo>
                <a:lnTo>
                  <a:pt x="12817" y="2751"/>
                </a:lnTo>
                <a:lnTo>
                  <a:pt x="12827" y="2765"/>
                </a:lnTo>
                <a:lnTo>
                  <a:pt x="12835" y="2781"/>
                </a:lnTo>
                <a:lnTo>
                  <a:pt x="12842" y="2796"/>
                </a:lnTo>
                <a:lnTo>
                  <a:pt x="12848" y="2812"/>
                </a:lnTo>
                <a:lnTo>
                  <a:pt x="12855" y="2828"/>
                </a:lnTo>
                <a:lnTo>
                  <a:pt x="12860" y="2845"/>
                </a:lnTo>
                <a:lnTo>
                  <a:pt x="12865" y="2862"/>
                </a:lnTo>
                <a:lnTo>
                  <a:pt x="12869" y="2880"/>
                </a:lnTo>
                <a:lnTo>
                  <a:pt x="12872" y="2899"/>
                </a:lnTo>
                <a:lnTo>
                  <a:pt x="12875" y="2916"/>
                </a:lnTo>
                <a:lnTo>
                  <a:pt x="12877" y="2936"/>
                </a:lnTo>
                <a:lnTo>
                  <a:pt x="12878" y="2955"/>
                </a:lnTo>
                <a:lnTo>
                  <a:pt x="12880" y="2974"/>
                </a:lnTo>
                <a:lnTo>
                  <a:pt x="12881" y="2994"/>
                </a:lnTo>
                <a:lnTo>
                  <a:pt x="12880" y="3011"/>
                </a:lnTo>
                <a:lnTo>
                  <a:pt x="12878" y="3027"/>
                </a:lnTo>
                <a:lnTo>
                  <a:pt x="12877" y="3045"/>
                </a:lnTo>
                <a:lnTo>
                  <a:pt x="12875" y="3061"/>
                </a:lnTo>
                <a:lnTo>
                  <a:pt x="12873" y="3079"/>
                </a:lnTo>
                <a:lnTo>
                  <a:pt x="12869" y="3096"/>
                </a:lnTo>
                <a:lnTo>
                  <a:pt x="12866" y="3112"/>
                </a:lnTo>
                <a:lnTo>
                  <a:pt x="12861" y="3129"/>
                </a:lnTo>
                <a:lnTo>
                  <a:pt x="12856" y="3145"/>
                </a:lnTo>
                <a:lnTo>
                  <a:pt x="12850" y="3162"/>
                </a:lnTo>
                <a:lnTo>
                  <a:pt x="12843" y="3178"/>
                </a:lnTo>
                <a:lnTo>
                  <a:pt x="12836" y="3193"/>
                </a:lnTo>
                <a:lnTo>
                  <a:pt x="12829" y="3208"/>
                </a:lnTo>
                <a:lnTo>
                  <a:pt x="12820" y="3223"/>
                </a:lnTo>
                <a:lnTo>
                  <a:pt x="12810" y="3238"/>
                </a:lnTo>
                <a:lnTo>
                  <a:pt x="12801" y="3251"/>
                </a:lnTo>
                <a:lnTo>
                  <a:pt x="12789" y="3265"/>
                </a:lnTo>
                <a:lnTo>
                  <a:pt x="12778" y="3277"/>
                </a:lnTo>
                <a:lnTo>
                  <a:pt x="12765" y="3289"/>
                </a:lnTo>
                <a:lnTo>
                  <a:pt x="12752" y="3301"/>
                </a:lnTo>
                <a:lnTo>
                  <a:pt x="12738" y="3311"/>
                </a:lnTo>
                <a:lnTo>
                  <a:pt x="12723" y="3322"/>
                </a:lnTo>
                <a:lnTo>
                  <a:pt x="12707" y="3331"/>
                </a:lnTo>
                <a:lnTo>
                  <a:pt x="12692" y="3339"/>
                </a:lnTo>
                <a:lnTo>
                  <a:pt x="12674" y="3347"/>
                </a:lnTo>
                <a:lnTo>
                  <a:pt x="12655" y="3354"/>
                </a:lnTo>
                <a:lnTo>
                  <a:pt x="12637" y="3360"/>
                </a:lnTo>
                <a:lnTo>
                  <a:pt x="12617" y="3365"/>
                </a:lnTo>
                <a:lnTo>
                  <a:pt x="12595" y="3368"/>
                </a:lnTo>
                <a:lnTo>
                  <a:pt x="12573" y="3371"/>
                </a:lnTo>
                <a:lnTo>
                  <a:pt x="12550" y="3373"/>
                </a:lnTo>
                <a:lnTo>
                  <a:pt x="12528" y="3373"/>
                </a:lnTo>
                <a:close/>
                <a:moveTo>
                  <a:pt x="14885" y="2843"/>
                </a:moveTo>
                <a:lnTo>
                  <a:pt x="14884" y="2814"/>
                </a:lnTo>
                <a:lnTo>
                  <a:pt x="14883" y="2785"/>
                </a:lnTo>
                <a:lnTo>
                  <a:pt x="14880" y="2758"/>
                </a:lnTo>
                <a:lnTo>
                  <a:pt x="14876" y="2731"/>
                </a:lnTo>
                <a:lnTo>
                  <a:pt x="14870" y="2705"/>
                </a:lnTo>
                <a:lnTo>
                  <a:pt x="14863" y="2680"/>
                </a:lnTo>
                <a:lnTo>
                  <a:pt x="14856" y="2655"/>
                </a:lnTo>
                <a:lnTo>
                  <a:pt x="14847" y="2632"/>
                </a:lnTo>
                <a:lnTo>
                  <a:pt x="14836" y="2611"/>
                </a:lnTo>
                <a:lnTo>
                  <a:pt x="14825" y="2589"/>
                </a:lnTo>
                <a:lnTo>
                  <a:pt x="14812" y="2568"/>
                </a:lnTo>
                <a:lnTo>
                  <a:pt x="14798" y="2549"/>
                </a:lnTo>
                <a:lnTo>
                  <a:pt x="14783" y="2531"/>
                </a:lnTo>
                <a:lnTo>
                  <a:pt x="14766" y="2513"/>
                </a:lnTo>
                <a:lnTo>
                  <a:pt x="14748" y="2497"/>
                </a:lnTo>
                <a:lnTo>
                  <a:pt x="14729" y="2480"/>
                </a:lnTo>
                <a:lnTo>
                  <a:pt x="14708" y="2466"/>
                </a:lnTo>
                <a:lnTo>
                  <a:pt x="14687" y="2452"/>
                </a:lnTo>
                <a:lnTo>
                  <a:pt x="14663" y="2439"/>
                </a:lnTo>
                <a:lnTo>
                  <a:pt x="14639" y="2427"/>
                </a:lnTo>
                <a:lnTo>
                  <a:pt x="14613" y="2416"/>
                </a:lnTo>
                <a:lnTo>
                  <a:pt x="14585" y="2405"/>
                </a:lnTo>
                <a:lnTo>
                  <a:pt x="14557" y="2396"/>
                </a:lnTo>
                <a:lnTo>
                  <a:pt x="14527" y="2388"/>
                </a:lnTo>
                <a:lnTo>
                  <a:pt x="14495" y="2381"/>
                </a:lnTo>
                <a:lnTo>
                  <a:pt x="14461" y="2374"/>
                </a:lnTo>
                <a:lnTo>
                  <a:pt x="14427" y="2369"/>
                </a:lnTo>
                <a:lnTo>
                  <a:pt x="14392" y="2365"/>
                </a:lnTo>
                <a:lnTo>
                  <a:pt x="14355" y="2362"/>
                </a:lnTo>
                <a:lnTo>
                  <a:pt x="14316" y="2359"/>
                </a:lnTo>
                <a:lnTo>
                  <a:pt x="14276" y="2358"/>
                </a:lnTo>
                <a:lnTo>
                  <a:pt x="14234" y="2357"/>
                </a:lnTo>
                <a:lnTo>
                  <a:pt x="14176" y="2358"/>
                </a:lnTo>
                <a:lnTo>
                  <a:pt x="14113" y="2361"/>
                </a:lnTo>
                <a:lnTo>
                  <a:pt x="14046" y="2365"/>
                </a:lnTo>
                <a:lnTo>
                  <a:pt x="13976" y="2371"/>
                </a:lnTo>
                <a:lnTo>
                  <a:pt x="13940" y="2376"/>
                </a:lnTo>
                <a:lnTo>
                  <a:pt x="13904" y="2381"/>
                </a:lnTo>
                <a:lnTo>
                  <a:pt x="13868" y="2386"/>
                </a:lnTo>
                <a:lnTo>
                  <a:pt x="13831" y="2392"/>
                </a:lnTo>
                <a:lnTo>
                  <a:pt x="13796" y="2399"/>
                </a:lnTo>
                <a:lnTo>
                  <a:pt x="13760" y="2406"/>
                </a:lnTo>
                <a:lnTo>
                  <a:pt x="13724" y="2415"/>
                </a:lnTo>
                <a:lnTo>
                  <a:pt x="13689" y="2423"/>
                </a:lnTo>
                <a:lnTo>
                  <a:pt x="13689" y="2672"/>
                </a:lnTo>
                <a:lnTo>
                  <a:pt x="13716" y="2661"/>
                </a:lnTo>
                <a:lnTo>
                  <a:pt x="13744" y="2653"/>
                </a:lnTo>
                <a:lnTo>
                  <a:pt x="13772" y="2645"/>
                </a:lnTo>
                <a:lnTo>
                  <a:pt x="13801" y="2637"/>
                </a:lnTo>
                <a:lnTo>
                  <a:pt x="13830" y="2630"/>
                </a:lnTo>
                <a:lnTo>
                  <a:pt x="13860" y="2624"/>
                </a:lnTo>
                <a:lnTo>
                  <a:pt x="13889" y="2618"/>
                </a:lnTo>
                <a:lnTo>
                  <a:pt x="13920" y="2613"/>
                </a:lnTo>
                <a:lnTo>
                  <a:pt x="13949" y="2609"/>
                </a:lnTo>
                <a:lnTo>
                  <a:pt x="13979" y="2604"/>
                </a:lnTo>
                <a:lnTo>
                  <a:pt x="14008" y="2601"/>
                </a:lnTo>
                <a:lnTo>
                  <a:pt x="14037" y="2598"/>
                </a:lnTo>
                <a:lnTo>
                  <a:pt x="14065" y="2596"/>
                </a:lnTo>
                <a:lnTo>
                  <a:pt x="14093" y="2595"/>
                </a:lnTo>
                <a:lnTo>
                  <a:pt x="14121" y="2594"/>
                </a:lnTo>
                <a:lnTo>
                  <a:pt x="14147" y="2593"/>
                </a:lnTo>
                <a:lnTo>
                  <a:pt x="14184" y="2594"/>
                </a:lnTo>
                <a:lnTo>
                  <a:pt x="14220" y="2595"/>
                </a:lnTo>
                <a:lnTo>
                  <a:pt x="14254" y="2597"/>
                </a:lnTo>
                <a:lnTo>
                  <a:pt x="14287" y="2601"/>
                </a:lnTo>
                <a:lnTo>
                  <a:pt x="14303" y="2604"/>
                </a:lnTo>
                <a:lnTo>
                  <a:pt x="14318" y="2608"/>
                </a:lnTo>
                <a:lnTo>
                  <a:pt x="14333" y="2611"/>
                </a:lnTo>
                <a:lnTo>
                  <a:pt x="14347" y="2615"/>
                </a:lnTo>
                <a:lnTo>
                  <a:pt x="14361" y="2619"/>
                </a:lnTo>
                <a:lnTo>
                  <a:pt x="14374" y="2625"/>
                </a:lnTo>
                <a:lnTo>
                  <a:pt x="14387" y="2630"/>
                </a:lnTo>
                <a:lnTo>
                  <a:pt x="14399" y="2638"/>
                </a:lnTo>
                <a:lnTo>
                  <a:pt x="14411" y="2645"/>
                </a:lnTo>
                <a:lnTo>
                  <a:pt x="14422" y="2653"/>
                </a:lnTo>
                <a:lnTo>
                  <a:pt x="14432" y="2661"/>
                </a:lnTo>
                <a:lnTo>
                  <a:pt x="14442" y="2672"/>
                </a:lnTo>
                <a:lnTo>
                  <a:pt x="14451" y="2682"/>
                </a:lnTo>
                <a:lnTo>
                  <a:pt x="14459" y="2694"/>
                </a:lnTo>
                <a:lnTo>
                  <a:pt x="14467" y="2706"/>
                </a:lnTo>
                <a:lnTo>
                  <a:pt x="14474" y="2719"/>
                </a:lnTo>
                <a:lnTo>
                  <a:pt x="14480" y="2734"/>
                </a:lnTo>
                <a:lnTo>
                  <a:pt x="14485" y="2749"/>
                </a:lnTo>
                <a:lnTo>
                  <a:pt x="14490" y="2766"/>
                </a:lnTo>
                <a:lnTo>
                  <a:pt x="14494" y="2784"/>
                </a:lnTo>
                <a:lnTo>
                  <a:pt x="14497" y="2803"/>
                </a:lnTo>
                <a:lnTo>
                  <a:pt x="14499" y="2823"/>
                </a:lnTo>
                <a:lnTo>
                  <a:pt x="14501" y="2845"/>
                </a:lnTo>
                <a:lnTo>
                  <a:pt x="14501" y="2868"/>
                </a:lnTo>
                <a:lnTo>
                  <a:pt x="14306" y="2868"/>
                </a:lnTo>
                <a:lnTo>
                  <a:pt x="14241" y="2868"/>
                </a:lnTo>
                <a:lnTo>
                  <a:pt x="14172" y="2871"/>
                </a:lnTo>
                <a:lnTo>
                  <a:pt x="14101" y="2875"/>
                </a:lnTo>
                <a:lnTo>
                  <a:pt x="14032" y="2880"/>
                </a:lnTo>
                <a:lnTo>
                  <a:pt x="13996" y="2884"/>
                </a:lnTo>
                <a:lnTo>
                  <a:pt x="13963" y="2888"/>
                </a:lnTo>
                <a:lnTo>
                  <a:pt x="13930" y="2894"/>
                </a:lnTo>
                <a:lnTo>
                  <a:pt x="13898" y="2899"/>
                </a:lnTo>
                <a:lnTo>
                  <a:pt x="13868" y="2904"/>
                </a:lnTo>
                <a:lnTo>
                  <a:pt x="13840" y="2910"/>
                </a:lnTo>
                <a:lnTo>
                  <a:pt x="13813" y="2917"/>
                </a:lnTo>
                <a:lnTo>
                  <a:pt x="13789" y="2925"/>
                </a:lnTo>
                <a:lnTo>
                  <a:pt x="13762" y="2934"/>
                </a:lnTo>
                <a:lnTo>
                  <a:pt x="13735" y="2945"/>
                </a:lnTo>
                <a:lnTo>
                  <a:pt x="13709" y="2958"/>
                </a:lnTo>
                <a:lnTo>
                  <a:pt x="13684" y="2971"/>
                </a:lnTo>
                <a:lnTo>
                  <a:pt x="13659" y="2986"/>
                </a:lnTo>
                <a:lnTo>
                  <a:pt x="13636" y="3002"/>
                </a:lnTo>
                <a:lnTo>
                  <a:pt x="13625" y="3012"/>
                </a:lnTo>
                <a:lnTo>
                  <a:pt x="13614" y="3021"/>
                </a:lnTo>
                <a:lnTo>
                  <a:pt x="13604" y="3030"/>
                </a:lnTo>
                <a:lnTo>
                  <a:pt x="13594" y="3041"/>
                </a:lnTo>
                <a:lnTo>
                  <a:pt x="13584" y="3051"/>
                </a:lnTo>
                <a:lnTo>
                  <a:pt x="13575" y="3061"/>
                </a:lnTo>
                <a:lnTo>
                  <a:pt x="13567" y="3073"/>
                </a:lnTo>
                <a:lnTo>
                  <a:pt x="13558" y="3084"/>
                </a:lnTo>
                <a:lnTo>
                  <a:pt x="13550" y="3096"/>
                </a:lnTo>
                <a:lnTo>
                  <a:pt x="13544" y="3108"/>
                </a:lnTo>
                <a:lnTo>
                  <a:pt x="13537" y="3122"/>
                </a:lnTo>
                <a:lnTo>
                  <a:pt x="13531" y="3135"/>
                </a:lnTo>
                <a:lnTo>
                  <a:pt x="13525" y="3149"/>
                </a:lnTo>
                <a:lnTo>
                  <a:pt x="13521" y="3162"/>
                </a:lnTo>
                <a:lnTo>
                  <a:pt x="13517" y="3176"/>
                </a:lnTo>
                <a:lnTo>
                  <a:pt x="13514" y="3192"/>
                </a:lnTo>
                <a:lnTo>
                  <a:pt x="13511" y="3208"/>
                </a:lnTo>
                <a:lnTo>
                  <a:pt x="13509" y="3223"/>
                </a:lnTo>
                <a:lnTo>
                  <a:pt x="13507" y="3240"/>
                </a:lnTo>
                <a:lnTo>
                  <a:pt x="13507" y="3256"/>
                </a:lnTo>
                <a:lnTo>
                  <a:pt x="13507" y="3283"/>
                </a:lnTo>
                <a:lnTo>
                  <a:pt x="13511" y="3308"/>
                </a:lnTo>
                <a:lnTo>
                  <a:pt x="13514" y="3333"/>
                </a:lnTo>
                <a:lnTo>
                  <a:pt x="13519" y="3357"/>
                </a:lnTo>
                <a:lnTo>
                  <a:pt x="13525" y="3380"/>
                </a:lnTo>
                <a:lnTo>
                  <a:pt x="13532" y="3400"/>
                </a:lnTo>
                <a:lnTo>
                  <a:pt x="13542" y="3421"/>
                </a:lnTo>
                <a:lnTo>
                  <a:pt x="13552" y="3441"/>
                </a:lnTo>
                <a:lnTo>
                  <a:pt x="13563" y="3459"/>
                </a:lnTo>
                <a:lnTo>
                  <a:pt x="13575" y="3477"/>
                </a:lnTo>
                <a:lnTo>
                  <a:pt x="13588" y="3494"/>
                </a:lnTo>
                <a:lnTo>
                  <a:pt x="13603" y="3509"/>
                </a:lnTo>
                <a:lnTo>
                  <a:pt x="13619" y="3524"/>
                </a:lnTo>
                <a:lnTo>
                  <a:pt x="13635" y="3538"/>
                </a:lnTo>
                <a:lnTo>
                  <a:pt x="13653" y="3551"/>
                </a:lnTo>
                <a:lnTo>
                  <a:pt x="13670" y="3563"/>
                </a:lnTo>
                <a:lnTo>
                  <a:pt x="13690" y="3574"/>
                </a:lnTo>
                <a:lnTo>
                  <a:pt x="13710" y="3585"/>
                </a:lnTo>
                <a:lnTo>
                  <a:pt x="13731" y="3595"/>
                </a:lnTo>
                <a:lnTo>
                  <a:pt x="13751" y="3603"/>
                </a:lnTo>
                <a:lnTo>
                  <a:pt x="13774" y="3612"/>
                </a:lnTo>
                <a:lnTo>
                  <a:pt x="13796" y="3619"/>
                </a:lnTo>
                <a:lnTo>
                  <a:pt x="13820" y="3625"/>
                </a:lnTo>
                <a:lnTo>
                  <a:pt x="13844" y="3631"/>
                </a:lnTo>
                <a:lnTo>
                  <a:pt x="13868" y="3637"/>
                </a:lnTo>
                <a:lnTo>
                  <a:pt x="13893" y="3641"/>
                </a:lnTo>
                <a:lnTo>
                  <a:pt x="13918" y="3644"/>
                </a:lnTo>
                <a:lnTo>
                  <a:pt x="13943" y="3647"/>
                </a:lnTo>
                <a:lnTo>
                  <a:pt x="13969" y="3649"/>
                </a:lnTo>
                <a:lnTo>
                  <a:pt x="13995" y="3651"/>
                </a:lnTo>
                <a:lnTo>
                  <a:pt x="14022" y="3652"/>
                </a:lnTo>
                <a:lnTo>
                  <a:pt x="14049" y="3652"/>
                </a:lnTo>
                <a:lnTo>
                  <a:pt x="14088" y="3651"/>
                </a:lnTo>
                <a:lnTo>
                  <a:pt x="14126" y="3650"/>
                </a:lnTo>
                <a:lnTo>
                  <a:pt x="14161" y="3647"/>
                </a:lnTo>
                <a:lnTo>
                  <a:pt x="14197" y="3643"/>
                </a:lnTo>
                <a:lnTo>
                  <a:pt x="14230" y="3638"/>
                </a:lnTo>
                <a:lnTo>
                  <a:pt x="14262" y="3631"/>
                </a:lnTo>
                <a:lnTo>
                  <a:pt x="14293" y="3624"/>
                </a:lnTo>
                <a:lnTo>
                  <a:pt x="14322" y="3615"/>
                </a:lnTo>
                <a:lnTo>
                  <a:pt x="14351" y="3606"/>
                </a:lnTo>
                <a:lnTo>
                  <a:pt x="14378" y="3594"/>
                </a:lnTo>
                <a:lnTo>
                  <a:pt x="14404" y="3582"/>
                </a:lnTo>
                <a:lnTo>
                  <a:pt x="14429" y="3567"/>
                </a:lnTo>
                <a:lnTo>
                  <a:pt x="14453" y="3553"/>
                </a:lnTo>
                <a:lnTo>
                  <a:pt x="14476" y="3536"/>
                </a:lnTo>
                <a:lnTo>
                  <a:pt x="14498" y="3517"/>
                </a:lnTo>
                <a:lnTo>
                  <a:pt x="14519" y="3498"/>
                </a:lnTo>
                <a:lnTo>
                  <a:pt x="14525" y="3498"/>
                </a:lnTo>
                <a:lnTo>
                  <a:pt x="14525" y="3623"/>
                </a:lnTo>
                <a:lnTo>
                  <a:pt x="14885" y="3623"/>
                </a:lnTo>
                <a:lnTo>
                  <a:pt x="14885" y="2843"/>
                </a:lnTo>
                <a:close/>
                <a:moveTo>
                  <a:pt x="14501" y="3289"/>
                </a:moveTo>
                <a:lnTo>
                  <a:pt x="14477" y="3306"/>
                </a:lnTo>
                <a:lnTo>
                  <a:pt x="14453" y="3323"/>
                </a:lnTo>
                <a:lnTo>
                  <a:pt x="14430" y="3336"/>
                </a:lnTo>
                <a:lnTo>
                  <a:pt x="14406" y="3350"/>
                </a:lnTo>
                <a:lnTo>
                  <a:pt x="14383" y="3361"/>
                </a:lnTo>
                <a:lnTo>
                  <a:pt x="14359" y="3370"/>
                </a:lnTo>
                <a:lnTo>
                  <a:pt x="14335" y="3380"/>
                </a:lnTo>
                <a:lnTo>
                  <a:pt x="14312" y="3388"/>
                </a:lnTo>
                <a:lnTo>
                  <a:pt x="14289" y="3394"/>
                </a:lnTo>
                <a:lnTo>
                  <a:pt x="14265" y="3400"/>
                </a:lnTo>
                <a:lnTo>
                  <a:pt x="14242" y="3406"/>
                </a:lnTo>
                <a:lnTo>
                  <a:pt x="14220" y="3410"/>
                </a:lnTo>
                <a:lnTo>
                  <a:pt x="14198" y="3413"/>
                </a:lnTo>
                <a:lnTo>
                  <a:pt x="14175" y="3415"/>
                </a:lnTo>
                <a:lnTo>
                  <a:pt x="14153" y="3417"/>
                </a:lnTo>
                <a:lnTo>
                  <a:pt x="14132" y="3418"/>
                </a:lnTo>
                <a:lnTo>
                  <a:pt x="14107" y="3418"/>
                </a:lnTo>
                <a:lnTo>
                  <a:pt x="14084" y="3417"/>
                </a:lnTo>
                <a:lnTo>
                  <a:pt x="14061" y="3415"/>
                </a:lnTo>
                <a:lnTo>
                  <a:pt x="14039" y="3412"/>
                </a:lnTo>
                <a:lnTo>
                  <a:pt x="14018" y="3407"/>
                </a:lnTo>
                <a:lnTo>
                  <a:pt x="14000" y="3400"/>
                </a:lnTo>
                <a:lnTo>
                  <a:pt x="13991" y="3397"/>
                </a:lnTo>
                <a:lnTo>
                  <a:pt x="13982" y="3393"/>
                </a:lnTo>
                <a:lnTo>
                  <a:pt x="13974" y="3389"/>
                </a:lnTo>
                <a:lnTo>
                  <a:pt x="13966" y="3384"/>
                </a:lnTo>
                <a:lnTo>
                  <a:pt x="13959" y="3379"/>
                </a:lnTo>
                <a:lnTo>
                  <a:pt x="13952" y="3373"/>
                </a:lnTo>
                <a:lnTo>
                  <a:pt x="13946" y="3367"/>
                </a:lnTo>
                <a:lnTo>
                  <a:pt x="13939" y="3361"/>
                </a:lnTo>
                <a:lnTo>
                  <a:pt x="13933" y="3355"/>
                </a:lnTo>
                <a:lnTo>
                  <a:pt x="13928" y="3346"/>
                </a:lnTo>
                <a:lnTo>
                  <a:pt x="13924" y="3339"/>
                </a:lnTo>
                <a:lnTo>
                  <a:pt x="13920" y="3331"/>
                </a:lnTo>
                <a:lnTo>
                  <a:pt x="13915" y="3323"/>
                </a:lnTo>
                <a:lnTo>
                  <a:pt x="13912" y="3313"/>
                </a:lnTo>
                <a:lnTo>
                  <a:pt x="13909" y="3304"/>
                </a:lnTo>
                <a:lnTo>
                  <a:pt x="13906" y="3295"/>
                </a:lnTo>
                <a:lnTo>
                  <a:pt x="13905" y="3284"/>
                </a:lnTo>
                <a:lnTo>
                  <a:pt x="13903" y="3273"/>
                </a:lnTo>
                <a:lnTo>
                  <a:pt x="13903" y="3261"/>
                </a:lnTo>
                <a:lnTo>
                  <a:pt x="13902" y="3250"/>
                </a:lnTo>
                <a:lnTo>
                  <a:pt x="13903" y="3236"/>
                </a:lnTo>
                <a:lnTo>
                  <a:pt x="13905" y="3223"/>
                </a:lnTo>
                <a:lnTo>
                  <a:pt x="13908" y="3211"/>
                </a:lnTo>
                <a:lnTo>
                  <a:pt x="13912" y="3198"/>
                </a:lnTo>
                <a:lnTo>
                  <a:pt x="13918" y="3188"/>
                </a:lnTo>
                <a:lnTo>
                  <a:pt x="13924" y="3178"/>
                </a:lnTo>
                <a:lnTo>
                  <a:pt x="13932" y="3167"/>
                </a:lnTo>
                <a:lnTo>
                  <a:pt x="13940" y="3158"/>
                </a:lnTo>
                <a:lnTo>
                  <a:pt x="13950" y="3150"/>
                </a:lnTo>
                <a:lnTo>
                  <a:pt x="13961" y="3141"/>
                </a:lnTo>
                <a:lnTo>
                  <a:pt x="13973" y="3134"/>
                </a:lnTo>
                <a:lnTo>
                  <a:pt x="13985" y="3127"/>
                </a:lnTo>
                <a:lnTo>
                  <a:pt x="13997" y="3121"/>
                </a:lnTo>
                <a:lnTo>
                  <a:pt x="14012" y="3115"/>
                </a:lnTo>
                <a:lnTo>
                  <a:pt x="14026" y="3109"/>
                </a:lnTo>
                <a:lnTo>
                  <a:pt x="14042" y="3105"/>
                </a:lnTo>
                <a:lnTo>
                  <a:pt x="14075" y="3096"/>
                </a:lnTo>
                <a:lnTo>
                  <a:pt x="14112" y="3089"/>
                </a:lnTo>
                <a:lnTo>
                  <a:pt x="14150" y="3083"/>
                </a:lnTo>
                <a:lnTo>
                  <a:pt x="14189" y="3079"/>
                </a:lnTo>
                <a:lnTo>
                  <a:pt x="14231" y="3076"/>
                </a:lnTo>
                <a:lnTo>
                  <a:pt x="14275" y="3075"/>
                </a:lnTo>
                <a:lnTo>
                  <a:pt x="14319" y="3073"/>
                </a:lnTo>
                <a:lnTo>
                  <a:pt x="14364" y="3073"/>
                </a:lnTo>
                <a:lnTo>
                  <a:pt x="14501" y="3073"/>
                </a:lnTo>
                <a:lnTo>
                  <a:pt x="14501" y="3289"/>
                </a:lnTo>
                <a:close/>
                <a:moveTo>
                  <a:pt x="3514" y="2021"/>
                </a:moveTo>
                <a:lnTo>
                  <a:pt x="3514" y="2995"/>
                </a:lnTo>
                <a:lnTo>
                  <a:pt x="3514" y="3016"/>
                </a:lnTo>
                <a:lnTo>
                  <a:pt x="3513" y="3036"/>
                </a:lnTo>
                <a:lnTo>
                  <a:pt x="3511" y="3055"/>
                </a:lnTo>
                <a:lnTo>
                  <a:pt x="3508" y="3074"/>
                </a:lnTo>
                <a:lnTo>
                  <a:pt x="3506" y="3091"/>
                </a:lnTo>
                <a:lnTo>
                  <a:pt x="3503" y="3109"/>
                </a:lnTo>
                <a:lnTo>
                  <a:pt x="3499" y="3127"/>
                </a:lnTo>
                <a:lnTo>
                  <a:pt x="3495" y="3143"/>
                </a:lnTo>
                <a:lnTo>
                  <a:pt x="3489" y="3160"/>
                </a:lnTo>
                <a:lnTo>
                  <a:pt x="3484" y="3175"/>
                </a:lnTo>
                <a:lnTo>
                  <a:pt x="3477" y="3190"/>
                </a:lnTo>
                <a:lnTo>
                  <a:pt x="3470" y="3204"/>
                </a:lnTo>
                <a:lnTo>
                  <a:pt x="3462" y="3218"/>
                </a:lnTo>
                <a:lnTo>
                  <a:pt x="3453" y="3231"/>
                </a:lnTo>
                <a:lnTo>
                  <a:pt x="3445" y="3244"/>
                </a:lnTo>
                <a:lnTo>
                  <a:pt x="3435" y="3255"/>
                </a:lnTo>
                <a:lnTo>
                  <a:pt x="3424" y="3267"/>
                </a:lnTo>
                <a:lnTo>
                  <a:pt x="3414" y="3277"/>
                </a:lnTo>
                <a:lnTo>
                  <a:pt x="3403" y="3287"/>
                </a:lnTo>
                <a:lnTo>
                  <a:pt x="3390" y="3297"/>
                </a:lnTo>
                <a:lnTo>
                  <a:pt x="3377" y="3305"/>
                </a:lnTo>
                <a:lnTo>
                  <a:pt x="3363" y="3313"/>
                </a:lnTo>
                <a:lnTo>
                  <a:pt x="3349" y="3321"/>
                </a:lnTo>
                <a:lnTo>
                  <a:pt x="3334" y="3327"/>
                </a:lnTo>
                <a:lnTo>
                  <a:pt x="3317" y="3333"/>
                </a:lnTo>
                <a:lnTo>
                  <a:pt x="3301" y="3338"/>
                </a:lnTo>
                <a:lnTo>
                  <a:pt x="3284" y="3342"/>
                </a:lnTo>
                <a:lnTo>
                  <a:pt x="3267" y="3346"/>
                </a:lnTo>
                <a:lnTo>
                  <a:pt x="3248" y="3349"/>
                </a:lnTo>
                <a:lnTo>
                  <a:pt x="3228" y="3352"/>
                </a:lnTo>
                <a:lnTo>
                  <a:pt x="3208" y="3353"/>
                </a:lnTo>
                <a:lnTo>
                  <a:pt x="3188" y="3354"/>
                </a:lnTo>
                <a:lnTo>
                  <a:pt x="3157" y="3354"/>
                </a:lnTo>
                <a:lnTo>
                  <a:pt x="3119" y="3353"/>
                </a:lnTo>
                <a:lnTo>
                  <a:pt x="3077" y="3352"/>
                </a:lnTo>
                <a:lnTo>
                  <a:pt x="3030" y="3349"/>
                </a:lnTo>
                <a:lnTo>
                  <a:pt x="2981" y="3344"/>
                </a:lnTo>
                <a:lnTo>
                  <a:pt x="2929" y="3338"/>
                </a:lnTo>
                <a:lnTo>
                  <a:pt x="2903" y="3335"/>
                </a:lnTo>
                <a:lnTo>
                  <a:pt x="2877" y="3331"/>
                </a:lnTo>
                <a:lnTo>
                  <a:pt x="2852" y="3326"/>
                </a:lnTo>
                <a:lnTo>
                  <a:pt x="2826" y="3321"/>
                </a:lnTo>
                <a:lnTo>
                  <a:pt x="2826" y="3625"/>
                </a:lnTo>
                <a:lnTo>
                  <a:pt x="2878" y="3632"/>
                </a:lnTo>
                <a:lnTo>
                  <a:pt x="2933" y="3639"/>
                </a:lnTo>
                <a:lnTo>
                  <a:pt x="2988" y="3643"/>
                </a:lnTo>
                <a:lnTo>
                  <a:pt x="3045" y="3647"/>
                </a:lnTo>
                <a:lnTo>
                  <a:pt x="3102" y="3649"/>
                </a:lnTo>
                <a:lnTo>
                  <a:pt x="3157" y="3651"/>
                </a:lnTo>
                <a:lnTo>
                  <a:pt x="3211" y="3652"/>
                </a:lnTo>
                <a:lnTo>
                  <a:pt x="3262" y="3652"/>
                </a:lnTo>
                <a:lnTo>
                  <a:pt x="3304" y="3651"/>
                </a:lnTo>
                <a:lnTo>
                  <a:pt x="3344" y="3649"/>
                </a:lnTo>
                <a:lnTo>
                  <a:pt x="3384" y="3646"/>
                </a:lnTo>
                <a:lnTo>
                  <a:pt x="3422" y="3641"/>
                </a:lnTo>
                <a:lnTo>
                  <a:pt x="3460" y="3636"/>
                </a:lnTo>
                <a:lnTo>
                  <a:pt x="3496" y="3628"/>
                </a:lnTo>
                <a:lnTo>
                  <a:pt x="3530" y="3619"/>
                </a:lnTo>
                <a:lnTo>
                  <a:pt x="3564" y="3610"/>
                </a:lnTo>
                <a:lnTo>
                  <a:pt x="3598" y="3598"/>
                </a:lnTo>
                <a:lnTo>
                  <a:pt x="3629" y="3586"/>
                </a:lnTo>
                <a:lnTo>
                  <a:pt x="3659" y="3572"/>
                </a:lnTo>
                <a:lnTo>
                  <a:pt x="3689" y="3558"/>
                </a:lnTo>
                <a:lnTo>
                  <a:pt x="3716" y="3542"/>
                </a:lnTo>
                <a:lnTo>
                  <a:pt x="3743" y="3525"/>
                </a:lnTo>
                <a:lnTo>
                  <a:pt x="3769" y="3507"/>
                </a:lnTo>
                <a:lnTo>
                  <a:pt x="3793" y="3487"/>
                </a:lnTo>
                <a:lnTo>
                  <a:pt x="3816" y="3468"/>
                </a:lnTo>
                <a:lnTo>
                  <a:pt x="3836" y="3446"/>
                </a:lnTo>
                <a:lnTo>
                  <a:pt x="3857" y="3424"/>
                </a:lnTo>
                <a:lnTo>
                  <a:pt x="3876" y="3400"/>
                </a:lnTo>
                <a:lnTo>
                  <a:pt x="3893" y="3377"/>
                </a:lnTo>
                <a:lnTo>
                  <a:pt x="3909" y="3351"/>
                </a:lnTo>
                <a:lnTo>
                  <a:pt x="3924" y="3325"/>
                </a:lnTo>
                <a:lnTo>
                  <a:pt x="3936" y="3297"/>
                </a:lnTo>
                <a:lnTo>
                  <a:pt x="3949" y="3269"/>
                </a:lnTo>
                <a:lnTo>
                  <a:pt x="3958" y="3240"/>
                </a:lnTo>
                <a:lnTo>
                  <a:pt x="3967" y="3210"/>
                </a:lnTo>
                <a:lnTo>
                  <a:pt x="3973" y="3180"/>
                </a:lnTo>
                <a:lnTo>
                  <a:pt x="3980" y="3147"/>
                </a:lnTo>
                <a:lnTo>
                  <a:pt x="3984" y="3115"/>
                </a:lnTo>
                <a:lnTo>
                  <a:pt x="3986" y="3082"/>
                </a:lnTo>
                <a:lnTo>
                  <a:pt x="3987" y="3048"/>
                </a:lnTo>
                <a:lnTo>
                  <a:pt x="3987" y="2021"/>
                </a:lnTo>
                <a:lnTo>
                  <a:pt x="3514" y="2021"/>
                </a:lnTo>
                <a:close/>
                <a:moveTo>
                  <a:pt x="11555" y="2357"/>
                </a:moveTo>
                <a:lnTo>
                  <a:pt x="11524" y="2358"/>
                </a:lnTo>
                <a:lnTo>
                  <a:pt x="11493" y="2359"/>
                </a:lnTo>
                <a:lnTo>
                  <a:pt x="11462" y="2362"/>
                </a:lnTo>
                <a:lnTo>
                  <a:pt x="11431" y="2366"/>
                </a:lnTo>
                <a:lnTo>
                  <a:pt x="11401" y="2372"/>
                </a:lnTo>
                <a:lnTo>
                  <a:pt x="11372" y="2380"/>
                </a:lnTo>
                <a:lnTo>
                  <a:pt x="11344" y="2389"/>
                </a:lnTo>
                <a:lnTo>
                  <a:pt x="11316" y="2400"/>
                </a:lnTo>
                <a:lnTo>
                  <a:pt x="11303" y="2406"/>
                </a:lnTo>
                <a:lnTo>
                  <a:pt x="11289" y="2414"/>
                </a:lnTo>
                <a:lnTo>
                  <a:pt x="11277" y="2421"/>
                </a:lnTo>
                <a:lnTo>
                  <a:pt x="11263" y="2428"/>
                </a:lnTo>
                <a:lnTo>
                  <a:pt x="11251" y="2438"/>
                </a:lnTo>
                <a:lnTo>
                  <a:pt x="11238" y="2446"/>
                </a:lnTo>
                <a:lnTo>
                  <a:pt x="11227" y="2456"/>
                </a:lnTo>
                <a:lnTo>
                  <a:pt x="11215" y="2467"/>
                </a:lnTo>
                <a:lnTo>
                  <a:pt x="11203" y="2477"/>
                </a:lnTo>
                <a:lnTo>
                  <a:pt x="11192" y="2488"/>
                </a:lnTo>
                <a:lnTo>
                  <a:pt x="11181" y="2501"/>
                </a:lnTo>
                <a:lnTo>
                  <a:pt x="11170" y="2513"/>
                </a:lnTo>
                <a:lnTo>
                  <a:pt x="11160" y="2527"/>
                </a:lnTo>
                <a:lnTo>
                  <a:pt x="11150" y="2541"/>
                </a:lnTo>
                <a:lnTo>
                  <a:pt x="11140" y="2556"/>
                </a:lnTo>
                <a:lnTo>
                  <a:pt x="11130" y="2571"/>
                </a:lnTo>
                <a:lnTo>
                  <a:pt x="11125" y="2571"/>
                </a:lnTo>
                <a:lnTo>
                  <a:pt x="11125" y="2383"/>
                </a:lnTo>
                <a:lnTo>
                  <a:pt x="10747" y="2383"/>
                </a:lnTo>
                <a:lnTo>
                  <a:pt x="10747" y="3623"/>
                </a:lnTo>
                <a:lnTo>
                  <a:pt x="11159" y="3623"/>
                </a:lnTo>
                <a:lnTo>
                  <a:pt x="11159" y="3017"/>
                </a:lnTo>
                <a:lnTo>
                  <a:pt x="11160" y="2971"/>
                </a:lnTo>
                <a:lnTo>
                  <a:pt x="11163" y="2929"/>
                </a:lnTo>
                <a:lnTo>
                  <a:pt x="11164" y="2910"/>
                </a:lnTo>
                <a:lnTo>
                  <a:pt x="11167" y="2893"/>
                </a:lnTo>
                <a:lnTo>
                  <a:pt x="11169" y="2875"/>
                </a:lnTo>
                <a:lnTo>
                  <a:pt x="11172" y="2859"/>
                </a:lnTo>
                <a:lnTo>
                  <a:pt x="11176" y="2844"/>
                </a:lnTo>
                <a:lnTo>
                  <a:pt x="11179" y="2830"/>
                </a:lnTo>
                <a:lnTo>
                  <a:pt x="11183" y="2817"/>
                </a:lnTo>
                <a:lnTo>
                  <a:pt x="11188" y="2804"/>
                </a:lnTo>
                <a:lnTo>
                  <a:pt x="11193" y="2793"/>
                </a:lnTo>
                <a:lnTo>
                  <a:pt x="11197" y="2783"/>
                </a:lnTo>
                <a:lnTo>
                  <a:pt x="11202" y="2773"/>
                </a:lnTo>
                <a:lnTo>
                  <a:pt x="11207" y="2764"/>
                </a:lnTo>
                <a:lnTo>
                  <a:pt x="11216" y="2751"/>
                </a:lnTo>
                <a:lnTo>
                  <a:pt x="11225" y="2738"/>
                </a:lnTo>
                <a:lnTo>
                  <a:pt x="11233" y="2726"/>
                </a:lnTo>
                <a:lnTo>
                  <a:pt x="11244" y="2714"/>
                </a:lnTo>
                <a:lnTo>
                  <a:pt x="11254" y="2704"/>
                </a:lnTo>
                <a:lnTo>
                  <a:pt x="11264" y="2694"/>
                </a:lnTo>
                <a:lnTo>
                  <a:pt x="11276" y="2684"/>
                </a:lnTo>
                <a:lnTo>
                  <a:pt x="11287" y="2676"/>
                </a:lnTo>
                <a:lnTo>
                  <a:pt x="11301" y="2668"/>
                </a:lnTo>
                <a:lnTo>
                  <a:pt x="11314" y="2661"/>
                </a:lnTo>
                <a:lnTo>
                  <a:pt x="11329" y="2654"/>
                </a:lnTo>
                <a:lnTo>
                  <a:pt x="11344" y="2649"/>
                </a:lnTo>
                <a:lnTo>
                  <a:pt x="11360" y="2644"/>
                </a:lnTo>
                <a:lnTo>
                  <a:pt x="11378" y="2639"/>
                </a:lnTo>
                <a:lnTo>
                  <a:pt x="11396" y="2634"/>
                </a:lnTo>
                <a:lnTo>
                  <a:pt x="11416" y="2631"/>
                </a:lnTo>
                <a:lnTo>
                  <a:pt x="11437" y="2629"/>
                </a:lnTo>
                <a:lnTo>
                  <a:pt x="11461" y="2629"/>
                </a:lnTo>
                <a:lnTo>
                  <a:pt x="11484" y="2630"/>
                </a:lnTo>
                <a:lnTo>
                  <a:pt x="11510" y="2632"/>
                </a:lnTo>
                <a:lnTo>
                  <a:pt x="11535" y="2638"/>
                </a:lnTo>
                <a:lnTo>
                  <a:pt x="11560" y="2644"/>
                </a:lnTo>
                <a:lnTo>
                  <a:pt x="11572" y="2648"/>
                </a:lnTo>
                <a:lnTo>
                  <a:pt x="11583" y="2652"/>
                </a:lnTo>
                <a:lnTo>
                  <a:pt x="11594" y="2657"/>
                </a:lnTo>
                <a:lnTo>
                  <a:pt x="11606" y="2663"/>
                </a:lnTo>
                <a:lnTo>
                  <a:pt x="11789" y="2400"/>
                </a:lnTo>
                <a:lnTo>
                  <a:pt x="11761" y="2391"/>
                </a:lnTo>
                <a:lnTo>
                  <a:pt x="11734" y="2382"/>
                </a:lnTo>
                <a:lnTo>
                  <a:pt x="11706" y="2374"/>
                </a:lnTo>
                <a:lnTo>
                  <a:pt x="11679" y="2368"/>
                </a:lnTo>
                <a:lnTo>
                  <a:pt x="11651" y="2364"/>
                </a:lnTo>
                <a:lnTo>
                  <a:pt x="11620" y="2360"/>
                </a:lnTo>
                <a:lnTo>
                  <a:pt x="11589" y="2358"/>
                </a:lnTo>
                <a:lnTo>
                  <a:pt x="11555" y="2357"/>
                </a:lnTo>
                <a:close/>
              </a:path>
            </a:pathLst>
          </a:custGeom>
          <a:solidFill>
            <a:schemeClr val="tx1"/>
          </a:solidFill>
          <a:ln w="9525" cap="flat" cmpd="sng">
            <a:noFill/>
            <a:prstDash val="solid"/>
            <a:round/>
            <a:headEnd type="none" w="med" len="med"/>
            <a:tailEnd type="none" w="med" len="med"/>
          </a:ln>
          <a:effectLst/>
        </p:spPr>
        <p:txBody>
          <a:bodyPr/>
          <a:lstStyle/>
          <a:p>
            <a:pPr>
              <a:defRPr/>
            </a:pPr>
            <a:endParaRPr lang="en-US"/>
          </a:p>
        </p:txBody>
      </p:sp>
      <p:sp>
        <p:nvSpPr>
          <p:cNvPr id="3091" name="Rectangle 19"/>
          <p:cNvSpPr>
            <a:spLocks noGrp="1" noChangeArrowheads="1"/>
          </p:cNvSpPr>
          <p:nvPr>
            <p:ph type="body" sz="quarter" idx="3"/>
          </p:nvPr>
        </p:nvSpPr>
        <p:spPr bwMode="blackGray">
          <a:xfrm>
            <a:off x="746125" y="4964113"/>
            <a:ext cx="5295900" cy="4240212"/>
          </a:xfrm>
          <a:prstGeom prst="rect">
            <a:avLst/>
          </a:prstGeom>
          <a:noFill/>
          <a:ln w="9525">
            <a:solidFill>
              <a:schemeClr val="tx1"/>
            </a:solidFill>
            <a:miter lim="800000"/>
            <a:headEnd/>
            <a:tailEnd/>
          </a:ln>
          <a:effectLst/>
        </p:spPr>
        <p:txBody>
          <a:bodyPr vert="horz" wrap="square" lIns="72994" tIns="72994" rIns="0" bIns="0" numCol="1" anchor="t" anchorCtr="0" compatLnSpc="1">
            <a:prstTxWarp prst="textNoShape">
              <a:avLst/>
            </a:prstTxWarp>
          </a:bodyPr>
          <a:lstStyle/>
          <a:p>
            <a:pPr lvl="0"/>
            <a:r>
              <a:rPr lang="en-GB" noProof="0" smtClean="0"/>
              <a:t>First level</a:t>
            </a:r>
          </a:p>
          <a:p>
            <a:pPr lvl="1"/>
            <a:r>
              <a:rPr lang="en-GB" noProof="0" smtClean="0"/>
              <a:t>Second level</a:t>
            </a:r>
          </a:p>
          <a:p>
            <a:pPr lvl="2"/>
            <a:r>
              <a:rPr lang="en-GB" noProof="0" smtClean="0"/>
              <a:t>Third level</a:t>
            </a:r>
          </a:p>
          <a:p>
            <a:pPr lvl="3"/>
            <a:r>
              <a:rPr lang="en-GB" noProof="0" smtClean="0"/>
              <a:t>Fourth level</a:t>
            </a:r>
          </a:p>
        </p:txBody>
      </p:sp>
    </p:spTree>
  </p:cSld>
  <p:clrMap bg1="lt1" tx1="dk1" bg2="lt2" tx2="dk2" accent1="accent1" accent2="accent2" accent3="accent3" accent4="accent4" accent5="accent5" accent6="accent6" hlink="hlink" folHlink="folHlink"/>
  <p:hf dt="0"/>
  <p:notesStyle>
    <a:lvl1pPr marL="323850" indent="-323850" algn="l" defTabSz="1019175" rtl="0" eaLnBrk="0" fontAlgn="base" hangingPunct="0">
      <a:lnSpc>
        <a:spcPts val="1500"/>
      </a:lnSpc>
      <a:spcBef>
        <a:spcPts val="7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1pPr>
    <a:lvl2pPr marL="666750" indent="-341313" algn="l" defTabSz="1019175" rtl="0" eaLnBrk="0" fontAlgn="base" hangingPunct="0">
      <a:lnSpc>
        <a:spcPct val="110000"/>
      </a:lnSpc>
      <a:spcBef>
        <a:spcPct val="20000"/>
      </a:spcBef>
      <a:spcAft>
        <a:spcPct val="0"/>
      </a:spcAft>
      <a:buClr>
        <a:srgbClr val="C0C0C0"/>
      </a:buClr>
      <a:buSzPct val="92000"/>
      <a:buFont typeface="Wingdings" pitchFamily="2" charset="2"/>
      <a:buChar char="n"/>
      <a:defRPr sz="1100" kern="1200">
        <a:solidFill>
          <a:schemeClr val="tx1"/>
        </a:solidFill>
        <a:latin typeface="Trebuchet MS" pitchFamily="34" charset="0"/>
        <a:ea typeface="+mn-ea"/>
        <a:cs typeface="+mn-cs"/>
      </a:defRPr>
    </a:lvl2pPr>
    <a:lvl3pPr marL="1038225" indent="-369888" algn="l" defTabSz="1019175" rtl="0" eaLnBrk="0" fontAlgn="base" hangingPunct="0">
      <a:lnSpc>
        <a:spcPct val="110000"/>
      </a:lnSpc>
      <a:spcBef>
        <a:spcPct val="20000"/>
      </a:spcBef>
      <a:spcAft>
        <a:spcPct val="0"/>
      </a:spcAft>
      <a:buClr>
        <a:srgbClr val="C0C0C0"/>
      </a:buClr>
      <a:buSzPct val="92000"/>
      <a:buChar char="—"/>
      <a:defRPr sz="1100" kern="1200">
        <a:solidFill>
          <a:schemeClr val="tx1"/>
        </a:solidFill>
        <a:latin typeface="Trebuchet MS" pitchFamily="34" charset="0"/>
        <a:ea typeface="+mn-ea"/>
        <a:cs typeface="+mn-cs"/>
      </a:defRPr>
    </a:lvl3pPr>
    <a:lvl4pPr marL="1409700" indent="-369888" algn="l" defTabSz="1019175" rtl="0" eaLnBrk="0" fontAlgn="base" hangingPunct="0">
      <a:lnSpc>
        <a:spcPct val="110000"/>
      </a:lnSpc>
      <a:spcBef>
        <a:spcPct val="20000"/>
      </a:spcBef>
      <a:spcAft>
        <a:spcPct val="0"/>
      </a:spcAft>
      <a:buClr>
        <a:srgbClr val="C0C0C0"/>
      </a:buClr>
      <a:buSzPct val="92000"/>
      <a:buChar char="—"/>
      <a:defRPr sz="1100" kern="1200">
        <a:solidFill>
          <a:schemeClr val="tx1"/>
        </a:solidFill>
        <a:latin typeface="Trebuchet MS" pitchFamily="34" charset="0"/>
        <a:ea typeface="+mn-ea"/>
        <a:cs typeface="+mn-cs"/>
      </a:defRPr>
    </a:lvl4pPr>
    <a:lvl5pPr marL="2057400" indent="-228600"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xml"/></Relationships>
</file>

<file path=ppt/notesSlides/notesSlide1.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33794" name="Rectangle 8"/>
          <p:cNvSpPr>
            <a:spLocks noGrp="1" noChangeArrowheads="1"/>
          </p:cNvSpPr>
          <p:nvPr>
            <p:ph type="hdr" sz="quarter"/>
          </p:nvPr>
        </p:nvSpPr>
        <p:spPr>
          <a:noFill/>
        </p:spPr>
        <p:txBody>
          <a:bodyPr/>
          <a:lstStyle/>
          <a:p>
            <a:r>
              <a:rPr lang="en-GB" smtClean="0"/>
              <a:t>Bond and Risk Management Conference</a:t>
            </a:r>
            <a:br>
              <a:rPr lang="en-GB" smtClean="0"/>
            </a:br>
            <a:r>
              <a:rPr lang="en-GB" b="0" smtClean="0"/>
              <a:t>DCM update</a:t>
            </a:r>
            <a:br>
              <a:rPr lang="en-GB" b="0" smtClean="0"/>
            </a:br>
            <a:r>
              <a:rPr lang="en-GB" b="0" smtClean="0"/>
              <a:t/>
            </a:r>
            <a:br>
              <a:rPr lang="en-GB" b="0" smtClean="0"/>
            </a:br>
            <a:r>
              <a:rPr lang="en-GB" b="0" smtClean="0"/>
              <a:t>Stephen Smith</a:t>
            </a:r>
            <a:br>
              <a:rPr lang="en-GB" b="0" smtClean="0"/>
            </a:br>
            <a:r>
              <a:rPr lang="en-GB" b="0" smtClean="0"/>
              <a:t>JPMorgan</a:t>
            </a:r>
            <a:br>
              <a:rPr lang="en-GB" b="0" smtClean="0"/>
            </a:br>
            <a:r>
              <a:rPr lang="en-GB" b="0" smtClean="0"/>
              <a:t>stephen.smith@jpmorgan.com</a:t>
            </a:r>
          </a:p>
        </p:txBody>
      </p:sp>
      <p:sp>
        <p:nvSpPr>
          <p:cNvPr id="33795" name="Rectangle 9"/>
          <p:cNvSpPr>
            <a:spLocks noGrp="1" noChangeArrowheads="1"/>
          </p:cNvSpPr>
          <p:nvPr>
            <p:ph type="ftr" sz="quarter" idx="4"/>
          </p:nvPr>
        </p:nvSpPr>
        <p:spPr>
          <a:noFill/>
        </p:spPr>
        <p:txBody>
          <a:bodyPr/>
          <a:lstStyle/>
          <a:p>
            <a:r>
              <a:rPr lang="en-GB" smtClean="0"/>
              <a:t>Graphics\MAR 03\ISSUER MANAGEMENT\NOTES PAGE BOOK (03).ppt</a:t>
            </a:r>
          </a:p>
        </p:txBody>
      </p:sp>
      <p:sp>
        <p:nvSpPr>
          <p:cNvPr id="33796" name="Rectangle 2"/>
          <p:cNvSpPr>
            <a:spLocks noGrp="1" noRot="1" noChangeAspect="1" noChangeArrowheads="1" noTextEdit="1"/>
          </p:cNvSpPr>
          <p:nvPr>
            <p:ph type="sldImg"/>
          </p:nvPr>
        </p:nvSpPr>
        <p:spPr>
          <a:ln/>
        </p:spPr>
      </p:sp>
      <p:sp>
        <p:nvSpPr>
          <p:cNvPr id="33797" name="Rectangle 3"/>
          <p:cNvSpPr>
            <a:spLocks noGrp="1" noChangeArrowheads="1"/>
          </p:cNvSpPr>
          <p:nvPr>
            <p:ph type="body" idx="1"/>
          </p:nvPr>
        </p:nvSpPr>
        <p:spPr>
          <a:noFill/>
        </p:spPr>
        <p:txBody>
          <a:bodyPr/>
          <a:lstStyle/>
          <a:p>
            <a:endParaRPr lang="en-GB"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33794" name="Rectangle 8"/>
          <p:cNvSpPr>
            <a:spLocks noGrp="1" noChangeArrowheads="1"/>
          </p:cNvSpPr>
          <p:nvPr>
            <p:ph type="hdr" sz="quarter"/>
          </p:nvPr>
        </p:nvSpPr>
        <p:spPr>
          <a:noFill/>
        </p:spPr>
        <p:txBody>
          <a:bodyPr/>
          <a:lstStyle/>
          <a:p>
            <a:r>
              <a:rPr lang="en-GB" smtClean="0"/>
              <a:t>Bond and Risk Management Conference</a:t>
            </a:r>
            <a:br>
              <a:rPr lang="en-GB" smtClean="0"/>
            </a:br>
            <a:r>
              <a:rPr lang="en-GB" b="0" smtClean="0"/>
              <a:t>DCM update</a:t>
            </a:r>
            <a:br>
              <a:rPr lang="en-GB" b="0" smtClean="0"/>
            </a:br>
            <a:r>
              <a:rPr lang="en-GB" b="0" smtClean="0"/>
              <a:t/>
            </a:r>
            <a:br>
              <a:rPr lang="en-GB" b="0" smtClean="0"/>
            </a:br>
            <a:r>
              <a:rPr lang="en-GB" b="0" smtClean="0"/>
              <a:t>Stephen Smith</a:t>
            </a:r>
            <a:br>
              <a:rPr lang="en-GB" b="0" smtClean="0"/>
            </a:br>
            <a:r>
              <a:rPr lang="en-GB" b="0" smtClean="0"/>
              <a:t>JPMorgan</a:t>
            </a:r>
            <a:br>
              <a:rPr lang="en-GB" b="0" smtClean="0"/>
            </a:br>
            <a:r>
              <a:rPr lang="en-GB" b="0" smtClean="0"/>
              <a:t>stephen.smith@jpmorgan.com</a:t>
            </a:r>
          </a:p>
        </p:txBody>
      </p:sp>
      <p:sp>
        <p:nvSpPr>
          <p:cNvPr id="33795" name="Rectangle 9"/>
          <p:cNvSpPr>
            <a:spLocks noGrp="1" noChangeArrowheads="1"/>
          </p:cNvSpPr>
          <p:nvPr>
            <p:ph type="ftr" sz="quarter" idx="4"/>
          </p:nvPr>
        </p:nvSpPr>
        <p:spPr>
          <a:noFill/>
        </p:spPr>
        <p:txBody>
          <a:bodyPr/>
          <a:lstStyle/>
          <a:p>
            <a:r>
              <a:rPr lang="en-GB" smtClean="0"/>
              <a:t>Graphics\MAR 03\ISSUER MANAGEMENT\NOTES PAGE BOOK (03).ppt</a:t>
            </a:r>
          </a:p>
        </p:txBody>
      </p:sp>
      <p:sp>
        <p:nvSpPr>
          <p:cNvPr id="33796" name="Rectangle 2"/>
          <p:cNvSpPr>
            <a:spLocks noGrp="1" noRot="1" noChangeAspect="1" noChangeArrowheads="1" noTextEdit="1"/>
          </p:cNvSpPr>
          <p:nvPr>
            <p:ph type="sldImg"/>
          </p:nvPr>
        </p:nvSpPr>
        <p:spPr>
          <a:ln/>
        </p:spPr>
      </p:sp>
      <p:sp>
        <p:nvSpPr>
          <p:cNvPr id="33797" name="Rectangle 3"/>
          <p:cNvSpPr>
            <a:spLocks noGrp="1" noChangeArrowheads="1"/>
          </p:cNvSpPr>
          <p:nvPr>
            <p:ph type="body" idx="1"/>
          </p:nvPr>
        </p:nvSpPr>
        <p:spPr>
          <a:noFill/>
        </p:spPr>
        <p:txBody>
          <a:bodyPr/>
          <a:lstStyle/>
          <a:p>
            <a:endParaRPr lang="en-GB" smtClean="0"/>
          </a:p>
        </p:txBody>
      </p:sp>
    </p:spTree>
  </p:cSld>
  <p:clrMapOvr>
    <a:masterClrMapping/>
  </p:clrMapOvr>
</p:notes>
</file>

<file path=ppt/slideLayouts/_rels/slideLayout1.xml.rels><?xml version="1.0" encoding="UTF-8" standalone="yes"?>
<Relationships xmlns="http://schemas.openxmlformats.org/package/2006/relationships"><Relationship Id="rId11" Type="http://schemas.openxmlformats.org/officeDocument/2006/relationships/tags" Target="../tags/tag19.xml"/><Relationship Id="rId12" Type="http://schemas.openxmlformats.org/officeDocument/2006/relationships/tags" Target="../tags/tag20.xml"/><Relationship Id="rId13" Type="http://schemas.openxmlformats.org/officeDocument/2006/relationships/slideMaster" Target="../slideMasters/slideMaster1.xml"/><Relationship Id="rId14" Type="http://schemas.openxmlformats.org/officeDocument/2006/relationships/image" Target="../media/image2.wmf"/><Relationship Id="rId15" Type="http://schemas.openxmlformats.org/officeDocument/2006/relationships/image" Target="../media/image1.wmf"/><Relationship Id="rId1" Type="http://schemas.openxmlformats.org/officeDocument/2006/relationships/tags" Target="../tags/tag9.xml"/><Relationship Id="rId2" Type="http://schemas.openxmlformats.org/officeDocument/2006/relationships/tags" Target="../tags/tag10.xml"/><Relationship Id="rId3" Type="http://schemas.openxmlformats.org/officeDocument/2006/relationships/tags" Target="../tags/tag11.xml"/><Relationship Id="rId4" Type="http://schemas.openxmlformats.org/officeDocument/2006/relationships/tags" Target="../tags/tag12.xml"/><Relationship Id="rId5" Type="http://schemas.openxmlformats.org/officeDocument/2006/relationships/tags" Target="../tags/tag13.xml"/><Relationship Id="rId6" Type="http://schemas.openxmlformats.org/officeDocument/2006/relationships/tags" Target="../tags/tag14.xml"/><Relationship Id="rId7" Type="http://schemas.openxmlformats.org/officeDocument/2006/relationships/tags" Target="../tags/tag15.xml"/><Relationship Id="rId8" Type="http://schemas.openxmlformats.org/officeDocument/2006/relationships/tags" Target="../tags/tag16.xml"/><Relationship Id="rId9" Type="http://schemas.openxmlformats.org/officeDocument/2006/relationships/tags" Target="../tags/tag17.xml"/><Relationship Id="rId10" Type="http://schemas.openxmlformats.org/officeDocument/2006/relationships/tags" Target="../tags/tag18.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showMasterSp="0" type="title" preserve="1">
  <p:cSld name="Title Slide">
    <p:spTree>
      <p:nvGrpSpPr>
        <p:cNvPr id="1" name=""/>
        <p:cNvGrpSpPr/>
        <p:nvPr/>
      </p:nvGrpSpPr>
      <p:grpSpPr>
        <a:xfrm>
          <a:off x="0" y="0"/>
          <a:ext cx="0" cy="0"/>
          <a:chOff x="0" y="0"/>
          <a:chExt cx="0" cy="0"/>
        </a:xfrm>
      </p:grpSpPr>
      <p:pic>
        <p:nvPicPr>
          <p:cNvPr id="4" name="Picture 2" descr="JP" hidden="1"/>
          <p:cNvPicPr preferRelativeResize="0">
            <a:picLocks noChangeAspect="1" noChangeArrowheads="1"/>
          </p:cNvPicPr>
          <p:nvPr>
            <p:custDataLst>
              <p:tags r:id="rId1"/>
            </p:custDataLst>
          </p:nvPr>
        </p:nvPicPr>
        <p:blipFill>
          <a:blip r:embed="rId14" cstate="print"/>
          <a:srcRect/>
          <a:stretch>
            <a:fillRect/>
          </a:stretch>
        </p:blipFill>
        <p:spPr bwMode="auto">
          <a:xfrm>
            <a:off x="1169988" y="6977063"/>
            <a:ext cx="1254125" cy="214312"/>
          </a:xfrm>
          <a:prstGeom prst="rect">
            <a:avLst/>
          </a:prstGeom>
          <a:noFill/>
          <a:ln w="9525">
            <a:noFill/>
            <a:miter lim="800000"/>
            <a:headEnd/>
            <a:tailEnd/>
          </a:ln>
        </p:spPr>
      </p:pic>
      <p:pic>
        <p:nvPicPr>
          <p:cNvPr id="5" name="Picture 3" descr="JF2" hidden="1"/>
          <p:cNvPicPr preferRelativeResize="0">
            <a:picLocks noChangeArrowheads="1"/>
          </p:cNvPicPr>
          <p:nvPr>
            <p:custDataLst>
              <p:tags r:id="rId2"/>
            </p:custDataLst>
          </p:nvPr>
        </p:nvPicPr>
        <p:blipFill>
          <a:blip r:embed="rId15" cstate="print"/>
          <a:srcRect/>
          <a:stretch>
            <a:fillRect/>
          </a:stretch>
        </p:blipFill>
        <p:spPr bwMode="auto">
          <a:xfrm>
            <a:off x="1169988" y="6994525"/>
            <a:ext cx="2286000" cy="196850"/>
          </a:xfrm>
          <a:prstGeom prst="rect">
            <a:avLst/>
          </a:prstGeom>
          <a:noFill/>
          <a:ln w="9525">
            <a:noFill/>
            <a:miter lim="800000"/>
            <a:headEnd/>
            <a:tailEnd/>
          </a:ln>
        </p:spPr>
      </p:pic>
      <p:sp>
        <p:nvSpPr>
          <p:cNvPr id="6" name="Freeform 4" hidden="1"/>
          <p:cNvSpPr>
            <a:spLocks noChangeAspect="1" noEditPoints="1"/>
          </p:cNvSpPr>
          <p:nvPr>
            <p:custDataLst>
              <p:tags r:id="rId3"/>
            </p:custDataLst>
          </p:nvPr>
        </p:nvSpPr>
        <p:spPr bwMode="gray">
          <a:xfrm>
            <a:off x="1169988" y="6962775"/>
            <a:ext cx="1527175" cy="228600"/>
          </a:xfrm>
          <a:custGeom>
            <a:avLst/>
            <a:gdLst/>
            <a:ahLst/>
            <a:cxnLst>
              <a:cxn ang="0">
                <a:pos x="3034" y="1717"/>
              </a:cxn>
              <a:cxn ang="0">
                <a:pos x="2729" y="2264"/>
              </a:cxn>
              <a:cxn ang="0">
                <a:pos x="3375" y="1599"/>
              </a:cxn>
              <a:cxn ang="0">
                <a:pos x="2901" y="1263"/>
              </a:cxn>
              <a:cxn ang="0">
                <a:pos x="8883" y="1654"/>
              </a:cxn>
              <a:cxn ang="0">
                <a:pos x="9338" y="1823"/>
              </a:cxn>
              <a:cxn ang="0">
                <a:pos x="3796" y="2264"/>
              </a:cxn>
              <a:cxn ang="0">
                <a:pos x="5535" y="2117"/>
              </a:cxn>
              <a:cxn ang="0">
                <a:pos x="5236" y="1931"/>
              </a:cxn>
              <a:cxn ang="0">
                <a:pos x="5489" y="1623"/>
              </a:cxn>
              <a:cxn ang="0">
                <a:pos x="5877" y="1716"/>
              </a:cxn>
              <a:cxn ang="0">
                <a:pos x="5271" y="1489"/>
              </a:cxn>
              <a:cxn ang="0">
                <a:pos x="5039" y="2076"/>
              </a:cxn>
              <a:cxn ang="0">
                <a:pos x="5669" y="2249"/>
              </a:cxn>
              <a:cxn ang="0">
                <a:pos x="7151" y="1499"/>
              </a:cxn>
              <a:cxn ang="0">
                <a:pos x="6636" y="1748"/>
              </a:cxn>
              <a:cxn ang="0">
                <a:pos x="6854" y="2251"/>
              </a:cxn>
              <a:cxn ang="0">
                <a:pos x="7238" y="2249"/>
              </a:cxn>
              <a:cxn ang="0">
                <a:pos x="6789" y="2411"/>
              </a:cxn>
              <a:cxn ang="0">
                <a:pos x="7406" y="2417"/>
              </a:cxn>
              <a:cxn ang="0">
                <a:pos x="6888" y="2019"/>
              </a:cxn>
              <a:cxn ang="0">
                <a:pos x="7075" y="1633"/>
              </a:cxn>
              <a:cxn ang="0">
                <a:pos x="7177" y="2056"/>
              </a:cxn>
              <a:cxn ang="0">
                <a:pos x="8244" y="1524"/>
              </a:cxn>
              <a:cxn ang="0">
                <a:pos x="8014" y="1623"/>
              </a:cxn>
              <a:cxn ang="0">
                <a:pos x="7738" y="1834"/>
              </a:cxn>
              <a:cxn ang="0">
                <a:pos x="7709" y="2241"/>
              </a:cxn>
              <a:cxn ang="0">
                <a:pos x="8126" y="2077"/>
              </a:cxn>
              <a:cxn ang="0">
                <a:pos x="7833" y="1980"/>
              </a:cxn>
              <a:cxn ang="0">
                <a:pos x="1891" y="2071"/>
              </a:cxn>
              <a:cxn ang="0">
                <a:pos x="2005" y="2256"/>
              </a:cxn>
              <a:cxn ang="0">
                <a:pos x="6394" y="1488"/>
              </a:cxn>
              <a:cxn ang="0">
                <a:pos x="6369" y="1659"/>
              </a:cxn>
              <a:cxn ang="0">
                <a:pos x="13218" y="1531"/>
              </a:cxn>
              <a:cxn ang="0">
                <a:pos x="13436" y="1658"/>
              </a:cxn>
              <a:cxn ang="0">
                <a:pos x="13690" y="1597"/>
              </a:cxn>
              <a:cxn ang="0">
                <a:pos x="11466" y="1560"/>
              </a:cxn>
              <a:cxn ang="0">
                <a:pos x="11098" y="1621"/>
              </a:cxn>
              <a:cxn ang="0">
                <a:pos x="10971" y="1816"/>
              </a:cxn>
              <a:cxn ang="0">
                <a:pos x="10841" y="2211"/>
              </a:cxn>
              <a:cxn ang="0">
                <a:pos x="11542" y="2264"/>
              </a:cxn>
              <a:cxn ang="0">
                <a:pos x="10994" y="2007"/>
              </a:cxn>
              <a:cxn ang="0">
                <a:pos x="11982" y="1529"/>
              </a:cxn>
              <a:cxn ang="0">
                <a:pos x="12106" y="1643"/>
              </a:cxn>
              <a:cxn ang="0">
                <a:pos x="14967" y="1607"/>
              </a:cxn>
              <a:cxn ang="0">
                <a:pos x="15236" y="1664"/>
              </a:cxn>
              <a:cxn ang="0">
                <a:pos x="10108" y="1741"/>
              </a:cxn>
              <a:cxn ang="0">
                <a:pos x="10529" y="1878"/>
              </a:cxn>
              <a:cxn ang="0">
                <a:pos x="10711" y="1417"/>
              </a:cxn>
              <a:cxn ang="0">
                <a:pos x="14401" y="1686"/>
              </a:cxn>
              <a:cxn ang="0">
                <a:pos x="14525" y="2098"/>
              </a:cxn>
              <a:cxn ang="0">
                <a:pos x="14638" y="1929"/>
              </a:cxn>
              <a:cxn ang="0">
                <a:pos x="14381" y="1489"/>
              </a:cxn>
              <a:cxn ang="0">
                <a:pos x="13868" y="1787"/>
              </a:cxn>
              <a:cxn ang="0">
                <a:pos x="14212" y="2277"/>
              </a:cxn>
              <a:cxn ang="0">
                <a:pos x="12408" y="2213"/>
              </a:cxn>
              <a:cxn ang="0">
                <a:pos x="12680" y="2126"/>
              </a:cxn>
              <a:cxn ang="0">
                <a:pos x="15426" y="1559"/>
              </a:cxn>
              <a:cxn ang="0">
                <a:pos x="15535" y="1926"/>
              </a:cxn>
              <a:cxn ang="0">
                <a:pos x="15564" y="2131"/>
              </a:cxn>
              <a:cxn ang="0">
                <a:pos x="15974" y="2176"/>
              </a:cxn>
              <a:cxn ang="0">
                <a:pos x="15793" y="1794"/>
              </a:cxn>
              <a:cxn ang="0">
                <a:pos x="15843" y="1628"/>
              </a:cxn>
            </a:cxnLst>
            <a:rect l="0" t="0" r="r" b="b"/>
            <a:pathLst>
              <a:path w="16020" h="2600">
                <a:moveTo>
                  <a:pt x="1589" y="601"/>
                </a:moveTo>
                <a:lnTo>
                  <a:pt x="1138" y="601"/>
                </a:lnTo>
                <a:lnTo>
                  <a:pt x="1138" y="1763"/>
                </a:lnTo>
                <a:lnTo>
                  <a:pt x="1589" y="1263"/>
                </a:lnTo>
                <a:lnTo>
                  <a:pt x="1589" y="601"/>
                </a:lnTo>
                <a:close/>
                <a:moveTo>
                  <a:pt x="541" y="0"/>
                </a:moveTo>
                <a:lnTo>
                  <a:pt x="541" y="500"/>
                </a:lnTo>
                <a:lnTo>
                  <a:pt x="1589" y="500"/>
                </a:lnTo>
                <a:lnTo>
                  <a:pt x="1138" y="0"/>
                </a:lnTo>
                <a:lnTo>
                  <a:pt x="541" y="0"/>
                </a:lnTo>
                <a:close/>
                <a:moveTo>
                  <a:pt x="1047" y="1763"/>
                </a:moveTo>
                <a:lnTo>
                  <a:pt x="1047" y="1263"/>
                </a:lnTo>
                <a:lnTo>
                  <a:pt x="0" y="1263"/>
                </a:lnTo>
                <a:lnTo>
                  <a:pt x="451" y="1763"/>
                </a:lnTo>
                <a:lnTo>
                  <a:pt x="1047" y="1763"/>
                </a:lnTo>
                <a:close/>
                <a:moveTo>
                  <a:pt x="0" y="1163"/>
                </a:moveTo>
                <a:lnTo>
                  <a:pt x="451" y="1163"/>
                </a:lnTo>
                <a:lnTo>
                  <a:pt x="451" y="0"/>
                </a:lnTo>
                <a:lnTo>
                  <a:pt x="0" y="500"/>
                </a:lnTo>
                <a:lnTo>
                  <a:pt x="0" y="1163"/>
                </a:lnTo>
                <a:close/>
                <a:moveTo>
                  <a:pt x="3110" y="1578"/>
                </a:moveTo>
                <a:lnTo>
                  <a:pt x="3110" y="1590"/>
                </a:lnTo>
                <a:lnTo>
                  <a:pt x="3109" y="1603"/>
                </a:lnTo>
                <a:lnTo>
                  <a:pt x="3106" y="1618"/>
                </a:lnTo>
                <a:lnTo>
                  <a:pt x="3103" y="1631"/>
                </a:lnTo>
                <a:lnTo>
                  <a:pt x="3098" y="1646"/>
                </a:lnTo>
                <a:lnTo>
                  <a:pt x="3092" y="1659"/>
                </a:lnTo>
                <a:lnTo>
                  <a:pt x="3084" y="1672"/>
                </a:lnTo>
                <a:lnTo>
                  <a:pt x="3074" y="1684"/>
                </a:lnTo>
                <a:lnTo>
                  <a:pt x="3063" y="1697"/>
                </a:lnTo>
                <a:lnTo>
                  <a:pt x="3049" y="1707"/>
                </a:lnTo>
                <a:lnTo>
                  <a:pt x="3042" y="1712"/>
                </a:lnTo>
                <a:lnTo>
                  <a:pt x="3034" y="1717"/>
                </a:lnTo>
                <a:lnTo>
                  <a:pt x="3025" y="1721"/>
                </a:lnTo>
                <a:lnTo>
                  <a:pt x="3016" y="1726"/>
                </a:lnTo>
                <a:lnTo>
                  <a:pt x="3006" y="1729"/>
                </a:lnTo>
                <a:lnTo>
                  <a:pt x="2996" y="1732"/>
                </a:lnTo>
                <a:lnTo>
                  <a:pt x="2985" y="1734"/>
                </a:lnTo>
                <a:lnTo>
                  <a:pt x="2973" y="1737"/>
                </a:lnTo>
                <a:lnTo>
                  <a:pt x="2961" y="1739"/>
                </a:lnTo>
                <a:lnTo>
                  <a:pt x="2948" y="1740"/>
                </a:lnTo>
                <a:lnTo>
                  <a:pt x="2934" y="1741"/>
                </a:lnTo>
                <a:lnTo>
                  <a:pt x="2920" y="1741"/>
                </a:lnTo>
                <a:lnTo>
                  <a:pt x="2729" y="1741"/>
                </a:lnTo>
                <a:lnTo>
                  <a:pt x="2729" y="1430"/>
                </a:lnTo>
                <a:lnTo>
                  <a:pt x="2920" y="1430"/>
                </a:lnTo>
                <a:lnTo>
                  <a:pt x="2948" y="1431"/>
                </a:lnTo>
                <a:lnTo>
                  <a:pt x="2973" y="1433"/>
                </a:lnTo>
                <a:lnTo>
                  <a:pt x="2996" y="1438"/>
                </a:lnTo>
                <a:lnTo>
                  <a:pt x="3016" y="1443"/>
                </a:lnTo>
                <a:lnTo>
                  <a:pt x="3034" y="1451"/>
                </a:lnTo>
                <a:lnTo>
                  <a:pt x="3049" y="1460"/>
                </a:lnTo>
                <a:lnTo>
                  <a:pt x="3063" y="1469"/>
                </a:lnTo>
                <a:lnTo>
                  <a:pt x="3074" y="1479"/>
                </a:lnTo>
                <a:lnTo>
                  <a:pt x="3084" y="1491"/>
                </a:lnTo>
                <a:lnTo>
                  <a:pt x="3092" y="1502"/>
                </a:lnTo>
                <a:lnTo>
                  <a:pt x="3098" y="1514"/>
                </a:lnTo>
                <a:lnTo>
                  <a:pt x="3103" y="1527"/>
                </a:lnTo>
                <a:lnTo>
                  <a:pt x="3106" y="1540"/>
                </a:lnTo>
                <a:lnTo>
                  <a:pt x="3109" y="1552"/>
                </a:lnTo>
                <a:lnTo>
                  <a:pt x="3110" y="1566"/>
                </a:lnTo>
                <a:lnTo>
                  <a:pt x="3110" y="1578"/>
                </a:lnTo>
                <a:close/>
                <a:moveTo>
                  <a:pt x="2901" y="1263"/>
                </a:moveTo>
                <a:lnTo>
                  <a:pt x="2463" y="1263"/>
                </a:lnTo>
                <a:lnTo>
                  <a:pt x="2463" y="2264"/>
                </a:lnTo>
                <a:lnTo>
                  <a:pt x="2729" y="2264"/>
                </a:lnTo>
                <a:lnTo>
                  <a:pt x="2729" y="1909"/>
                </a:lnTo>
                <a:lnTo>
                  <a:pt x="2957" y="1909"/>
                </a:lnTo>
                <a:lnTo>
                  <a:pt x="2982" y="1909"/>
                </a:lnTo>
                <a:lnTo>
                  <a:pt x="3005" y="1908"/>
                </a:lnTo>
                <a:lnTo>
                  <a:pt x="3028" y="1906"/>
                </a:lnTo>
                <a:lnTo>
                  <a:pt x="3050" y="1903"/>
                </a:lnTo>
                <a:lnTo>
                  <a:pt x="3072" y="1899"/>
                </a:lnTo>
                <a:lnTo>
                  <a:pt x="3093" y="1896"/>
                </a:lnTo>
                <a:lnTo>
                  <a:pt x="3113" y="1890"/>
                </a:lnTo>
                <a:lnTo>
                  <a:pt x="3133" y="1884"/>
                </a:lnTo>
                <a:lnTo>
                  <a:pt x="3152" y="1878"/>
                </a:lnTo>
                <a:lnTo>
                  <a:pt x="3170" y="1871"/>
                </a:lnTo>
                <a:lnTo>
                  <a:pt x="3188" y="1863"/>
                </a:lnTo>
                <a:lnTo>
                  <a:pt x="3205" y="1854"/>
                </a:lnTo>
                <a:lnTo>
                  <a:pt x="3221" y="1846"/>
                </a:lnTo>
                <a:lnTo>
                  <a:pt x="3236" y="1837"/>
                </a:lnTo>
                <a:lnTo>
                  <a:pt x="3251" y="1826"/>
                </a:lnTo>
                <a:lnTo>
                  <a:pt x="3265" y="1816"/>
                </a:lnTo>
                <a:lnTo>
                  <a:pt x="3278" y="1804"/>
                </a:lnTo>
                <a:lnTo>
                  <a:pt x="3290" y="1792"/>
                </a:lnTo>
                <a:lnTo>
                  <a:pt x="3302" y="1780"/>
                </a:lnTo>
                <a:lnTo>
                  <a:pt x="3312" y="1768"/>
                </a:lnTo>
                <a:lnTo>
                  <a:pt x="3322" y="1754"/>
                </a:lnTo>
                <a:lnTo>
                  <a:pt x="3331" y="1740"/>
                </a:lnTo>
                <a:lnTo>
                  <a:pt x="3340" y="1726"/>
                </a:lnTo>
                <a:lnTo>
                  <a:pt x="3347" y="1711"/>
                </a:lnTo>
                <a:lnTo>
                  <a:pt x="3354" y="1697"/>
                </a:lnTo>
                <a:lnTo>
                  <a:pt x="3359" y="1681"/>
                </a:lnTo>
                <a:lnTo>
                  <a:pt x="3364" y="1666"/>
                </a:lnTo>
                <a:lnTo>
                  <a:pt x="3368" y="1649"/>
                </a:lnTo>
                <a:lnTo>
                  <a:pt x="3371" y="1633"/>
                </a:lnTo>
                <a:lnTo>
                  <a:pt x="3374" y="1617"/>
                </a:lnTo>
                <a:lnTo>
                  <a:pt x="3375" y="1599"/>
                </a:lnTo>
                <a:lnTo>
                  <a:pt x="3376" y="1582"/>
                </a:lnTo>
                <a:lnTo>
                  <a:pt x="3375" y="1563"/>
                </a:lnTo>
                <a:lnTo>
                  <a:pt x="3374" y="1544"/>
                </a:lnTo>
                <a:lnTo>
                  <a:pt x="3372" y="1527"/>
                </a:lnTo>
                <a:lnTo>
                  <a:pt x="3369" y="1509"/>
                </a:lnTo>
                <a:lnTo>
                  <a:pt x="3365" y="1492"/>
                </a:lnTo>
                <a:lnTo>
                  <a:pt x="3361" y="1476"/>
                </a:lnTo>
                <a:lnTo>
                  <a:pt x="3355" y="1460"/>
                </a:lnTo>
                <a:lnTo>
                  <a:pt x="3349" y="1444"/>
                </a:lnTo>
                <a:lnTo>
                  <a:pt x="3341" y="1430"/>
                </a:lnTo>
                <a:lnTo>
                  <a:pt x="3333" y="1417"/>
                </a:lnTo>
                <a:lnTo>
                  <a:pt x="3324" y="1403"/>
                </a:lnTo>
                <a:lnTo>
                  <a:pt x="3314" y="1390"/>
                </a:lnTo>
                <a:lnTo>
                  <a:pt x="3303" y="1378"/>
                </a:lnTo>
                <a:lnTo>
                  <a:pt x="3291" y="1367"/>
                </a:lnTo>
                <a:lnTo>
                  <a:pt x="3278" y="1356"/>
                </a:lnTo>
                <a:lnTo>
                  <a:pt x="3265" y="1346"/>
                </a:lnTo>
                <a:lnTo>
                  <a:pt x="3250" y="1336"/>
                </a:lnTo>
                <a:lnTo>
                  <a:pt x="3234" y="1327"/>
                </a:lnTo>
                <a:lnTo>
                  <a:pt x="3217" y="1318"/>
                </a:lnTo>
                <a:lnTo>
                  <a:pt x="3199" y="1310"/>
                </a:lnTo>
                <a:lnTo>
                  <a:pt x="3180" y="1302"/>
                </a:lnTo>
                <a:lnTo>
                  <a:pt x="3160" y="1296"/>
                </a:lnTo>
                <a:lnTo>
                  <a:pt x="3139" y="1290"/>
                </a:lnTo>
                <a:lnTo>
                  <a:pt x="3117" y="1284"/>
                </a:lnTo>
                <a:lnTo>
                  <a:pt x="3094" y="1279"/>
                </a:lnTo>
                <a:lnTo>
                  <a:pt x="3070" y="1274"/>
                </a:lnTo>
                <a:lnTo>
                  <a:pt x="3045" y="1271"/>
                </a:lnTo>
                <a:lnTo>
                  <a:pt x="3018" y="1269"/>
                </a:lnTo>
                <a:lnTo>
                  <a:pt x="2991" y="1267"/>
                </a:lnTo>
                <a:lnTo>
                  <a:pt x="2962" y="1264"/>
                </a:lnTo>
                <a:lnTo>
                  <a:pt x="2932" y="1263"/>
                </a:lnTo>
                <a:lnTo>
                  <a:pt x="2901" y="1263"/>
                </a:lnTo>
                <a:close/>
                <a:moveTo>
                  <a:pt x="9021" y="1473"/>
                </a:moveTo>
                <a:lnTo>
                  <a:pt x="9002" y="1473"/>
                </a:lnTo>
                <a:lnTo>
                  <a:pt x="8984" y="1476"/>
                </a:lnTo>
                <a:lnTo>
                  <a:pt x="8965" y="1478"/>
                </a:lnTo>
                <a:lnTo>
                  <a:pt x="8947" y="1480"/>
                </a:lnTo>
                <a:lnTo>
                  <a:pt x="8929" y="1484"/>
                </a:lnTo>
                <a:lnTo>
                  <a:pt x="8912" y="1489"/>
                </a:lnTo>
                <a:lnTo>
                  <a:pt x="8895" y="1494"/>
                </a:lnTo>
                <a:lnTo>
                  <a:pt x="8878" y="1501"/>
                </a:lnTo>
                <a:lnTo>
                  <a:pt x="8862" y="1508"/>
                </a:lnTo>
                <a:lnTo>
                  <a:pt x="8847" y="1514"/>
                </a:lnTo>
                <a:lnTo>
                  <a:pt x="8832" y="1522"/>
                </a:lnTo>
                <a:lnTo>
                  <a:pt x="8818" y="1531"/>
                </a:lnTo>
                <a:lnTo>
                  <a:pt x="8805" y="1540"/>
                </a:lnTo>
                <a:lnTo>
                  <a:pt x="8793" y="1550"/>
                </a:lnTo>
                <a:lnTo>
                  <a:pt x="8781" y="1560"/>
                </a:lnTo>
                <a:lnTo>
                  <a:pt x="8771" y="1570"/>
                </a:lnTo>
                <a:lnTo>
                  <a:pt x="8767" y="1570"/>
                </a:lnTo>
                <a:lnTo>
                  <a:pt x="8767" y="1490"/>
                </a:lnTo>
                <a:lnTo>
                  <a:pt x="8548" y="1490"/>
                </a:lnTo>
                <a:lnTo>
                  <a:pt x="8548" y="2264"/>
                </a:lnTo>
                <a:lnTo>
                  <a:pt x="8771" y="2264"/>
                </a:lnTo>
                <a:lnTo>
                  <a:pt x="8771" y="1733"/>
                </a:lnTo>
                <a:lnTo>
                  <a:pt x="8780" y="1722"/>
                </a:lnTo>
                <a:lnTo>
                  <a:pt x="8791" y="1711"/>
                </a:lnTo>
                <a:lnTo>
                  <a:pt x="8801" y="1700"/>
                </a:lnTo>
                <a:lnTo>
                  <a:pt x="8812" y="1691"/>
                </a:lnTo>
                <a:lnTo>
                  <a:pt x="8824" y="1683"/>
                </a:lnTo>
                <a:lnTo>
                  <a:pt x="8835" y="1676"/>
                </a:lnTo>
                <a:lnTo>
                  <a:pt x="8847" y="1669"/>
                </a:lnTo>
                <a:lnTo>
                  <a:pt x="8859" y="1663"/>
                </a:lnTo>
                <a:lnTo>
                  <a:pt x="8871" y="1658"/>
                </a:lnTo>
                <a:lnTo>
                  <a:pt x="8883" y="1654"/>
                </a:lnTo>
                <a:lnTo>
                  <a:pt x="8895" y="1650"/>
                </a:lnTo>
                <a:lnTo>
                  <a:pt x="8907" y="1648"/>
                </a:lnTo>
                <a:lnTo>
                  <a:pt x="8918" y="1646"/>
                </a:lnTo>
                <a:lnTo>
                  <a:pt x="8930" y="1644"/>
                </a:lnTo>
                <a:lnTo>
                  <a:pt x="8941" y="1643"/>
                </a:lnTo>
                <a:lnTo>
                  <a:pt x="8953" y="1643"/>
                </a:lnTo>
                <a:lnTo>
                  <a:pt x="8967" y="1643"/>
                </a:lnTo>
                <a:lnTo>
                  <a:pt x="8981" y="1644"/>
                </a:lnTo>
                <a:lnTo>
                  <a:pt x="8993" y="1646"/>
                </a:lnTo>
                <a:lnTo>
                  <a:pt x="9005" y="1648"/>
                </a:lnTo>
                <a:lnTo>
                  <a:pt x="9016" y="1651"/>
                </a:lnTo>
                <a:lnTo>
                  <a:pt x="9027" y="1654"/>
                </a:lnTo>
                <a:lnTo>
                  <a:pt x="9036" y="1659"/>
                </a:lnTo>
                <a:lnTo>
                  <a:pt x="9045" y="1663"/>
                </a:lnTo>
                <a:lnTo>
                  <a:pt x="9053" y="1668"/>
                </a:lnTo>
                <a:lnTo>
                  <a:pt x="9061" y="1673"/>
                </a:lnTo>
                <a:lnTo>
                  <a:pt x="9068" y="1680"/>
                </a:lnTo>
                <a:lnTo>
                  <a:pt x="9074" y="1687"/>
                </a:lnTo>
                <a:lnTo>
                  <a:pt x="9079" y="1693"/>
                </a:lnTo>
                <a:lnTo>
                  <a:pt x="9084" y="1701"/>
                </a:lnTo>
                <a:lnTo>
                  <a:pt x="9089" y="1710"/>
                </a:lnTo>
                <a:lnTo>
                  <a:pt x="9093" y="1718"/>
                </a:lnTo>
                <a:lnTo>
                  <a:pt x="9100" y="1737"/>
                </a:lnTo>
                <a:lnTo>
                  <a:pt x="9105" y="1757"/>
                </a:lnTo>
                <a:lnTo>
                  <a:pt x="9109" y="1778"/>
                </a:lnTo>
                <a:lnTo>
                  <a:pt x="9111" y="1801"/>
                </a:lnTo>
                <a:lnTo>
                  <a:pt x="9113" y="1826"/>
                </a:lnTo>
                <a:lnTo>
                  <a:pt x="9114" y="1851"/>
                </a:lnTo>
                <a:lnTo>
                  <a:pt x="9114" y="1877"/>
                </a:lnTo>
                <a:lnTo>
                  <a:pt x="9114" y="1904"/>
                </a:lnTo>
                <a:lnTo>
                  <a:pt x="9114" y="2264"/>
                </a:lnTo>
                <a:lnTo>
                  <a:pt x="9338" y="2264"/>
                </a:lnTo>
                <a:lnTo>
                  <a:pt x="9338" y="1823"/>
                </a:lnTo>
                <a:lnTo>
                  <a:pt x="9338" y="1791"/>
                </a:lnTo>
                <a:lnTo>
                  <a:pt x="9336" y="1759"/>
                </a:lnTo>
                <a:lnTo>
                  <a:pt x="9333" y="1728"/>
                </a:lnTo>
                <a:lnTo>
                  <a:pt x="9328" y="1697"/>
                </a:lnTo>
                <a:lnTo>
                  <a:pt x="9324" y="1681"/>
                </a:lnTo>
                <a:lnTo>
                  <a:pt x="9321" y="1667"/>
                </a:lnTo>
                <a:lnTo>
                  <a:pt x="9316" y="1652"/>
                </a:lnTo>
                <a:lnTo>
                  <a:pt x="9311" y="1638"/>
                </a:lnTo>
                <a:lnTo>
                  <a:pt x="9305" y="1623"/>
                </a:lnTo>
                <a:lnTo>
                  <a:pt x="9299" y="1610"/>
                </a:lnTo>
                <a:lnTo>
                  <a:pt x="9292" y="1597"/>
                </a:lnTo>
                <a:lnTo>
                  <a:pt x="9284" y="1584"/>
                </a:lnTo>
                <a:lnTo>
                  <a:pt x="9275" y="1572"/>
                </a:lnTo>
                <a:lnTo>
                  <a:pt x="9266" y="1560"/>
                </a:lnTo>
                <a:lnTo>
                  <a:pt x="9255" y="1549"/>
                </a:lnTo>
                <a:lnTo>
                  <a:pt x="9244" y="1539"/>
                </a:lnTo>
                <a:lnTo>
                  <a:pt x="9231" y="1529"/>
                </a:lnTo>
                <a:lnTo>
                  <a:pt x="9218" y="1520"/>
                </a:lnTo>
                <a:lnTo>
                  <a:pt x="9203" y="1511"/>
                </a:lnTo>
                <a:lnTo>
                  <a:pt x="9187" y="1504"/>
                </a:lnTo>
                <a:lnTo>
                  <a:pt x="9171" y="1497"/>
                </a:lnTo>
                <a:lnTo>
                  <a:pt x="9153" y="1491"/>
                </a:lnTo>
                <a:lnTo>
                  <a:pt x="9134" y="1486"/>
                </a:lnTo>
                <a:lnTo>
                  <a:pt x="9114" y="1481"/>
                </a:lnTo>
                <a:lnTo>
                  <a:pt x="9093" y="1478"/>
                </a:lnTo>
                <a:lnTo>
                  <a:pt x="9070" y="1476"/>
                </a:lnTo>
                <a:lnTo>
                  <a:pt x="9046" y="1473"/>
                </a:lnTo>
                <a:lnTo>
                  <a:pt x="9021" y="1473"/>
                </a:lnTo>
                <a:close/>
                <a:moveTo>
                  <a:pt x="4194" y="1976"/>
                </a:moveTo>
                <a:lnTo>
                  <a:pt x="3964" y="1263"/>
                </a:lnTo>
                <a:lnTo>
                  <a:pt x="3539" y="1263"/>
                </a:lnTo>
                <a:lnTo>
                  <a:pt x="3539" y="2264"/>
                </a:lnTo>
                <a:lnTo>
                  <a:pt x="3796" y="2264"/>
                </a:lnTo>
                <a:lnTo>
                  <a:pt x="3796" y="1472"/>
                </a:lnTo>
                <a:lnTo>
                  <a:pt x="3812" y="1472"/>
                </a:lnTo>
                <a:lnTo>
                  <a:pt x="4074" y="2264"/>
                </a:lnTo>
                <a:lnTo>
                  <a:pt x="4314" y="2264"/>
                </a:lnTo>
                <a:lnTo>
                  <a:pt x="4576" y="1472"/>
                </a:lnTo>
                <a:lnTo>
                  <a:pt x="4592" y="1472"/>
                </a:lnTo>
                <a:lnTo>
                  <a:pt x="4592" y="2264"/>
                </a:lnTo>
                <a:lnTo>
                  <a:pt x="4849" y="2264"/>
                </a:lnTo>
                <a:lnTo>
                  <a:pt x="4849" y="1263"/>
                </a:lnTo>
                <a:lnTo>
                  <a:pt x="4427" y="1263"/>
                </a:lnTo>
                <a:lnTo>
                  <a:pt x="4194" y="1976"/>
                </a:lnTo>
                <a:close/>
                <a:moveTo>
                  <a:pt x="5667" y="1877"/>
                </a:moveTo>
                <a:lnTo>
                  <a:pt x="5666" y="1904"/>
                </a:lnTo>
                <a:lnTo>
                  <a:pt x="5664" y="1931"/>
                </a:lnTo>
                <a:lnTo>
                  <a:pt x="5660" y="1956"/>
                </a:lnTo>
                <a:lnTo>
                  <a:pt x="5654" y="1980"/>
                </a:lnTo>
                <a:lnTo>
                  <a:pt x="5650" y="1991"/>
                </a:lnTo>
                <a:lnTo>
                  <a:pt x="5646" y="2002"/>
                </a:lnTo>
                <a:lnTo>
                  <a:pt x="5642" y="2013"/>
                </a:lnTo>
                <a:lnTo>
                  <a:pt x="5637" y="2023"/>
                </a:lnTo>
                <a:lnTo>
                  <a:pt x="5632" y="2033"/>
                </a:lnTo>
                <a:lnTo>
                  <a:pt x="5626" y="2042"/>
                </a:lnTo>
                <a:lnTo>
                  <a:pt x="5620" y="2051"/>
                </a:lnTo>
                <a:lnTo>
                  <a:pt x="5614" y="2060"/>
                </a:lnTo>
                <a:lnTo>
                  <a:pt x="5607" y="2068"/>
                </a:lnTo>
                <a:lnTo>
                  <a:pt x="5599" y="2076"/>
                </a:lnTo>
                <a:lnTo>
                  <a:pt x="5592" y="2083"/>
                </a:lnTo>
                <a:lnTo>
                  <a:pt x="5583" y="2090"/>
                </a:lnTo>
                <a:lnTo>
                  <a:pt x="5575" y="2097"/>
                </a:lnTo>
                <a:lnTo>
                  <a:pt x="5565" y="2102"/>
                </a:lnTo>
                <a:lnTo>
                  <a:pt x="5556" y="2108"/>
                </a:lnTo>
                <a:lnTo>
                  <a:pt x="5546" y="2112"/>
                </a:lnTo>
                <a:lnTo>
                  <a:pt x="5535" y="2117"/>
                </a:lnTo>
                <a:lnTo>
                  <a:pt x="5525" y="2120"/>
                </a:lnTo>
                <a:lnTo>
                  <a:pt x="5513" y="2123"/>
                </a:lnTo>
                <a:lnTo>
                  <a:pt x="5502" y="2126"/>
                </a:lnTo>
                <a:lnTo>
                  <a:pt x="5489" y="2128"/>
                </a:lnTo>
                <a:lnTo>
                  <a:pt x="5477" y="2129"/>
                </a:lnTo>
                <a:lnTo>
                  <a:pt x="5464" y="2130"/>
                </a:lnTo>
                <a:lnTo>
                  <a:pt x="5450" y="2130"/>
                </a:lnTo>
                <a:lnTo>
                  <a:pt x="5437" y="2130"/>
                </a:lnTo>
                <a:lnTo>
                  <a:pt x="5424" y="2129"/>
                </a:lnTo>
                <a:lnTo>
                  <a:pt x="5411" y="2128"/>
                </a:lnTo>
                <a:lnTo>
                  <a:pt x="5399" y="2126"/>
                </a:lnTo>
                <a:lnTo>
                  <a:pt x="5387" y="2123"/>
                </a:lnTo>
                <a:lnTo>
                  <a:pt x="5376" y="2120"/>
                </a:lnTo>
                <a:lnTo>
                  <a:pt x="5365" y="2117"/>
                </a:lnTo>
                <a:lnTo>
                  <a:pt x="5354" y="2112"/>
                </a:lnTo>
                <a:lnTo>
                  <a:pt x="5344" y="2108"/>
                </a:lnTo>
                <a:lnTo>
                  <a:pt x="5335" y="2102"/>
                </a:lnTo>
                <a:lnTo>
                  <a:pt x="5326" y="2097"/>
                </a:lnTo>
                <a:lnTo>
                  <a:pt x="5317" y="2090"/>
                </a:lnTo>
                <a:lnTo>
                  <a:pt x="5309" y="2083"/>
                </a:lnTo>
                <a:lnTo>
                  <a:pt x="5301" y="2076"/>
                </a:lnTo>
                <a:lnTo>
                  <a:pt x="5294" y="2068"/>
                </a:lnTo>
                <a:lnTo>
                  <a:pt x="5287" y="2060"/>
                </a:lnTo>
                <a:lnTo>
                  <a:pt x="5280" y="2051"/>
                </a:lnTo>
                <a:lnTo>
                  <a:pt x="5274" y="2042"/>
                </a:lnTo>
                <a:lnTo>
                  <a:pt x="5268" y="2033"/>
                </a:lnTo>
                <a:lnTo>
                  <a:pt x="5263" y="2023"/>
                </a:lnTo>
                <a:lnTo>
                  <a:pt x="5258" y="2013"/>
                </a:lnTo>
                <a:lnTo>
                  <a:pt x="5254" y="2002"/>
                </a:lnTo>
                <a:lnTo>
                  <a:pt x="5250" y="1991"/>
                </a:lnTo>
                <a:lnTo>
                  <a:pt x="5246" y="1980"/>
                </a:lnTo>
                <a:lnTo>
                  <a:pt x="5240" y="1956"/>
                </a:lnTo>
                <a:lnTo>
                  <a:pt x="5236" y="1931"/>
                </a:lnTo>
                <a:lnTo>
                  <a:pt x="5234" y="1904"/>
                </a:lnTo>
                <a:lnTo>
                  <a:pt x="5233" y="1877"/>
                </a:lnTo>
                <a:lnTo>
                  <a:pt x="5234" y="1849"/>
                </a:lnTo>
                <a:lnTo>
                  <a:pt x="5236" y="1822"/>
                </a:lnTo>
                <a:lnTo>
                  <a:pt x="5240" y="1797"/>
                </a:lnTo>
                <a:lnTo>
                  <a:pt x="5246" y="1772"/>
                </a:lnTo>
                <a:lnTo>
                  <a:pt x="5250" y="1761"/>
                </a:lnTo>
                <a:lnTo>
                  <a:pt x="5254" y="1750"/>
                </a:lnTo>
                <a:lnTo>
                  <a:pt x="5258" y="1739"/>
                </a:lnTo>
                <a:lnTo>
                  <a:pt x="5263" y="1729"/>
                </a:lnTo>
                <a:lnTo>
                  <a:pt x="5268" y="1719"/>
                </a:lnTo>
                <a:lnTo>
                  <a:pt x="5274" y="1710"/>
                </a:lnTo>
                <a:lnTo>
                  <a:pt x="5280" y="1700"/>
                </a:lnTo>
                <a:lnTo>
                  <a:pt x="5287" y="1692"/>
                </a:lnTo>
                <a:lnTo>
                  <a:pt x="5294" y="1683"/>
                </a:lnTo>
                <a:lnTo>
                  <a:pt x="5301" y="1676"/>
                </a:lnTo>
                <a:lnTo>
                  <a:pt x="5309" y="1669"/>
                </a:lnTo>
                <a:lnTo>
                  <a:pt x="5317" y="1662"/>
                </a:lnTo>
                <a:lnTo>
                  <a:pt x="5326" y="1656"/>
                </a:lnTo>
                <a:lnTo>
                  <a:pt x="5335" y="1650"/>
                </a:lnTo>
                <a:lnTo>
                  <a:pt x="5344" y="1644"/>
                </a:lnTo>
                <a:lnTo>
                  <a:pt x="5354" y="1639"/>
                </a:lnTo>
                <a:lnTo>
                  <a:pt x="5365" y="1636"/>
                </a:lnTo>
                <a:lnTo>
                  <a:pt x="5376" y="1631"/>
                </a:lnTo>
                <a:lnTo>
                  <a:pt x="5387" y="1628"/>
                </a:lnTo>
                <a:lnTo>
                  <a:pt x="5399" y="1626"/>
                </a:lnTo>
                <a:lnTo>
                  <a:pt x="5411" y="1623"/>
                </a:lnTo>
                <a:lnTo>
                  <a:pt x="5424" y="1622"/>
                </a:lnTo>
                <a:lnTo>
                  <a:pt x="5437" y="1621"/>
                </a:lnTo>
                <a:lnTo>
                  <a:pt x="5450" y="1621"/>
                </a:lnTo>
                <a:lnTo>
                  <a:pt x="5464" y="1621"/>
                </a:lnTo>
                <a:lnTo>
                  <a:pt x="5477" y="1622"/>
                </a:lnTo>
                <a:lnTo>
                  <a:pt x="5489" y="1623"/>
                </a:lnTo>
                <a:lnTo>
                  <a:pt x="5502" y="1626"/>
                </a:lnTo>
                <a:lnTo>
                  <a:pt x="5513" y="1628"/>
                </a:lnTo>
                <a:lnTo>
                  <a:pt x="5525" y="1631"/>
                </a:lnTo>
                <a:lnTo>
                  <a:pt x="5535" y="1636"/>
                </a:lnTo>
                <a:lnTo>
                  <a:pt x="5546" y="1639"/>
                </a:lnTo>
                <a:lnTo>
                  <a:pt x="5556" y="1644"/>
                </a:lnTo>
                <a:lnTo>
                  <a:pt x="5565" y="1650"/>
                </a:lnTo>
                <a:lnTo>
                  <a:pt x="5575" y="1656"/>
                </a:lnTo>
                <a:lnTo>
                  <a:pt x="5583" y="1662"/>
                </a:lnTo>
                <a:lnTo>
                  <a:pt x="5592" y="1669"/>
                </a:lnTo>
                <a:lnTo>
                  <a:pt x="5599" y="1676"/>
                </a:lnTo>
                <a:lnTo>
                  <a:pt x="5607" y="1683"/>
                </a:lnTo>
                <a:lnTo>
                  <a:pt x="5614" y="1692"/>
                </a:lnTo>
                <a:lnTo>
                  <a:pt x="5620" y="1700"/>
                </a:lnTo>
                <a:lnTo>
                  <a:pt x="5626" y="1710"/>
                </a:lnTo>
                <a:lnTo>
                  <a:pt x="5632" y="1719"/>
                </a:lnTo>
                <a:lnTo>
                  <a:pt x="5637" y="1729"/>
                </a:lnTo>
                <a:lnTo>
                  <a:pt x="5642" y="1739"/>
                </a:lnTo>
                <a:lnTo>
                  <a:pt x="5646" y="1750"/>
                </a:lnTo>
                <a:lnTo>
                  <a:pt x="5650" y="1761"/>
                </a:lnTo>
                <a:lnTo>
                  <a:pt x="5654" y="1772"/>
                </a:lnTo>
                <a:lnTo>
                  <a:pt x="5660" y="1797"/>
                </a:lnTo>
                <a:lnTo>
                  <a:pt x="5664" y="1822"/>
                </a:lnTo>
                <a:lnTo>
                  <a:pt x="5666" y="1849"/>
                </a:lnTo>
                <a:lnTo>
                  <a:pt x="5667" y="1877"/>
                </a:lnTo>
                <a:close/>
                <a:moveTo>
                  <a:pt x="5904" y="1877"/>
                </a:moveTo>
                <a:lnTo>
                  <a:pt x="5904" y="1851"/>
                </a:lnTo>
                <a:lnTo>
                  <a:pt x="5902" y="1827"/>
                </a:lnTo>
                <a:lnTo>
                  <a:pt x="5899" y="1802"/>
                </a:lnTo>
                <a:lnTo>
                  <a:pt x="5895" y="1779"/>
                </a:lnTo>
                <a:lnTo>
                  <a:pt x="5890" y="1757"/>
                </a:lnTo>
                <a:lnTo>
                  <a:pt x="5884" y="1736"/>
                </a:lnTo>
                <a:lnTo>
                  <a:pt x="5877" y="1716"/>
                </a:lnTo>
                <a:lnTo>
                  <a:pt x="5869" y="1696"/>
                </a:lnTo>
                <a:lnTo>
                  <a:pt x="5860" y="1677"/>
                </a:lnTo>
                <a:lnTo>
                  <a:pt x="5850" y="1659"/>
                </a:lnTo>
                <a:lnTo>
                  <a:pt x="5840" y="1641"/>
                </a:lnTo>
                <a:lnTo>
                  <a:pt x="5828" y="1624"/>
                </a:lnTo>
                <a:lnTo>
                  <a:pt x="5816" y="1609"/>
                </a:lnTo>
                <a:lnTo>
                  <a:pt x="5802" y="1593"/>
                </a:lnTo>
                <a:lnTo>
                  <a:pt x="5788" y="1580"/>
                </a:lnTo>
                <a:lnTo>
                  <a:pt x="5773" y="1567"/>
                </a:lnTo>
                <a:lnTo>
                  <a:pt x="5757" y="1554"/>
                </a:lnTo>
                <a:lnTo>
                  <a:pt x="5741" y="1542"/>
                </a:lnTo>
                <a:lnTo>
                  <a:pt x="5724" y="1531"/>
                </a:lnTo>
                <a:lnTo>
                  <a:pt x="5706" y="1521"/>
                </a:lnTo>
                <a:lnTo>
                  <a:pt x="5688" y="1512"/>
                </a:lnTo>
                <a:lnTo>
                  <a:pt x="5669" y="1503"/>
                </a:lnTo>
                <a:lnTo>
                  <a:pt x="5649" y="1496"/>
                </a:lnTo>
                <a:lnTo>
                  <a:pt x="5629" y="1489"/>
                </a:lnTo>
                <a:lnTo>
                  <a:pt x="5608" y="1483"/>
                </a:lnTo>
                <a:lnTo>
                  <a:pt x="5587" y="1478"/>
                </a:lnTo>
                <a:lnTo>
                  <a:pt x="5565" y="1473"/>
                </a:lnTo>
                <a:lnTo>
                  <a:pt x="5543" y="1470"/>
                </a:lnTo>
                <a:lnTo>
                  <a:pt x="5520" y="1467"/>
                </a:lnTo>
                <a:lnTo>
                  <a:pt x="5497" y="1464"/>
                </a:lnTo>
                <a:lnTo>
                  <a:pt x="5474" y="1463"/>
                </a:lnTo>
                <a:lnTo>
                  <a:pt x="5450" y="1463"/>
                </a:lnTo>
                <a:lnTo>
                  <a:pt x="5426" y="1463"/>
                </a:lnTo>
                <a:lnTo>
                  <a:pt x="5403" y="1464"/>
                </a:lnTo>
                <a:lnTo>
                  <a:pt x="5380" y="1467"/>
                </a:lnTo>
                <a:lnTo>
                  <a:pt x="5357" y="1470"/>
                </a:lnTo>
                <a:lnTo>
                  <a:pt x="5335" y="1473"/>
                </a:lnTo>
                <a:lnTo>
                  <a:pt x="5313" y="1478"/>
                </a:lnTo>
                <a:lnTo>
                  <a:pt x="5292" y="1483"/>
                </a:lnTo>
                <a:lnTo>
                  <a:pt x="5271" y="1489"/>
                </a:lnTo>
                <a:lnTo>
                  <a:pt x="5251" y="1496"/>
                </a:lnTo>
                <a:lnTo>
                  <a:pt x="5232" y="1503"/>
                </a:lnTo>
                <a:lnTo>
                  <a:pt x="5213" y="1512"/>
                </a:lnTo>
                <a:lnTo>
                  <a:pt x="5193" y="1521"/>
                </a:lnTo>
                <a:lnTo>
                  <a:pt x="5175" y="1531"/>
                </a:lnTo>
                <a:lnTo>
                  <a:pt x="5158" y="1542"/>
                </a:lnTo>
                <a:lnTo>
                  <a:pt x="5142" y="1554"/>
                </a:lnTo>
                <a:lnTo>
                  <a:pt x="5126" y="1567"/>
                </a:lnTo>
                <a:lnTo>
                  <a:pt x="5111" y="1580"/>
                </a:lnTo>
                <a:lnTo>
                  <a:pt x="5097" y="1593"/>
                </a:lnTo>
                <a:lnTo>
                  <a:pt x="5084" y="1609"/>
                </a:lnTo>
                <a:lnTo>
                  <a:pt x="5071" y="1624"/>
                </a:lnTo>
                <a:lnTo>
                  <a:pt x="5059" y="1641"/>
                </a:lnTo>
                <a:lnTo>
                  <a:pt x="5049" y="1659"/>
                </a:lnTo>
                <a:lnTo>
                  <a:pt x="5039" y="1677"/>
                </a:lnTo>
                <a:lnTo>
                  <a:pt x="5030" y="1696"/>
                </a:lnTo>
                <a:lnTo>
                  <a:pt x="5022" y="1716"/>
                </a:lnTo>
                <a:lnTo>
                  <a:pt x="5015" y="1736"/>
                </a:lnTo>
                <a:lnTo>
                  <a:pt x="5009" y="1757"/>
                </a:lnTo>
                <a:lnTo>
                  <a:pt x="5004" y="1779"/>
                </a:lnTo>
                <a:lnTo>
                  <a:pt x="5000" y="1802"/>
                </a:lnTo>
                <a:lnTo>
                  <a:pt x="4997" y="1827"/>
                </a:lnTo>
                <a:lnTo>
                  <a:pt x="4995" y="1851"/>
                </a:lnTo>
                <a:lnTo>
                  <a:pt x="4995" y="1877"/>
                </a:lnTo>
                <a:lnTo>
                  <a:pt x="4995" y="1902"/>
                </a:lnTo>
                <a:lnTo>
                  <a:pt x="4997" y="1927"/>
                </a:lnTo>
                <a:lnTo>
                  <a:pt x="5000" y="1950"/>
                </a:lnTo>
                <a:lnTo>
                  <a:pt x="5004" y="1973"/>
                </a:lnTo>
                <a:lnTo>
                  <a:pt x="5009" y="1994"/>
                </a:lnTo>
                <a:lnTo>
                  <a:pt x="5015" y="2017"/>
                </a:lnTo>
                <a:lnTo>
                  <a:pt x="5022" y="2037"/>
                </a:lnTo>
                <a:lnTo>
                  <a:pt x="5030" y="2057"/>
                </a:lnTo>
                <a:lnTo>
                  <a:pt x="5039" y="2076"/>
                </a:lnTo>
                <a:lnTo>
                  <a:pt x="5049" y="2093"/>
                </a:lnTo>
                <a:lnTo>
                  <a:pt x="5059" y="2111"/>
                </a:lnTo>
                <a:lnTo>
                  <a:pt x="5071" y="2128"/>
                </a:lnTo>
                <a:lnTo>
                  <a:pt x="5084" y="2143"/>
                </a:lnTo>
                <a:lnTo>
                  <a:pt x="5097" y="2158"/>
                </a:lnTo>
                <a:lnTo>
                  <a:pt x="5111" y="2172"/>
                </a:lnTo>
                <a:lnTo>
                  <a:pt x="5126" y="2186"/>
                </a:lnTo>
                <a:lnTo>
                  <a:pt x="5142" y="2198"/>
                </a:lnTo>
                <a:lnTo>
                  <a:pt x="5158" y="2210"/>
                </a:lnTo>
                <a:lnTo>
                  <a:pt x="5175" y="2221"/>
                </a:lnTo>
                <a:lnTo>
                  <a:pt x="5193" y="2231"/>
                </a:lnTo>
                <a:lnTo>
                  <a:pt x="5213" y="2240"/>
                </a:lnTo>
                <a:lnTo>
                  <a:pt x="5232" y="2249"/>
                </a:lnTo>
                <a:lnTo>
                  <a:pt x="5251" y="2256"/>
                </a:lnTo>
                <a:lnTo>
                  <a:pt x="5271" y="2263"/>
                </a:lnTo>
                <a:lnTo>
                  <a:pt x="5292" y="2269"/>
                </a:lnTo>
                <a:lnTo>
                  <a:pt x="5313" y="2274"/>
                </a:lnTo>
                <a:lnTo>
                  <a:pt x="5335" y="2279"/>
                </a:lnTo>
                <a:lnTo>
                  <a:pt x="5357" y="2282"/>
                </a:lnTo>
                <a:lnTo>
                  <a:pt x="5380" y="2286"/>
                </a:lnTo>
                <a:lnTo>
                  <a:pt x="5403" y="2287"/>
                </a:lnTo>
                <a:lnTo>
                  <a:pt x="5426" y="2289"/>
                </a:lnTo>
                <a:lnTo>
                  <a:pt x="5450" y="2289"/>
                </a:lnTo>
                <a:lnTo>
                  <a:pt x="5474" y="2289"/>
                </a:lnTo>
                <a:lnTo>
                  <a:pt x="5497" y="2287"/>
                </a:lnTo>
                <a:lnTo>
                  <a:pt x="5520" y="2286"/>
                </a:lnTo>
                <a:lnTo>
                  <a:pt x="5543" y="2282"/>
                </a:lnTo>
                <a:lnTo>
                  <a:pt x="5565" y="2279"/>
                </a:lnTo>
                <a:lnTo>
                  <a:pt x="5587" y="2274"/>
                </a:lnTo>
                <a:lnTo>
                  <a:pt x="5608" y="2269"/>
                </a:lnTo>
                <a:lnTo>
                  <a:pt x="5629" y="2263"/>
                </a:lnTo>
                <a:lnTo>
                  <a:pt x="5649" y="2256"/>
                </a:lnTo>
                <a:lnTo>
                  <a:pt x="5669" y="2249"/>
                </a:lnTo>
                <a:lnTo>
                  <a:pt x="5688" y="2240"/>
                </a:lnTo>
                <a:lnTo>
                  <a:pt x="5706" y="2231"/>
                </a:lnTo>
                <a:lnTo>
                  <a:pt x="5724" y="2221"/>
                </a:lnTo>
                <a:lnTo>
                  <a:pt x="5741" y="2210"/>
                </a:lnTo>
                <a:lnTo>
                  <a:pt x="5757" y="2198"/>
                </a:lnTo>
                <a:lnTo>
                  <a:pt x="5773" y="2186"/>
                </a:lnTo>
                <a:lnTo>
                  <a:pt x="5788" y="2172"/>
                </a:lnTo>
                <a:lnTo>
                  <a:pt x="5802" y="2158"/>
                </a:lnTo>
                <a:lnTo>
                  <a:pt x="5816" y="2143"/>
                </a:lnTo>
                <a:lnTo>
                  <a:pt x="5828" y="2128"/>
                </a:lnTo>
                <a:lnTo>
                  <a:pt x="5840" y="2111"/>
                </a:lnTo>
                <a:lnTo>
                  <a:pt x="5850" y="2093"/>
                </a:lnTo>
                <a:lnTo>
                  <a:pt x="5860" y="2076"/>
                </a:lnTo>
                <a:lnTo>
                  <a:pt x="5869" y="2057"/>
                </a:lnTo>
                <a:lnTo>
                  <a:pt x="5877" y="2037"/>
                </a:lnTo>
                <a:lnTo>
                  <a:pt x="5884" y="2017"/>
                </a:lnTo>
                <a:lnTo>
                  <a:pt x="5890" y="1994"/>
                </a:lnTo>
                <a:lnTo>
                  <a:pt x="5895" y="1973"/>
                </a:lnTo>
                <a:lnTo>
                  <a:pt x="5899" y="1950"/>
                </a:lnTo>
                <a:lnTo>
                  <a:pt x="5902" y="1927"/>
                </a:lnTo>
                <a:lnTo>
                  <a:pt x="5904" y="1902"/>
                </a:lnTo>
                <a:lnTo>
                  <a:pt x="5904" y="1877"/>
                </a:lnTo>
                <a:close/>
                <a:moveTo>
                  <a:pt x="7251" y="1489"/>
                </a:moveTo>
                <a:lnTo>
                  <a:pt x="7251" y="1563"/>
                </a:lnTo>
                <a:lnTo>
                  <a:pt x="7247" y="1563"/>
                </a:lnTo>
                <a:lnTo>
                  <a:pt x="7238" y="1554"/>
                </a:lnTo>
                <a:lnTo>
                  <a:pt x="7228" y="1544"/>
                </a:lnTo>
                <a:lnTo>
                  <a:pt x="7217" y="1536"/>
                </a:lnTo>
                <a:lnTo>
                  <a:pt x="7206" y="1527"/>
                </a:lnTo>
                <a:lnTo>
                  <a:pt x="7193" y="1519"/>
                </a:lnTo>
                <a:lnTo>
                  <a:pt x="7180" y="1512"/>
                </a:lnTo>
                <a:lnTo>
                  <a:pt x="7166" y="1504"/>
                </a:lnTo>
                <a:lnTo>
                  <a:pt x="7151" y="1499"/>
                </a:lnTo>
                <a:lnTo>
                  <a:pt x="7135" y="1493"/>
                </a:lnTo>
                <a:lnTo>
                  <a:pt x="7118" y="1488"/>
                </a:lnTo>
                <a:lnTo>
                  <a:pt x="7100" y="1483"/>
                </a:lnTo>
                <a:lnTo>
                  <a:pt x="7080" y="1480"/>
                </a:lnTo>
                <a:lnTo>
                  <a:pt x="7060" y="1477"/>
                </a:lnTo>
                <a:lnTo>
                  <a:pt x="7038" y="1476"/>
                </a:lnTo>
                <a:lnTo>
                  <a:pt x="7016" y="1473"/>
                </a:lnTo>
                <a:lnTo>
                  <a:pt x="6991" y="1473"/>
                </a:lnTo>
                <a:lnTo>
                  <a:pt x="6968" y="1474"/>
                </a:lnTo>
                <a:lnTo>
                  <a:pt x="6945" y="1476"/>
                </a:lnTo>
                <a:lnTo>
                  <a:pt x="6922" y="1479"/>
                </a:lnTo>
                <a:lnTo>
                  <a:pt x="6901" y="1482"/>
                </a:lnTo>
                <a:lnTo>
                  <a:pt x="6881" y="1488"/>
                </a:lnTo>
                <a:lnTo>
                  <a:pt x="6861" y="1494"/>
                </a:lnTo>
                <a:lnTo>
                  <a:pt x="6842" y="1501"/>
                </a:lnTo>
                <a:lnTo>
                  <a:pt x="6824" y="1509"/>
                </a:lnTo>
                <a:lnTo>
                  <a:pt x="6806" y="1518"/>
                </a:lnTo>
                <a:lnTo>
                  <a:pt x="6790" y="1528"/>
                </a:lnTo>
                <a:lnTo>
                  <a:pt x="6774" y="1538"/>
                </a:lnTo>
                <a:lnTo>
                  <a:pt x="6759" y="1550"/>
                </a:lnTo>
                <a:lnTo>
                  <a:pt x="6745" y="1561"/>
                </a:lnTo>
                <a:lnTo>
                  <a:pt x="6732" y="1574"/>
                </a:lnTo>
                <a:lnTo>
                  <a:pt x="6719" y="1588"/>
                </a:lnTo>
                <a:lnTo>
                  <a:pt x="6708" y="1601"/>
                </a:lnTo>
                <a:lnTo>
                  <a:pt x="6697" y="1617"/>
                </a:lnTo>
                <a:lnTo>
                  <a:pt x="6687" y="1631"/>
                </a:lnTo>
                <a:lnTo>
                  <a:pt x="6677" y="1647"/>
                </a:lnTo>
                <a:lnTo>
                  <a:pt x="6668" y="1662"/>
                </a:lnTo>
                <a:lnTo>
                  <a:pt x="6660" y="1679"/>
                </a:lnTo>
                <a:lnTo>
                  <a:pt x="6653" y="1696"/>
                </a:lnTo>
                <a:lnTo>
                  <a:pt x="6647" y="1712"/>
                </a:lnTo>
                <a:lnTo>
                  <a:pt x="6641" y="1730"/>
                </a:lnTo>
                <a:lnTo>
                  <a:pt x="6636" y="1748"/>
                </a:lnTo>
                <a:lnTo>
                  <a:pt x="6631" y="1764"/>
                </a:lnTo>
                <a:lnTo>
                  <a:pt x="6628" y="1782"/>
                </a:lnTo>
                <a:lnTo>
                  <a:pt x="6625" y="1801"/>
                </a:lnTo>
                <a:lnTo>
                  <a:pt x="6622" y="1819"/>
                </a:lnTo>
                <a:lnTo>
                  <a:pt x="6621" y="1837"/>
                </a:lnTo>
                <a:lnTo>
                  <a:pt x="6620" y="1854"/>
                </a:lnTo>
                <a:lnTo>
                  <a:pt x="6619" y="1872"/>
                </a:lnTo>
                <a:lnTo>
                  <a:pt x="6620" y="1893"/>
                </a:lnTo>
                <a:lnTo>
                  <a:pt x="6621" y="1913"/>
                </a:lnTo>
                <a:lnTo>
                  <a:pt x="6622" y="1933"/>
                </a:lnTo>
                <a:lnTo>
                  <a:pt x="6625" y="1953"/>
                </a:lnTo>
                <a:lnTo>
                  <a:pt x="6628" y="1972"/>
                </a:lnTo>
                <a:lnTo>
                  <a:pt x="6631" y="1991"/>
                </a:lnTo>
                <a:lnTo>
                  <a:pt x="6636" y="2010"/>
                </a:lnTo>
                <a:lnTo>
                  <a:pt x="6641" y="2028"/>
                </a:lnTo>
                <a:lnTo>
                  <a:pt x="6647" y="2046"/>
                </a:lnTo>
                <a:lnTo>
                  <a:pt x="6653" y="2062"/>
                </a:lnTo>
                <a:lnTo>
                  <a:pt x="6661" y="2079"/>
                </a:lnTo>
                <a:lnTo>
                  <a:pt x="6668" y="2094"/>
                </a:lnTo>
                <a:lnTo>
                  <a:pt x="6677" y="2110"/>
                </a:lnTo>
                <a:lnTo>
                  <a:pt x="6686" y="2124"/>
                </a:lnTo>
                <a:lnTo>
                  <a:pt x="6696" y="2139"/>
                </a:lnTo>
                <a:lnTo>
                  <a:pt x="6707" y="2152"/>
                </a:lnTo>
                <a:lnTo>
                  <a:pt x="6718" y="2166"/>
                </a:lnTo>
                <a:lnTo>
                  <a:pt x="6731" y="2178"/>
                </a:lnTo>
                <a:lnTo>
                  <a:pt x="6743" y="2190"/>
                </a:lnTo>
                <a:lnTo>
                  <a:pt x="6757" y="2201"/>
                </a:lnTo>
                <a:lnTo>
                  <a:pt x="6771" y="2211"/>
                </a:lnTo>
                <a:lnTo>
                  <a:pt x="6786" y="2220"/>
                </a:lnTo>
                <a:lnTo>
                  <a:pt x="6802" y="2229"/>
                </a:lnTo>
                <a:lnTo>
                  <a:pt x="6819" y="2238"/>
                </a:lnTo>
                <a:lnTo>
                  <a:pt x="6836" y="2244"/>
                </a:lnTo>
                <a:lnTo>
                  <a:pt x="6854" y="2251"/>
                </a:lnTo>
                <a:lnTo>
                  <a:pt x="6872" y="2257"/>
                </a:lnTo>
                <a:lnTo>
                  <a:pt x="6892" y="2262"/>
                </a:lnTo>
                <a:lnTo>
                  <a:pt x="6912" y="2266"/>
                </a:lnTo>
                <a:lnTo>
                  <a:pt x="6932" y="2269"/>
                </a:lnTo>
                <a:lnTo>
                  <a:pt x="6954" y="2271"/>
                </a:lnTo>
                <a:lnTo>
                  <a:pt x="6976" y="2272"/>
                </a:lnTo>
                <a:lnTo>
                  <a:pt x="6999" y="2272"/>
                </a:lnTo>
                <a:lnTo>
                  <a:pt x="7020" y="2271"/>
                </a:lnTo>
                <a:lnTo>
                  <a:pt x="7042" y="2269"/>
                </a:lnTo>
                <a:lnTo>
                  <a:pt x="7062" y="2266"/>
                </a:lnTo>
                <a:lnTo>
                  <a:pt x="7082" y="2261"/>
                </a:lnTo>
                <a:lnTo>
                  <a:pt x="7101" y="2256"/>
                </a:lnTo>
                <a:lnTo>
                  <a:pt x="7119" y="2249"/>
                </a:lnTo>
                <a:lnTo>
                  <a:pt x="7136" y="2242"/>
                </a:lnTo>
                <a:lnTo>
                  <a:pt x="7152" y="2234"/>
                </a:lnTo>
                <a:lnTo>
                  <a:pt x="7167" y="2226"/>
                </a:lnTo>
                <a:lnTo>
                  <a:pt x="7182" y="2217"/>
                </a:lnTo>
                <a:lnTo>
                  <a:pt x="7195" y="2208"/>
                </a:lnTo>
                <a:lnTo>
                  <a:pt x="7207" y="2199"/>
                </a:lnTo>
                <a:lnTo>
                  <a:pt x="7218" y="2190"/>
                </a:lnTo>
                <a:lnTo>
                  <a:pt x="7228" y="2181"/>
                </a:lnTo>
                <a:lnTo>
                  <a:pt x="7237" y="2171"/>
                </a:lnTo>
                <a:lnTo>
                  <a:pt x="7240" y="2171"/>
                </a:lnTo>
                <a:lnTo>
                  <a:pt x="7240" y="2172"/>
                </a:lnTo>
                <a:lnTo>
                  <a:pt x="7240" y="2174"/>
                </a:lnTo>
                <a:lnTo>
                  <a:pt x="7240" y="2178"/>
                </a:lnTo>
                <a:lnTo>
                  <a:pt x="7240" y="2182"/>
                </a:lnTo>
                <a:lnTo>
                  <a:pt x="7240" y="2187"/>
                </a:lnTo>
                <a:lnTo>
                  <a:pt x="7240" y="2192"/>
                </a:lnTo>
                <a:lnTo>
                  <a:pt x="7240" y="2198"/>
                </a:lnTo>
                <a:lnTo>
                  <a:pt x="7240" y="2204"/>
                </a:lnTo>
                <a:lnTo>
                  <a:pt x="7240" y="2227"/>
                </a:lnTo>
                <a:lnTo>
                  <a:pt x="7238" y="2249"/>
                </a:lnTo>
                <a:lnTo>
                  <a:pt x="7235" y="2270"/>
                </a:lnTo>
                <a:lnTo>
                  <a:pt x="7230" y="2291"/>
                </a:lnTo>
                <a:lnTo>
                  <a:pt x="7227" y="2302"/>
                </a:lnTo>
                <a:lnTo>
                  <a:pt x="7224" y="2312"/>
                </a:lnTo>
                <a:lnTo>
                  <a:pt x="7220" y="2322"/>
                </a:lnTo>
                <a:lnTo>
                  <a:pt x="7216" y="2331"/>
                </a:lnTo>
                <a:lnTo>
                  <a:pt x="7211" y="2341"/>
                </a:lnTo>
                <a:lnTo>
                  <a:pt x="7205" y="2350"/>
                </a:lnTo>
                <a:lnTo>
                  <a:pt x="7199" y="2359"/>
                </a:lnTo>
                <a:lnTo>
                  <a:pt x="7192" y="2367"/>
                </a:lnTo>
                <a:lnTo>
                  <a:pt x="7185" y="2374"/>
                </a:lnTo>
                <a:lnTo>
                  <a:pt x="7177" y="2382"/>
                </a:lnTo>
                <a:lnTo>
                  <a:pt x="7168" y="2390"/>
                </a:lnTo>
                <a:lnTo>
                  <a:pt x="7158" y="2397"/>
                </a:lnTo>
                <a:lnTo>
                  <a:pt x="7148" y="2403"/>
                </a:lnTo>
                <a:lnTo>
                  <a:pt x="7137" y="2409"/>
                </a:lnTo>
                <a:lnTo>
                  <a:pt x="7125" y="2414"/>
                </a:lnTo>
                <a:lnTo>
                  <a:pt x="7113" y="2420"/>
                </a:lnTo>
                <a:lnTo>
                  <a:pt x="7099" y="2424"/>
                </a:lnTo>
                <a:lnTo>
                  <a:pt x="7085" y="2429"/>
                </a:lnTo>
                <a:lnTo>
                  <a:pt x="7070" y="2432"/>
                </a:lnTo>
                <a:lnTo>
                  <a:pt x="7054" y="2434"/>
                </a:lnTo>
                <a:lnTo>
                  <a:pt x="7037" y="2437"/>
                </a:lnTo>
                <a:lnTo>
                  <a:pt x="7019" y="2439"/>
                </a:lnTo>
                <a:lnTo>
                  <a:pt x="7000" y="2440"/>
                </a:lnTo>
                <a:lnTo>
                  <a:pt x="6980" y="2440"/>
                </a:lnTo>
                <a:lnTo>
                  <a:pt x="6947" y="2439"/>
                </a:lnTo>
                <a:lnTo>
                  <a:pt x="6913" y="2437"/>
                </a:lnTo>
                <a:lnTo>
                  <a:pt x="6878" y="2432"/>
                </a:lnTo>
                <a:lnTo>
                  <a:pt x="6843" y="2426"/>
                </a:lnTo>
                <a:lnTo>
                  <a:pt x="6826" y="2421"/>
                </a:lnTo>
                <a:lnTo>
                  <a:pt x="6807" y="2417"/>
                </a:lnTo>
                <a:lnTo>
                  <a:pt x="6789" y="2411"/>
                </a:lnTo>
                <a:lnTo>
                  <a:pt x="6772" y="2406"/>
                </a:lnTo>
                <a:lnTo>
                  <a:pt x="6754" y="2399"/>
                </a:lnTo>
                <a:lnTo>
                  <a:pt x="6737" y="2391"/>
                </a:lnTo>
                <a:lnTo>
                  <a:pt x="6719" y="2383"/>
                </a:lnTo>
                <a:lnTo>
                  <a:pt x="6702" y="2373"/>
                </a:lnTo>
                <a:lnTo>
                  <a:pt x="6702" y="2553"/>
                </a:lnTo>
                <a:lnTo>
                  <a:pt x="6736" y="2566"/>
                </a:lnTo>
                <a:lnTo>
                  <a:pt x="6772" y="2576"/>
                </a:lnTo>
                <a:lnTo>
                  <a:pt x="6810" y="2583"/>
                </a:lnTo>
                <a:lnTo>
                  <a:pt x="6848" y="2590"/>
                </a:lnTo>
                <a:lnTo>
                  <a:pt x="6887" y="2594"/>
                </a:lnTo>
                <a:lnTo>
                  <a:pt x="6928" y="2598"/>
                </a:lnTo>
                <a:lnTo>
                  <a:pt x="6970" y="2599"/>
                </a:lnTo>
                <a:lnTo>
                  <a:pt x="7013" y="2600"/>
                </a:lnTo>
                <a:lnTo>
                  <a:pt x="7046" y="2599"/>
                </a:lnTo>
                <a:lnTo>
                  <a:pt x="7078" y="2598"/>
                </a:lnTo>
                <a:lnTo>
                  <a:pt x="7108" y="2594"/>
                </a:lnTo>
                <a:lnTo>
                  <a:pt x="7136" y="2590"/>
                </a:lnTo>
                <a:lnTo>
                  <a:pt x="7163" y="2584"/>
                </a:lnTo>
                <a:lnTo>
                  <a:pt x="7189" y="2579"/>
                </a:lnTo>
                <a:lnTo>
                  <a:pt x="7213" y="2571"/>
                </a:lnTo>
                <a:lnTo>
                  <a:pt x="7236" y="2562"/>
                </a:lnTo>
                <a:lnTo>
                  <a:pt x="7257" y="2553"/>
                </a:lnTo>
                <a:lnTo>
                  <a:pt x="7278" y="2543"/>
                </a:lnTo>
                <a:lnTo>
                  <a:pt x="7296" y="2532"/>
                </a:lnTo>
                <a:lnTo>
                  <a:pt x="7314" y="2520"/>
                </a:lnTo>
                <a:lnTo>
                  <a:pt x="7331" y="2507"/>
                </a:lnTo>
                <a:lnTo>
                  <a:pt x="7346" y="2493"/>
                </a:lnTo>
                <a:lnTo>
                  <a:pt x="7360" y="2480"/>
                </a:lnTo>
                <a:lnTo>
                  <a:pt x="7373" y="2464"/>
                </a:lnTo>
                <a:lnTo>
                  <a:pt x="7385" y="2449"/>
                </a:lnTo>
                <a:lnTo>
                  <a:pt x="7396" y="2433"/>
                </a:lnTo>
                <a:lnTo>
                  <a:pt x="7406" y="2417"/>
                </a:lnTo>
                <a:lnTo>
                  <a:pt x="7415" y="2400"/>
                </a:lnTo>
                <a:lnTo>
                  <a:pt x="7423" y="2382"/>
                </a:lnTo>
                <a:lnTo>
                  <a:pt x="7430" y="2364"/>
                </a:lnTo>
                <a:lnTo>
                  <a:pt x="7436" y="2346"/>
                </a:lnTo>
                <a:lnTo>
                  <a:pt x="7442" y="2328"/>
                </a:lnTo>
                <a:lnTo>
                  <a:pt x="7447" y="2309"/>
                </a:lnTo>
                <a:lnTo>
                  <a:pt x="7451" y="2290"/>
                </a:lnTo>
                <a:lnTo>
                  <a:pt x="7454" y="2270"/>
                </a:lnTo>
                <a:lnTo>
                  <a:pt x="7457" y="2251"/>
                </a:lnTo>
                <a:lnTo>
                  <a:pt x="7459" y="2231"/>
                </a:lnTo>
                <a:lnTo>
                  <a:pt x="7460" y="2212"/>
                </a:lnTo>
                <a:lnTo>
                  <a:pt x="7461" y="2192"/>
                </a:lnTo>
                <a:lnTo>
                  <a:pt x="7461" y="2172"/>
                </a:lnTo>
                <a:lnTo>
                  <a:pt x="7461" y="1489"/>
                </a:lnTo>
                <a:lnTo>
                  <a:pt x="7251" y="1489"/>
                </a:lnTo>
                <a:close/>
                <a:moveTo>
                  <a:pt x="7044" y="2109"/>
                </a:moveTo>
                <a:lnTo>
                  <a:pt x="7032" y="2108"/>
                </a:lnTo>
                <a:lnTo>
                  <a:pt x="7020" y="2108"/>
                </a:lnTo>
                <a:lnTo>
                  <a:pt x="7009" y="2106"/>
                </a:lnTo>
                <a:lnTo>
                  <a:pt x="6998" y="2103"/>
                </a:lnTo>
                <a:lnTo>
                  <a:pt x="6988" y="2101"/>
                </a:lnTo>
                <a:lnTo>
                  <a:pt x="6978" y="2097"/>
                </a:lnTo>
                <a:lnTo>
                  <a:pt x="6968" y="2093"/>
                </a:lnTo>
                <a:lnTo>
                  <a:pt x="6959" y="2089"/>
                </a:lnTo>
                <a:lnTo>
                  <a:pt x="6950" y="2083"/>
                </a:lnTo>
                <a:lnTo>
                  <a:pt x="6942" y="2078"/>
                </a:lnTo>
                <a:lnTo>
                  <a:pt x="6934" y="2072"/>
                </a:lnTo>
                <a:lnTo>
                  <a:pt x="6926" y="2066"/>
                </a:lnTo>
                <a:lnTo>
                  <a:pt x="6919" y="2059"/>
                </a:lnTo>
                <a:lnTo>
                  <a:pt x="6912" y="2052"/>
                </a:lnTo>
                <a:lnTo>
                  <a:pt x="6905" y="2044"/>
                </a:lnTo>
                <a:lnTo>
                  <a:pt x="6899" y="2037"/>
                </a:lnTo>
                <a:lnTo>
                  <a:pt x="6888" y="2019"/>
                </a:lnTo>
                <a:lnTo>
                  <a:pt x="6879" y="2001"/>
                </a:lnTo>
                <a:lnTo>
                  <a:pt x="6870" y="1982"/>
                </a:lnTo>
                <a:lnTo>
                  <a:pt x="6864" y="1962"/>
                </a:lnTo>
                <a:lnTo>
                  <a:pt x="6859" y="1941"/>
                </a:lnTo>
                <a:lnTo>
                  <a:pt x="6855" y="1920"/>
                </a:lnTo>
                <a:lnTo>
                  <a:pt x="6853" y="1898"/>
                </a:lnTo>
                <a:lnTo>
                  <a:pt x="6852" y="1876"/>
                </a:lnTo>
                <a:lnTo>
                  <a:pt x="6853" y="1853"/>
                </a:lnTo>
                <a:lnTo>
                  <a:pt x="6855" y="1831"/>
                </a:lnTo>
                <a:lnTo>
                  <a:pt x="6858" y="1809"/>
                </a:lnTo>
                <a:lnTo>
                  <a:pt x="6862" y="1788"/>
                </a:lnTo>
                <a:lnTo>
                  <a:pt x="6868" y="1767"/>
                </a:lnTo>
                <a:lnTo>
                  <a:pt x="6876" y="1747"/>
                </a:lnTo>
                <a:lnTo>
                  <a:pt x="6885" y="1728"/>
                </a:lnTo>
                <a:lnTo>
                  <a:pt x="6896" y="1710"/>
                </a:lnTo>
                <a:lnTo>
                  <a:pt x="6902" y="1701"/>
                </a:lnTo>
                <a:lnTo>
                  <a:pt x="6909" y="1693"/>
                </a:lnTo>
                <a:lnTo>
                  <a:pt x="6916" y="1686"/>
                </a:lnTo>
                <a:lnTo>
                  <a:pt x="6923" y="1678"/>
                </a:lnTo>
                <a:lnTo>
                  <a:pt x="6931" y="1671"/>
                </a:lnTo>
                <a:lnTo>
                  <a:pt x="6939" y="1664"/>
                </a:lnTo>
                <a:lnTo>
                  <a:pt x="6948" y="1659"/>
                </a:lnTo>
                <a:lnTo>
                  <a:pt x="6958" y="1653"/>
                </a:lnTo>
                <a:lnTo>
                  <a:pt x="6967" y="1649"/>
                </a:lnTo>
                <a:lnTo>
                  <a:pt x="6978" y="1644"/>
                </a:lnTo>
                <a:lnTo>
                  <a:pt x="6989" y="1641"/>
                </a:lnTo>
                <a:lnTo>
                  <a:pt x="7000" y="1638"/>
                </a:lnTo>
                <a:lnTo>
                  <a:pt x="7012" y="1636"/>
                </a:lnTo>
                <a:lnTo>
                  <a:pt x="7025" y="1633"/>
                </a:lnTo>
                <a:lnTo>
                  <a:pt x="7038" y="1632"/>
                </a:lnTo>
                <a:lnTo>
                  <a:pt x="7052" y="1632"/>
                </a:lnTo>
                <a:lnTo>
                  <a:pt x="7064" y="1632"/>
                </a:lnTo>
                <a:lnTo>
                  <a:pt x="7075" y="1633"/>
                </a:lnTo>
                <a:lnTo>
                  <a:pt x="7086" y="1634"/>
                </a:lnTo>
                <a:lnTo>
                  <a:pt x="7097" y="1637"/>
                </a:lnTo>
                <a:lnTo>
                  <a:pt x="7108" y="1640"/>
                </a:lnTo>
                <a:lnTo>
                  <a:pt x="7118" y="1643"/>
                </a:lnTo>
                <a:lnTo>
                  <a:pt x="7127" y="1647"/>
                </a:lnTo>
                <a:lnTo>
                  <a:pt x="7137" y="1651"/>
                </a:lnTo>
                <a:lnTo>
                  <a:pt x="7145" y="1656"/>
                </a:lnTo>
                <a:lnTo>
                  <a:pt x="7154" y="1661"/>
                </a:lnTo>
                <a:lnTo>
                  <a:pt x="7162" y="1667"/>
                </a:lnTo>
                <a:lnTo>
                  <a:pt x="7169" y="1673"/>
                </a:lnTo>
                <a:lnTo>
                  <a:pt x="7176" y="1680"/>
                </a:lnTo>
                <a:lnTo>
                  <a:pt x="7183" y="1687"/>
                </a:lnTo>
                <a:lnTo>
                  <a:pt x="7190" y="1694"/>
                </a:lnTo>
                <a:lnTo>
                  <a:pt x="7196" y="1702"/>
                </a:lnTo>
                <a:lnTo>
                  <a:pt x="7207" y="1719"/>
                </a:lnTo>
                <a:lnTo>
                  <a:pt x="7216" y="1738"/>
                </a:lnTo>
                <a:lnTo>
                  <a:pt x="7224" y="1758"/>
                </a:lnTo>
                <a:lnTo>
                  <a:pt x="7230" y="1778"/>
                </a:lnTo>
                <a:lnTo>
                  <a:pt x="7235" y="1800"/>
                </a:lnTo>
                <a:lnTo>
                  <a:pt x="7239" y="1823"/>
                </a:lnTo>
                <a:lnTo>
                  <a:pt x="7241" y="1847"/>
                </a:lnTo>
                <a:lnTo>
                  <a:pt x="7242" y="1871"/>
                </a:lnTo>
                <a:lnTo>
                  <a:pt x="7241" y="1892"/>
                </a:lnTo>
                <a:lnTo>
                  <a:pt x="7239" y="1913"/>
                </a:lnTo>
                <a:lnTo>
                  <a:pt x="7236" y="1934"/>
                </a:lnTo>
                <a:lnTo>
                  <a:pt x="7231" y="1956"/>
                </a:lnTo>
                <a:lnTo>
                  <a:pt x="7225" y="1976"/>
                </a:lnTo>
                <a:lnTo>
                  <a:pt x="7217" y="1996"/>
                </a:lnTo>
                <a:lnTo>
                  <a:pt x="7208" y="2014"/>
                </a:lnTo>
                <a:lnTo>
                  <a:pt x="7197" y="2032"/>
                </a:lnTo>
                <a:lnTo>
                  <a:pt x="7191" y="2040"/>
                </a:lnTo>
                <a:lnTo>
                  <a:pt x="7184" y="2048"/>
                </a:lnTo>
                <a:lnTo>
                  <a:pt x="7177" y="2056"/>
                </a:lnTo>
                <a:lnTo>
                  <a:pt x="7170" y="2063"/>
                </a:lnTo>
                <a:lnTo>
                  <a:pt x="7162" y="2070"/>
                </a:lnTo>
                <a:lnTo>
                  <a:pt x="7154" y="2077"/>
                </a:lnTo>
                <a:lnTo>
                  <a:pt x="7145" y="2082"/>
                </a:lnTo>
                <a:lnTo>
                  <a:pt x="7136" y="2088"/>
                </a:lnTo>
                <a:lnTo>
                  <a:pt x="7126" y="2092"/>
                </a:lnTo>
                <a:lnTo>
                  <a:pt x="7116" y="2097"/>
                </a:lnTo>
                <a:lnTo>
                  <a:pt x="7105" y="2100"/>
                </a:lnTo>
                <a:lnTo>
                  <a:pt x="7094" y="2103"/>
                </a:lnTo>
                <a:lnTo>
                  <a:pt x="7082" y="2106"/>
                </a:lnTo>
                <a:lnTo>
                  <a:pt x="7070" y="2107"/>
                </a:lnTo>
                <a:lnTo>
                  <a:pt x="7057" y="2108"/>
                </a:lnTo>
                <a:lnTo>
                  <a:pt x="7044" y="2109"/>
                </a:lnTo>
                <a:close/>
                <a:moveTo>
                  <a:pt x="8369" y="1777"/>
                </a:moveTo>
                <a:lnTo>
                  <a:pt x="8368" y="1759"/>
                </a:lnTo>
                <a:lnTo>
                  <a:pt x="8367" y="1741"/>
                </a:lnTo>
                <a:lnTo>
                  <a:pt x="8366" y="1723"/>
                </a:lnTo>
                <a:lnTo>
                  <a:pt x="8363" y="1707"/>
                </a:lnTo>
                <a:lnTo>
                  <a:pt x="8360" y="1691"/>
                </a:lnTo>
                <a:lnTo>
                  <a:pt x="8357" y="1674"/>
                </a:lnTo>
                <a:lnTo>
                  <a:pt x="8352" y="1660"/>
                </a:lnTo>
                <a:lnTo>
                  <a:pt x="8347" y="1646"/>
                </a:lnTo>
                <a:lnTo>
                  <a:pt x="8341" y="1631"/>
                </a:lnTo>
                <a:lnTo>
                  <a:pt x="8335" y="1618"/>
                </a:lnTo>
                <a:lnTo>
                  <a:pt x="8328" y="1606"/>
                </a:lnTo>
                <a:lnTo>
                  <a:pt x="8320" y="1593"/>
                </a:lnTo>
                <a:lnTo>
                  <a:pt x="8311" y="1582"/>
                </a:lnTo>
                <a:lnTo>
                  <a:pt x="8302" y="1571"/>
                </a:lnTo>
                <a:lnTo>
                  <a:pt x="8292" y="1560"/>
                </a:lnTo>
                <a:lnTo>
                  <a:pt x="8281" y="1550"/>
                </a:lnTo>
                <a:lnTo>
                  <a:pt x="8270" y="1541"/>
                </a:lnTo>
                <a:lnTo>
                  <a:pt x="8257" y="1532"/>
                </a:lnTo>
                <a:lnTo>
                  <a:pt x="8244" y="1524"/>
                </a:lnTo>
                <a:lnTo>
                  <a:pt x="8230" y="1517"/>
                </a:lnTo>
                <a:lnTo>
                  <a:pt x="8216" y="1510"/>
                </a:lnTo>
                <a:lnTo>
                  <a:pt x="8200" y="1503"/>
                </a:lnTo>
                <a:lnTo>
                  <a:pt x="8184" y="1498"/>
                </a:lnTo>
                <a:lnTo>
                  <a:pt x="8167" y="1492"/>
                </a:lnTo>
                <a:lnTo>
                  <a:pt x="8150" y="1488"/>
                </a:lnTo>
                <a:lnTo>
                  <a:pt x="8131" y="1484"/>
                </a:lnTo>
                <a:lnTo>
                  <a:pt x="8112" y="1481"/>
                </a:lnTo>
                <a:lnTo>
                  <a:pt x="8092" y="1478"/>
                </a:lnTo>
                <a:lnTo>
                  <a:pt x="8071" y="1476"/>
                </a:lnTo>
                <a:lnTo>
                  <a:pt x="8049" y="1474"/>
                </a:lnTo>
                <a:lnTo>
                  <a:pt x="8027" y="1473"/>
                </a:lnTo>
                <a:lnTo>
                  <a:pt x="8003" y="1473"/>
                </a:lnTo>
                <a:lnTo>
                  <a:pt x="7971" y="1473"/>
                </a:lnTo>
                <a:lnTo>
                  <a:pt x="7935" y="1476"/>
                </a:lnTo>
                <a:lnTo>
                  <a:pt x="7898" y="1478"/>
                </a:lnTo>
                <a:lnTo>
                  <a:pt x="7858" y="1482"/>
                </a:lnTo>
                <a:lnTo>
                  <a:pt x="7818" y="1488"/>
                </a:lnTo>
                <a:lnTo>
                  <a:pt x="7777" y="1496"/>
                </a:lnTo>
                <a:lnTo>
                  <a:pt x="7737" y="1504"/>
                </a:lnTo>
                <a:lnTo>
                  <a:pt x="7697" y="1514"/>
                </a:lnTo>
                <a:lnTo>
                  <a:pt x="7697" y="1670"/>
                </a:lnTo>
                <a:lnTo>
                  <a:pt x="7728" y="1658"/>
                </a:lnTo>
                <a:lnTo>
                  <a:pt x="7760" y="1648"/>
                </a:lnTo>
                <a:lnTo>
                  <a:pt x="7793" y="1640"/>
                </a:lnTo>
                <a:lnTo>
                  <a:pt x="7827" y="1633"/>
                </a:lnTo>
                <a:lnTo>
                  <a:pt x="7860" y="1628"/>
                </a:lnTo>
                <a:lnTo>
                  <a:pt x="7892" y="1623"/>
                </a:lnTo>
                <a:lnTo>
                  <a:pt x="7924" y="1621"/>
                </a:lnTo>
                <a:lnTo>
                  <a:pt x="7954" y="1621"/>
                </a:lnTo>
                <a:lnTo>
                  <a:pt x="7975" y="1621"/>
                </a:lnTo>
                <a:lnTo>
                  <a:pt x="7995" y="1622"/>
                </a:lnTo>
                <a:lnTo>
                  <a:pt x="8014" y="1623"/>
                </a:lnTo>
                <a:lnTo>
                  <a:pt x="8033" y="1626"/>
                </a:lnTo>
                <a:lnTo>
                  <a:pt x="8050" y="1629"/>
                </a:lnTo>
                <a:lnTo>
                  <a:pt x="8067" y="1634"/>
                </a:lnTo>
                <a:lnTo>
                  <a:pt x="8082" y="1640"/>
                </a:lnTo>
                <a:lnTo>
                  <a:pt x="8096" y="1648"/>
                </a:lnTo>
                <a:lnTo>
                  <a:pt x="8102" y="1653"/>
                </a:lnTo>
                <a:lnTo>
                  <a:pt x="8108" y="1658"/>
                </a:lnTo>
                <a:lnTo>
                  <a:pt x="8114" y="1663"/>
                </a:lnTo>
                <a:lnTo>
                  <a:pt x="8120" y="1670"/>
                </a:lnTo>
                <a:lnTo>
                  <a:pt x="8125" y="1677"/>
                </a:lnTo>
                <a:lnTo>
                  <a:pt x="8129" y="1683"/>
                </a:lnTo>
                <a:lnTo>
                  <a:pt x="8134" y="1691"/>
                </a:lnTo>
                <a:lnTo>
                  <a:pt x="8138" y="1700"/>
                </a:lnTo>
                <a:lnTo>
                  <a:pt x="8141" y="1709"/>
                </a:lnTo>
                <a:lnTo>
                  <a:pt x="8144" y="1719"/>
                </a:lnTo>
                <a:lnTo>
                  <a:pt x="8147" y="1729"/>
                </a:lnTo>
                <a:lnTo>
                  <a:pt x="8149" y="1740"/>
                </a:lnTo>
                <a:lnTo>
                  <a:pt x="8151" y="1752"/>
                </a:lnTo>
                <a:lnTo>
                  <a:pt x="8152" y="1764"/>
                </a:lnTo>
                <a:lnTo>
                  <a:pt x="8153" y="1778"/>
                </a:lnTo>
                <a:lnTo>
                  <a:pt x="8153" y="1792"/>
                </a:lnTo>
                <a:lnTo>
                  <a:pt x="8044" y="1792"/>
                </a:lnTo>
                <a:lnTo>
                  <a:pt x="8007" y="1792"/>
                </a:lnTo>
                <a:lnTo>
                  <a:pt x="7969" y="1794"/>
                </a:lnTo>
                <a:lnTo>
                  <a:pt x="7929" y="1797"/>
                </a:lnTo>
                <a:lnTo>
                  <a:pt x="7889" y="1800"/>
                </a:lnTo>
                <a:lnTo>
                  <a:pt x="7851" y="1806"/>
                </a:lnTo>
                <a:lnTo>
                  <a:pt x="7815" y="1811"/>
                </a:lnTo>
                <a:lnTo>
                  <a:pt x="7798" y="1816"/>
                </a:lnTo>
                <a:lnTo>
                  <a:pt x="7782" y="1819"/>
                </a:lnTo>
                <a:lnTo>
                  <a:pt x="7767" y="1823"/>
                </a:lnTo>
                <a:lnTo>
                  <a:pt x="7753" y="1828"/>
                </a:lnTo>
                <a:lnTo>
                  <a:pt x="7738" y="1834"/>
                </a:lnTo>
                <a:lnTo>
                  <a:pt x="7723" y="1841"/>
                </a:lnTo>
                <a:lnTo>
                  <a:pt x="7708" y="1849"/>
                </a:lnTo>
                <a:lnTo>
                  <a:pt x="7694" y="1857"/>
                </a:lnTo>
                <a:lnTo>
                  <a:pt x="7680" y="1867"/>
                </a:lnTo>
                <a:lnTo>
                  <a:pt x="7667" y="1877"/>
                </a:lnTo>
                <a:lnTo>
                  <a:pt x="7655" y="1888"/>
                </a:lnTo>
                <a:lnTo>
                  <a:pt x="7644" y="1900"/>
                </a:lnTo>
                <a:lnTo>
                  <a:pt x="7633" y="1913"/>
                </a:lnTo>
                <a:lnTo>
                  <a:pt x="7624" y="1928"/>
                </a:lnTo>
                <a:lnTo>
                  <a:pt x="7615" y="1943"/>
                </a:lnTo>
                <a:lnTo>
                  <a:pt x="7607" y="1959"/>
                </a:lnTo>
                <a:lnTo>
                  <a:pt x="7602" y="1977"/>
                </a:lnTo>
                <a:lnTo>
                  <a:pt x="7598" y="1994"/>
                </a:lnTo>
                <a:lnTo>
                  <a:pt x="7595" y="2014"/>
                </a:lnTo>
                <a:lnTo>
                  <a:pt x="7594" y="2034"/>
                </a:lnTo>
                <a:lnTo>
                  <a:pt x="7594" y="2052"/>
                </a:lnTo>
                <a:lnTo>
                  <a:pt x="7596" y="2068"/>
                </a:lnTo>
                <a:lnTo>
                  <a:pt x="7598" y="2083"/>
                </a:lnTo>
                <a:lnTo>
                  <a:pt x="7600" y="2098"/>
                </a:lnTo>
                <a:lnTo>
                  <a:pt x="7604" y="2112"/>
                </a:lnTo>
                <a:lnTo>
                  <a:pt x="7608" y="2126"/>
                </a:lnTo>
                <a:lnTo>
                  <a:pt x="7614" y="2138"/>
                </a:lnTo>
                <a:lnTo>
                  <a:pt x="7620" y="2150"/>
                </a:lnTo>
                <a:lnTo>
                  <a:pt x="7626" y="2162"/>
                </a:lnTo>
                <a:lnTo>
                  <a:pt x="7633" y="2173"/>
                </a:lnTo>
                <a:lnTo>
                  <a:pt x="7641" y="2183"/>
                </a:lnTo>
                <a:lnTo>
                  <a:pt x="7649" y="2193"/>
                </a:lnTo>
                <a:lnTo>
                  <a:pt x="7658" y="2202"/>
                </a:lnTo>
                <a:lnTo>
                  <a:pt x="7667" y="2211"/>
                </a:lnTo>
                <a:lnTo>
                  <a:pt x="7677" y="2219"/>
                </a:lnTo>
                <a:lnTo>
                  <a:pt x="7687" y="2227"/>
                </a:lnTo>
                <a:lnTo>
                  <a:pt x="7698" y="2234"/>
                </a:lnTo>
                <a:lnTo>
                  <a:pt x="7709" y="2241"/>
                </a:lnTo>
                <a:lnTo>
                  <a:pt x="7720" y="2247"/>
                </a:lnTo>
                <a:lnTo>
                  <a:pt x="7732" y="2252"/>
                </a:lnTo>
                <a:lnTo>
                  <a:pt x="7745" y="2258"/>
                </a:lnTo>
                <a:lnTo>
                  <a:pt x="7757" y="2262"/>
                </a:lnTo>
                <a:lnTo>
                  <a:pt x="7771" y="2266"/>
                </a:lnTo>
                <a:lnTo>
                  <a:pt x="7784" y="2269"/>
                </a:lnTo>
                <a:lnTo>
                  <a:pt x="7812" y="2276"/>
                </a:lnTo>
                <a:lnTo>
                  <a:pt x="7840" y="2279"/>
                </a:lnTo>
                <a:lnTo>
                  <a:pt x="7870" y="2282"/>
                </a:lnTo>
                <a:lnTo>
                  <a:pt x="7900" y="2282"/>
                </a:lnTo>
                <a:lnTo>
                  <a:pt x="7921" y="2282"/>
                </a:lnTo>
                <a:lnTo>
                  <a:pt x="7942" y="2281"/>
                </a:lnTo>
                <a:lnTo>
                  <a:pt x="7963" y="2279"/>
                </a:lnTo>
                <a:lnTo>
                  <a:pt x="7982" y="2277"/>
                </a:lnTo>
                <a:lnTo>
                  <a:pt x="8001" y="2273"/>
                </a:lnTo>
                <a:lnTo>
                  <a:pt x="8019" y="2270"/>
                </a:lnTo>
                <a:lnTo>
                  <a:pt x="8036" y="2264"/>
                </a:lnTo>
                <a:lnTo>
                  <a:pt x="8053" y="2260"/>
                </a:lnTo>
                <a:lnTo>
                  <a:pt x="8069" y="2253"/>
                </a:lnTo>
                <a:lnTo>
                  <a:pt x="8084" y="2247"/>
                </a:lnTo>
                <a:lnTo>
                  <a:pt x="8099" y="2238"/>
                </a:lnTo>
                <a:lnTo>
                  <a:pt x="8113" y="2230"/>
                </a:lnTo>
                <a:lnTo>
                  <a:pt x="8126" y="2220"/>
                </a:lnTo>
                <a:lnTo>
                  <a:pt x="8139" y="2210"/>
                </a:lnTo>
                <a:lnTo>
                  <a:pt x="8151" y="2199"/>
                </a:lnTo>
                <a:lnTo>
                  <a:pt x="8163" y="2187"/>
                </a:lnTo>
                <a:lnTo>
                  <a:pt x="8166" y="2187"/>
                </a:lnTo>
                <a:lnTo>
                  <a:pt x="8166" y="2264"/>
                </a:lnTo>
                <a:lnTo>
                  <a:pt x="8369" y="2264"/>
                </a:lnTo>
                <a:lnTo>
                  <a:pt x="8369" y="1777"/>
                </a:lnTo>
                <a:close/>
                <a:moveTo>
                  <a:pt x="8153" y="2056"/>
                </a:moveTo>
                <a:lnTo>
                  <a:pt x="8140" y="2067"/>
                </a:lnTo>
                <a:lnTo>
                  <a:pt x="8126" y="2077"/>
                </a:lnTo>
                <a:lnTo>
                  <a:pt x="8113" y="2086"/>
                </a:lnTo>
                <a:lnTo>
                  <a:pt x="8100" y="2093"/>
                </a:lnTo>
                <a:lnTo>
                  <a:pt x="8086" y="2100"/>
                </a:lnTo>
                <a:lnTo>
                  <a:pt x="8073" y="2107"/>
                </a:lnTo>
                <a:lnTo>
                  <a:pt x="8060" y="2112"/>
                </a:lnTo>
                <a:lnTo>
                  <a:pt x="8047" y="2118"/>
                </a:lnTo>
                <a:lnTo>
                  <a:pt x="8021" y="2126"/>
                </a:lnTo>
                <a:lnTo>
                  <a:pt x="7995" y="2131"/>
                </a:lnTo>
                <a:lnTo>
                  <a:pt x="7970" y="2134"/>
                </a:lnTo>
                <a:lnTo>
                  <a:pt x="7946" y="2136"/>
                </a:lnTo>
                <a:lnTo>
                  <a:pt x="7932" y="2137"/>
                </a:lnTo>
                <a:lnTo>
                  <a:pt x="7918" y="2136"/>
                </a:lnTo>
                <a:lnTo>
                  <a:pt x="7906" y="2134"/>
                </a:lnTo>
                <a:lnTo>
                  <a:pt x="7894" y="2132"/>
                </a:lnTo>
                <a:lnTo>
                  <a:pt x="7882" y="2129"/>
                </a:lnTo>
                <a:lnTo>
                  <a:pt x="7872" y="2126"/>
                </a:lnTo>
                <a:lnTo>
                  <a:pt x="7862" y="2121"/>
                </a:lnTo>
                <a:lnTo>
                  <a:pt x="7853" y="2114"/>
                </a:lnTo>
                <a:lnTo>
                  <a:pt x="7845" y="2108"/>
                </a:lnTo>
                <a:lnTo>
                  <a:pt x="7838" y="2101"/>
                </a:lnTo>
                <a:lnTo>
                  <a:pt x="7831" y="2092"/>
                </a:lnTo>
                <a:lnTo>
                  <a:pt x="7826" y="2082"/>
                </a:lnTo>
                <a:lnTo>
                  <a:pt x="7822" y="2071"/>
                </a:lnTo>
                <a:lnTo>
                  <a:pt x="7819" y="2059"/>
                </a:lnTo>
                <a:lnTo>
                  <a:pt x="7817" y="2046"/>
                </a:lnTo>
                <a:lnTo>
                  <a:pt x="7817" y="2031"/>
                </a:lnTo>
                <a:lnTo>
                  <a:pt x="7817" y="2022"/>
                </a:lnTo>
                <a:lnTo>
                  <a:pt x="7818" y="2014"/>
                </a:lnTo>
                <a:lnTo>
                  <a:pt x="7820" y="2007"/>
                </a:lnTo>
                <a:lnTo>
                  <a:pt x="7822" y="1999"/>
                </a:lnTo>
                <a:lnTo>
                  <a:pt x="7825" y="1992"/>
                </a:lnTo>
                <a:lnTo>
                  <a:pt x="7829" y="1986"/>
                </a:lnTo>
                <a:lnTo>
                  <a:pt x="7833" y="1980"/>
                </a:lnTo>
                <a:lnTo>
                  <a:pt x="7838" y="1973"/>
                </a:lnTo>
                <a:lnTo>
                  <a:pt x="7844" y="1969"/>
                </a:lnTo>
                <a:lnTo>
                  <a:pt x="7850" y="1963"/>
                </a:lnTo>
                <a:lnTo>
                  <a:pt x="7856" y="1959"/>
                </a:lnTo>
                <a:lnTo>
                  <a:pt x="7863" y="1954"/>
                </a:lnTo>
                <a:lnTo>
                  <a:pt x="7878" y="1947"/>
                </a:lnTo>
                <a:lnTo>
                  <a:pt x="7896" y="1940"/>
                </a:lnTo>
                <a:lnTo>
                  <a:pt x="7914" y="1934"/>
                </a:lnTo>
                <a:lnTo>
                  <a:pt x="7934" y="1931"/>
                </a:lnTo>
                <a:lnTo>
                  <a:pt x="7956" y="1927"/>
                </a:lnTo>
                <a:lnTo>
                  <a:pt x="7978" y="1924"/>
                </a:lnTo>
                <a:lnTo>
                  <a:pt x="8002" y="1922"/>
                </a:lnTo>
                <a:lnTo>
                  <a:pt x="8026" y="1921"/>
                </a:lnTo>
                <a:lnTo>
                  <a:pt x="8051" y="1921"/>
                </a:lnTo>
                <a:lnTo>
                  <a:pt x="8076" y="1920"/>
                </a:lnTo>
                <a:lnTo>
                  <a:pt x="8153" y="1920"/>
                </a:lnTo>
                <a:lnTo>
                  <a:pt x="8153" y="2056"/>
                </a:lnTo>
                <a:close/>
                <a:moveTo>
                  <a:pt x="1975" y="1263"/>
                </a:moveTo>
                <a:lnTo>
                  <a:pt x="1975" y="1872"/>
                </a:lnTo>
                <a:lnTo>
                  <a:pt x="1975" y="1897"/>
                </a:lnTo>
                <a:lnTo>
                  <a:pt x="1973" y="1921"/>
                </a:lnTo>
                <a:lnTo>
                  <a:pt x="1969" y="1943"/>
                </a:lnTo>
                <a:lnTo>
                  <a:pt x="1964" y="1964"/>
                </a:lnTo>
                <a:lnTo>
                  <a:pt x="1958" y="1984"/>
                </a:lnTo>
                <a:lnTo>
                  <a:pt x="1951" y="2002"/>
                </a:lnTo>
                <a:lnTo>
                  <a:pt x="1942" y="2019"/>
                </a:lnTo>
                <a:lnTo>
                  <a:pt x="1931" y="2034"/>
                </a:lnTo>
                <a:lnTo>
                  <a:pt x="1925" y="2042"/>
                </a:lnTo>
                <a:lnTo>
                  <a:pt x="1919" y="2048"/>
                </a:lnTo>
                <a:lnTo>
                  <a:pt x="1912" y="2054"/>
                </a:lnTo>
                <a:lnTo>
                  <a:pt x="1906" y="2060"/>
                </a:lnTo>
                <a:lnTo>
                  <a:pt x="1898" y="2066"/>
                </a:lnTo>
                <a:lnTo>
                  <a:pt x="1891" y="2071"/>
                </a:lnTo>
                <a:lnTo>
                  <a:pt x="1882" y="2076"/>
                </a:lnTo>
                <a:lnTo>
                  <a:pt x="1874" y="2079"/>
                </a:lnTo>
                <a:lnTo>
                  <a:pt x="1865" y="2083"/>
                </a:lnTo>
                <a:lnTo>
                  <a:pt x="1856" y="2087"/>
                </a:lnTo>
                <a:lnTo>
                  <a:pt x="1846" y="2089"/>
                </a:lnTo>
                <a:lnTo>
                  <a:pt x="1836" y="2091"/>
                </a:lnTo>
                <a:lnTo>
                  <a:pt x="1815" y="2094"/>
                </a:lnTo>
                <a:lnTo>
                  <a:pt x="1792" y="2096"/>
                </a:lnTo>
                <a:lnTo>
                  <a:pt x="1775" y="2096"/>
                </a:lnTo>
                <a:lnTo>
                  <a:pt x="1754" y="2096"/>
                </a:lnTo>
                <a:lnTo>
                  <a:pt x="1730" y="2094"/>
                </a:lnTo>
                <a:lnTo>
                  <a:pt x="1704" y="2093"/>
                </a:lnTo>
                <a:lnTo>
                  <a:pt x="1676" y="2090"/>
                </a:lnTo>
                <a:lnTo>
                  <a:pt x="1647" y="2087"/>
                </a:lnTo>
                <a:lnTo>
                  <a:pt x="1618" y="2082"/>
                </a:lnTo>
                <a:lnTo>
                  <a:pt x="1589" y="2076"/>
                </a:lnTo>
                <a:lnTo>
                  <a:pt x="1589" y="2266"/>
                </a:lnTo>
                <a:lnTo>
                  <a:pt x="1619" y="2270"/>
                </a:lnTo>
                <a:lnTo>
                  <a:pt x="1649" y="2274"/>
                </a:lnTo>
                <a:lnTo>
                  <a:pt x="1680" y="2277"/>
                </a:lnTo>
                <a:lnTo>
                  <a:pt x="1712" y="2279"/>
                </a:lnTo>
                <a:lnTo>
                  <a:pt x="1743" y="2281"/>
                </a:lnTo>
                <a:lnTo>
                  <a:pt x="1774" y="2282"/>
                </a:lnTo>
                <a:lnTo>
                  <a:pt x="1805" y="2282"/>
                </a:lnTo>
                <a:lnTo>
                  <a:pt x="1834" y="2282"/>
                </a:lnTo>
                <a:lnTo>
                  <a:pt x="1857" y="2282"/>
                </a:lnTo>
                <a:lnTo>
                  <a:pt x="1880" y="2281"/>
                </a:lnTo>
                <a:lnTo>
                  <a:pt x="1902" y="2279"/>
                </a:lnTo>
                <a:lnTo>
                  <a:pt x="1924" y="2276"/>
                </a:lnTo>
                <a:lnTo>
                  <a:pt x="1945" y="2272"/>
                </a:lnTo>
                <a:lnTo>
                  <a:pt x="1965" y="2268"/>
                </a:lnTo>
                <a:lnTo>
                  <a:pt x="1985" y="2262"/>
                </a:lnTo>
                <a:lnTo>
                  <a:pt x="2005" y="2256"/>
                </a:lnTo>
                <a:lnTo>
                  <a:pt x="2023" y="2249"/>
                </a:lnTo>
                <a:lnTo>
                  <a:pt x="2041" y="2241"/>
                </a:lnTo>
                <a:lnTo>
                  <a:pt x="2058" y="2232"/>
                </a:lnTo>
                <a:lnTo>
                  <a:pt x="2074" y="2223"/>
                </a:lnTo>
                <a:lnTo>
                  <a:pt x="2090" y="2213"/>
                </a:lnTo>
                <a:lnTo>
                  <a:pt x="2105" y="2203"/>
                </a:lnTo>
                <a:lnTo>
                  <a:pt x="2119" y="2192"/>
                </a:lnTo>
                <a:lnTo>
                  <a:pt x="2133" y="2180"/>
                </a:lnTo>
                <a:lnTo>
                  <a:pt x="2146" y="2167"/>
                </a:lnTo>
                <a:lnTo>
                  <a:pt x="2158" y="2153"/>
                </a:lnTo>
                <a:lnTo>
                  <a:pt x="2169" y="2140"/>
                </a:lnTo>
                <a:lnTo>
                  <a:pt x="2180" y="2126"/>
                </a:lnTo>
                <a:lnTo>
                  <a:pt x="2189" y="2110"/>
                </a:lnTo>
                <a:lnTo>
                  <a:pt x="2198" y="2094"/>
                </a:lnTo>
                <a:lnTo>
                  <a:pt x="2206" y="2078"/>
                </a:lnTo>
                <a:lnTo>
                  <a:pt x="2214" y="2061"/>
                </a:lnTo>
                <a:lnTo>
                  <a:pt x="2220" y="2043"/>
                </a:lnTo>
                <a:lnTo>
                  <a:pt x="2226" y="2026"/>
                </a:lnTo>
                <a:lnTo>
                  <a:pt x="2231" y="2007"/>
                </a:lnTo>
                <a:lnTo>
                  <a:pt x="2235" y="1987"/>
                </a:lnTo>
                <a:lnTo>
                  <a:pt x="2238" y="1968"/>
                </a:lnTo>
                <a:lnTo>
                  <a:pt x="2240" y="1947"/>
                </a:lnTo>
                <a:lnTo>
                  <a:pt x="2241" y="1927"/>
                </a:lnTo>
                <a:lnTo>
                  <a:pt x="2242" y="1906"/>
                </a:lnTo>
                <a:lnTo>
                  <a:pt x="2242" y="1263"/>
                </a:lnTo>
                <a:lnTo>
                  <a:pt x="1975" y="1263"/>
                </a:lnTo>
                <a:close/>
                <a:moveTo>
                  <a:pt x="6497" y="1473"/>
                </a:moveTo>
                <a:lnTo>
                  <a:pt x="6479" y="1473"/>
                </a:lnTo>
                <a:lnTo>
                  <a:pt x="6462" y="1474"/>
                </a:lnTo>
                <a:lnTo>
                  <a:pt x="6444" y="1477"/>
                </a:lnTo>
                <a:lnTo>
                  <a:pt x="6427" y="1479"/>
                </a:lnTo>
                <a:lnTo>
                  <a:pt x="6411" y="1483"/>
                </a:lnTo>
                <a:lnTo>
                  <a:pt x="6394" y="1488"/>
                </a:lnTo>
                <a:lnTo>
                  <a:pt x="6378" y="1493"/>
                </a:lnTo>
                <a:lnTo>
                  <a:pt x="6363" y="1500"/>
                </a:lnTo>
                <a:lnTo>
                  <a:pt x="6348" y="1509"/>
                </a:lnTo>
                <a:lnTo>
                  <a:pt x="6333" y="1518"/>
                </a:lnTo>
                <a:lnTo>
                  <a:pt x="6319" y="1529"/>
                </a:lnTo>
                <a:lnTo>
                  <a:pt x="6306" y="1541"/>
                </a:lnTo>
                <a:lnTo>
                  <a:pt x="6293" y="1556"/>
                </a:lnTo>
                <a:lnTo>
                  <a:pt x="6281" y="1571"/>
                </a:lnTo>
                <a:lnTo>
                  <a:pt x="6269" y="1588"/>
                </a:lnTo>
                <a:lnTo>
                  <a:pt x="6259" y="1608"/>
                </a:lnTo>
                <a:lnTo>
                  <a:pt x="6255" y="1608"/>
                </a:lnTo>
                <a:lnTo>
                  <a:pt x="6255" y="1490"/>
                </a:lnTo>
                <a:lnTo>
                  <a:pt x="6043" y="1490"/>
                </a:lnTo>
                <a:lnTo>
                  <a:pt x="6043" y="2264"/>
                </a:lnTo>
                <a:lnTo>
                  <a:pt x="6274" y="2264"/>
                </a:lnTo>
                <a:lnTo>
                  <a:pt x="6274" y="1886"/>
                </a:lnTo>
                <a:lnTo>
                  <a:pt x="6274" y="1857"/>
                </a:lnTo>
                <a:lnTo>
                  <a:pt x="6276" y="1831"/>
                </a:lnTo>
                <a:lnTo>
                  <a:pt x="6279" y="1808"/>
                </a:lnTo>
                <a:lnTo>
                  <a:pt x="6282" y="1787"/>
                </a:lnTo>
                <a:lnTo>
                  <a:pt x="6286" y="1769"/>
                </a:lnTo>
                <a:lnTo>
                  <a:pt x="6291" y="1752"/>
                </a:lnTo>
                <a:lnTo>
                  <a:pt x="6296" y="1739"/>
                </a:lnTo>
                <a:lnTo>
                  <a:pt x="6301" y="1728"/>
                </a:lnTo>
                <a:lnTo>
                  <a:pt x="6311" y="1711"/>
                </a:lnTo>
                <a:lnTo>
                  <a:pt x="6322" y="1697"/>
                </a:lnTo>
                <a:lnTo>
                  <a:pt x="6327" y="1690"/>
                </a:lnTo>
                <a:lnTo>
                  <a:pt x="6333" y="1683"/>
                </a:lnTo>
                <a:lnTo>
                  <a:pt x="6340" y="1678"/>
                </a:lnTo>
                <a:lnTo>
                  <a:pt x="6347" y="1672"/>
                </a:lnTo>
                <a:lnTo>
                  <a:pt x="6354" y="1668"/>
                </a:lnTo>
                <a:lnTo>
                  <a:pt x="6361" y="1663"/>
                </a:lnTo>
                <a:lnTo>
                  <a:pt x="6369" y="1659"/>
                </a:lnTo>
                <a:lnTo>
                  <a:pt x="6378" y="1656"/>
                </a:lnTo>
                <a:lnTo>
                  <a:pt x="6397" y="1649"/>
                </a:lnTo>
                <a:lnTo>
                  <a:pt x="6418" y="1644"/>
                </a:lnTo>
                <a:lnTo>
                  <a:pt x="6430" y="1643"/>
                </a:lnTo>
                <a:lnTo>
                  <a:pt x="6443" y="1643"/>
                </a:lnTo>
                <a:lnTo>
                  <a:pt x="6457" y="1643"/>
                </a:lnTo>
                <a:lnTo>
                  <a:pt x="6471" y="1646"/>
                </a:lnTo>
                <a:lnTo>
                  <a:pt x="6485" y="1648"/>
                </a:lnTo>
                <a:lnTo>
                  <a:pt x="6499" y="1652"/>
                </a:lnTo>
                <a:lnTo>
                  <a:pt x="6513" y="1658"/>
                </a:lnTo>
                <a:lnTo>
                  <a:pt x="6525" y="1664"/>
                </a:lnTo>
                <a:lnTo>
                  <a:pt x="6628" y="1500"/>
                </a:lnTo>
                <a:lnTo>
                  <a:pt x="6612" y="1494"/>
                </a:lnTo>
                <a:lnTo>
                  <a:pt x="6597" y="1489"/>
                </a:lnTo>
                <a:lnTo>
                  <a:pt x="6582" y="1484"/>
                </a:lnTo>
                <a:lnTo>
                  <a:pt x="6566" y="1480"/>
                </a:lnTo>
                <a:lnTo>
                  <a:pt x="6550" y="1477"/>
                </a:lnTo>
                <a:lnTo>
                  <a:pt x="6533" y="1476"/>
                </a:lnTo>
                <a:lnTo>
                  <a:pt x="6516" y="1473"/>
                </a:lnTo>
                <a:lnTo>
                  <a:pt x="6497" y="1473"/>
                </a:lnTo>
                <a:close/>
                <a:moveTo>
                  <a:pt x="13421" y="1473"/>
                </a:moveTo>
                <a:lnTo>
                  <a:pt x="13402" y="1474"/>
                </a:lnTo>
                <a:lnTo>
                  <a:pt x="13383" y="1476"/>
                </a:lnTo>
                <a:lnTo>
                  <a:pt x="13365" y="1478"/>
                </a:lnTo>
                <a:lnTo>
                  <a:pt x="13347" y="1481"/>
                </a:lnTo>
                <a:lnTo>
                  <a:pt x="13329" y="1484"/>
                </a:lnTo>
                <a:lnTo>
                  <a:pt x="13312" y="1489"/>
                </a:lnTo>
                <a:lnTo>
                  <a:pt x="13295" y="1494"/>
                </a:lnTo>
                <a:lnTo>
                  <a:pt x="13278" y="1501"/>
                </a:lnTo>
                <a:lnTo>
                  <a:pt x="13262" y="1508"/>
                </a:lnTo>
                <a:lnTo>
                  <a:pt x="13247" y="1514"/>
                </a:lnTo>
                <a:lnTo>
                  <a:pt x="13232" y="1522"/>
                </a:lnTo>
                <a:lnTo>
                  <a:pt x="13218" y="1531"/>
                </a:lnTo>
                <a:lnTo>
                  <a:pt x="13204" y="1540"/>
                </a:lnTo>
                <a:lnTo>
                  <a:pt x="13191" y="1550"/>
                </a:lnTo>
                <a:lnTo>
                  <a:pt x="13180" y="1560"/>
                </a:lnTo>
                <a:lnTo>
                  <a:pt x="13169" y="1570"/>
                </a:lnTo>
                <a:lnTo>
                  <a:pt x="13166" y="1570"/>
                </a:lnTo>
                <a:lnTo>
                  <a:pt x="13166" y="1489"/>
                </a:lnTo>
                <a:lnTo>
                  <a:pt x="12947" y="1489"/>
                </a:lnTo>
                <a:lnTo>
                  <a:pt x="12947" y="2264"/>
                </a:lnTo>
                <a:lnTo>
                  <a:pt x="13169" y="2264"/>
                </a:lnTo>
                <a:lnTo>
                  <a:pt x="13169" y="1733"/>
                </a:lnTo>
                <a:lnTo>
                  <a:pt x="13179" y="1721"/>
                </a:lnTo>
                <a:lnTo>
                  <a:pt x="13189" y="1710"/>
                </a:lnTo>
                <a:lnTo>
                  <a:pt x="13200" y="1700"/>
                </a:lnTo>
                <a:lnTo>
                  <a:pt x="13211" y="1691"/>
                </a:lnTo>
                <a:lnTo>
                  <a:pt x="13223" y="1682"/>
                </a:lnTo>
                <a:lnTo>
                  <a:pt x="13235" y="1676"/>
                </a:lnTo>
                <a:lnTo>
                  <a:pt x="13246" y="1669"/>
                </a:lnTo>
                <a:lnTo>
                  <a:pt x="13258" y="1663"/>
                </a:lnTo>
                <a:lnTo>
                  <a:pt x="13270" y="1658"/>
                </a:lnTo>
                <a:lnTo>
                  <a:pt x="13282" y="1653"/>
                </a:lnTo>
                <a:lnTo>
                  <a:pt x="13294" y="1650"/>
                </a:lnTo>
                <a:lnTo>
                  <a:pt x="13306" y="1648"/>
                </a:lnTo>
                <a:lnTo>
                  <a:pt x="13318" y="1646"/>
                </a:lnTo>
                <a:lnTo>
                  <a:pt x="13329" y="1644"/>
                </a:lnTo>
                <a:lnTo>
                  <a:pt x="13341" y="1643"/>
                </a:lnTo>
                <a:lnTo>
                  <a:pt x="13352" y="1642"/>
                </a:lnTo>
                <a:lnTo>
                  <a:pt x="13367" y="1643"/>
                </a:lnTo>
                <a:lnTo>
                  <a:pt x="13380" y="1644"/>
                </a:lnTo>
                <a:lnTo>
                  <a:pt x="13393" y="1646"/>
                </a:lnTo>
                <a:lnTo>
                  <a:pt x="13405" y="1648"/>
                </a:lnTo>
                <a:lnTo>
                  <a:pt x="13416" y="1651"/>
                </a:lnTo>
                <a:lnTo>
                  <a:pt x="13426" y="1654"/>
                </a:lnTo>
                <a:lnTo>
                  <a:pt x="13436" y="1658"/>
                </a:lnTo>
                <a:lnTo>
                  <a:pt x="13445" y="1663"/>
                </a:lnTo>
                <a:lnTo>
                  <a:pt x="13453" y="1668"/>
                </a:lnTo>
                <a:lnTo>
                  <a:pt x="13460" y="1673"/>
                </a:lnTo>
                <a:lnTo>
                  <a:pt x="13467" y="1680"/>
                </a:lnTo>
                <a:lnTo>
                  <a:pt x="13473" y="1687"/>
                </a:lnTo>
                <a:lnTo>
                  <a:pt x="13479" y="1693"/>
                </a:lnTo>
                <a:lnTo>
                  <a:pt x="13484" y="1701"/>
                </a:lnTo>
                <a:lnTo>
                  <a:pt x="13489" y="1709"/>
                </a:lnTo>
                <a:lnTo>
                  <a:pt x="13493" y="1718"/>
                </a:lnTo>
                <a:lnTo>
                  <a:pt x="13496" y="1727"/>
                </a:lnTo>
                <a:lnTo>
                  <a:pt x="13499" y="1737"/>
                </a:lnTo>
                <a:lnTo>
                  <a:pt x="13502" y="1747"/>
                </a:lnTo>
                <a:lnTo>
                  <a:pt x="13505" y="1757"/>
                </a:lnTo>
                <a:lnTo>
                  <a:pt x="13508" y="1778"/>
                </a:lnTo>
                <a:lnTo>
                  <a:pt x="13511" y="1801"/>
                </a:lnTo>
                <a:lnTo>
                  <a:pt x="13512" y="1824"/>
                </a:lnTo>
                <a:lnTo>
                  <a:pt x="13513" y="1850"/>
                </a:lnTo>
                <a:lnTo>
                  <a:pt x="13514" y="1877"/>
                </a:lnTo>
                <a:lnTo>
                  <a:pt x="13514" y="1903"/>
                </a:lnTo>
                <a:lnTo>
                  <a:pt x="13514" y="2264"/>
                </a:lnTo>
                <a:lnTo>
                  <a:pt x="13736" y="2264"/>
                </a:lnTo>
                <a:lnTo>
                  <a:pt x="13736" y="1823"/>
                </a:lnTo>
                <a:lnTo>
                  <a:pt x="13736" y="1791"/>
                </a:lnTo>
                <a:lnTo>
                  <a:pt x="13734" y="1759"/>
                </a:lnTo>
                <a:lnTo>
                  <a:pt x="13731" y="1728"/>
                </a:lnTo>
                <a:lnTo>
                  <a:pt x="13726" y="1697"/>
                </a:lnTo>
                <a:lnTo>
                  <a:pt x="13722" y="1681"/>
                </a:lnTo>
                <a:lnTo>
                  <a:pt x="13719" y="1667"/>
                </a:lnTo>
                <a:lnTo>
                  <a:pt x="13714" y="1652"/>
                </a:lnTo>
                <a:lnTo>
                  <a:pt x="13709" y="1638"/>
                </a:lnTo>
                <a:lnTo>
                  <a:pt x="13704" y="1623"/>
                </a:lnTo>
                <a:lnTo>
                  <a:pt x="13697" y="1610"/>
                </a:lnTo>
                <a:lnTo>
                  <a:pt x="13690" y="1597"/>
                </a:lnTo>
                <a:lnTo>
                  <a:pt x="13682" y="1584"/>
                </a:lnTo>
                <a:lnTo>
                  <a:pt x="13673" y="1572"/>
                </a:lnTo>
                <a:lnTo>
                  <a:pt x="13664" y="1561"/>
                </a:lnTo>
                <a:lnTo>
                  <a:pt x="13653" y="1550"/>
                </a:lnTo>
                <a:lnTo>
                  <a:pt x="13642" y="1539"/>
                </a:lnTo>
                <a:lnTo>
                  <a:pt x="13630" y="1529"/>
                </a:lnTo>
                <a:lnTo>
                  <a:pt x="13616" y="1520"/>
                </a:lnTo>
                <a:lnTo>
                  <a:pt x="13602" y="1512"/>
                </a:lnTo>
                <a:lnTo>
                  <a:pt x="13587" y="1504"/>
                </a:lnTo>
                <a:lnTo>
                  <a:pt x="13570" y="1498"/>
                </a:lnTo>
                <a:lnTo>
                  <a:pt x="13552" y="1491"/>
                </a:lnTo>
                <a:lnTo>
                  <a:pt x="13534" y="1486"/>
                </a:lnTo>
                <a:lnTo>
                  <a:pt x="13514" y="1481"/>
                </a:lnTo>
                <a:lnTo>
                  <a:pt x="13492" y="1478"/>
                </a:lnTo>
                <a:lnTo>
                  <a:pt x="13470" y="1476"/>
                </a:lnTo>
                <a:lnTo>
                  <a:pt x="13446" y="1474"/>
                </a:lnTo>
                <a:lnTo>
                  <a:pt x="13421" y="1473"/>
                </a:lnTo>
                <a:close/>
                <a:moveTo>
                  <a:pt x="11542" y="1777"/>
                </a:moveTo>
                <a:lnTo>
                  <a:pt x="11542" y="1759"/>
                </a:lnTo>
                <a:lnTo>
                  <a:pt x="11541" y="1740"/>
                </a:lnTo>
                <a:lnTo>
                  <a:pt x="11539" y="1723"/>
                </a:lnTo>
                <a:lnTo>
                  <a:pt x="11537" y="1707"/>
                </a:lnTo>
                <a:lnTo>
                  <a:pt x="11534" y="1690"/>
                </a:lnTo>
                <a:lnTo>
                  <a:pt x="11530" y="1674"/>
                </a:lnTo>
                <a:lnTo>
                  <a:pt x="11526" y="1660"/>
                </a:lnTo>
                <a:lnTo>
                  <a:pt x="11521" y="1646"/>
                </a:lnTo>
                <a:lnTo>
                  <a:pt x="11515" y="1631"/>
                </a:lnTo>
                <a:lnTo>
                  <a:pt x="11509" y="1618"/>
                </a:lnTo>
                <a:lnTo>
                  <a:pt x="11501" y="1606"/>
                </a:lnTo>
                <a:lnTo>
                  <a:pt x="11494" y="1593"/>
                </a:lnTo>
                <a:lnTo>
                  <a:pt x="11485" y="1582"/>
                </a:lnTo>
                <a:lnTo>
                  <a:pt x="11476" y="1571"/>
                </a:lnTo>
                <a:lnTo>
                  <a:pt x="11466" y="1560"/>
                </a:lnTo>
                <a:lnTo>
                  <a:pt x="11455" y="1550"/>
                </a:lnTo>
                <a:lnTo>
                  <a:pt x="11443" y="1541"/>
                </a:lnTo>
                <a:lnTo>
                  <a:pt x="11431" y="1532"/>
                </a:lnTo>
                <a:lnTo>
                  <a:pt x="11418" y="1524"/>
                </a:lnTo>
                <a:lnTo>
                  <a:pt x="11404" y="1517"/>
                </a:lnTo>
                <a:lnTo>
                  <a:pt x="11390" y="1510"/>
                </a:lnTo>
                <a:lnTo>
                  <a:pt x="11374" y="1503"/>
                </a:lnTo>
                <a:lnTo>
                  <a:pt x="11358" y="1498"/>
                </a:lnTo>
                <a:lnTo>
                  <a:pt x="11341" y="1493"/>
                </a:lnTo>
                <a:lnTo>
                  <a:pt x="11324" y="1489"/>
                </a:lnTo>
                <a:lnTo>
                  <a:pt x="11305" y="1484"/>
                </a:lnTo>
                <a:lnTo>
                  <a:pt x="11286" y="1481"/>
                </a:lnTo>
                <a:lnTo>
                  <a:pt x="11266" y="1479"/>
                </a:lnTo>
                <a:lnTo>
                  <a:pt x="11245" y="1477"/>
                </a:lnTo>
                <a:lnTo>
                  <a:pt x="11223" y="1474"/>
                </a:lnTo>
                <a:lnTo>
                  <a:pt x="11201" y="1473"/>
                </a:lnTo>
                <a:lnTo>
                  <a:pt x="11177" y="1473"/>
                </a:lnTo>
                <a:lnTo>
                  <a:pt x="11145" y="1474"/>
                </a:lnTo>
                <a:lnTo>
                  <a:pt x="11109" y="1476"/>
                </a:lnTo>
                <a:lnTo>
                  <a:pt x="11071" y="1479"/>
                </a:lnTo>
                <a:lnTo>
                  <a:pt x="11032" y="1482"/>
                </a:lnTo>
                <a:lnTo>
                  <a:pt x="10992" y="1488"/>
                </a:lnTo>
                <a:lnTo>
                  <a:pt x="10951" y="1496"/>
                </a:lnTo>
                <a:lnTo>
                  <a:pt x="10910" y="1504"/>
                </a:lnTo>
                <a:lnTo>
                  <a:pt x="10871" y="1514"/>
                </a:lnTo>
                <a:lnTo>
                  <a:pt x="10871" y="1669"/>
                </a:lnTo>
                <a:lnTo>
                  <a:pt x="10902" y="1658"/>
                </a:lnTo>
                <a:lnTo>
                  <a:pt x="10934" y="1648"/>
                </a:lnTo>
                <a:lnTo>
                  <a:pt x="10967" y="1640"/>
                </a:lnTo>
                <a:lnTo>
                  <a:pt x="11000" y="1633"/>
                </a:lnTo>
                <a:lnTo>
                  <a:pt x="11034" y="1628"/>
                </a:lnTo>
                <a:lnTo>
                  <a:pt x="11066" y="1623"/>
                </a:lnTo>
                <a:lnTo>
                  <a:pt x="11098" y="1621"/>
                </a:lnTo>
                <a:lnTo>
                  <a:pt x="11128" y="1621"/>
                </a:lnTo>
                <a:lnTo>
                  <a:pt x="11149" y="1621"/>
                </a:lnTo>
                <a:lnTo>
                  <a:pt x="11169" y="1622"/>
                </a:lnTo>
                <a:lnTo>
                  <a:pt x="11188" y="1623"/>
                </a:lnTo>
                <a:lnTo>
                  <a:pt x="11207" y="1626"/>
                </a:lnTo>
                <a:lnTo>
                  <a:pt x="11224" y="1629"/>
                </a:lnTo>
                <a:lnTo>
                  <a:pt x="11240" y="1634"/>
                </a:lnTo>
                <a:lnTo>
                  <a:pt x="11256" y="1640"/>
                </a:lnTo>
                <a:lnTo>
                  <a:pt x="11270" y="1648"/>
                </a:lnTo>
                <a:lnTo>
                  <a:pt x="11276" y="1652"/>
                </a:lnTo>
                <a:lnTo>
                  <a:pt x="11282" y="1658"/>
                </a:lnTo>
                <a:lnTo>
                  <a:pt x="11288" y="1663"/>
                </a:lnTo>
                <a:lnTo>
                  <a:pt x="11294" y="1670"/>
                </a:lnTo>
                <a:lnTo>
                  <a:pt x="11299" y="1677"/>
                </a:lnTo>
                <a:lnTo>
                  <a:pt x="11303" y="1683"/>
                </a:lnTo>
                <a:lnTo>
                  <a:pt x="11308" y="1691"/>
                </a:lnTo>
                <a:lnTo>
                  <a:pt x="11312" y="1700"/>
                </a:lnTo>
                <a:lnTo>
                  <a:pt x="11315" y="1709"/>
                </a:lnTo>
                <a:lnTo>
                  <a:pt x="11318" y="1719"/>
                </a:lnTo>
                <a:lnTo>
                  <a:pt x="11321" y="1729"/>
                </a:lnTo>
                <a:lnTo>
                  <a:pt x="11323" y="1740"/>
                </a:lnTo>
                <a:lnTo>
                  <a:pt x="11325" y="1752"/>
                </a:lnTo>
                <a:lnTo>
                  <a:pt x="11326" y="1764"/>
                </a:lnTo>
                <a:lnTo>
                  <a:pt x="11327" y="1778"/>
                </a:lnTo>
                <a:lnTo>
                  <a:pt x="11327" y="1792"/>
                </a:lnTo>
                <a:lnTo>
                  <a:pt x="11217" y="1792"/>
                </a:lnTo>
                <a:lnTo>
                  <a:pt x="11181" y="1792"/>
                </a:lnTo>
                <a:lnTo>
                  <a:pt x="11143" y="1794"/>
                </a:lnTo>
                <a:lnTo>
                  <a:pt x="11103" y="1797"/>
                </a:lnTo>
                <a:lnTo>
                  <a:pt x="11063" y="1800"/>
                </a:lnTo>
                <a:lnTo>
                  <a:pt x="11025" y="1806"/>
                </a:lnTo>
                <a:lnTo>
                  <a:pt x="10989" y="1811"/>
                </a:lnTo>
                <a:lnTo>
                  <a:pt x="10971" y="1816"/>
                </a:lnTo>
                <a:lnTo>
                  <a:pt x="10955" y="1819"/>
                </a:lnTo>
                <a:lnTo>
                  <a:pt x="10940" y="1823"/>
                </a:lnTo>
                <a:lnTo>
                  <a:pt x="10927" y="1828"/>
                </a:lnTo>
                <a:lnTo>
                  <a:pt x="10912" y="1834"/>
                </a:lnTo>
                <a:lnTo>
                  <a:pt x="10897" y="1841"/>
                </a:lnTo>
                <a:lnTo>
                  <a:pt x="10882" y="1849"/>
                </a:lnTo>
                <a:lnTo>
                  <a:pt x="10868" y="1857"/>
                </a:lnTo>
                <a:lnTo>
                  <a:pt x="10854" y="1867"/>
                </a:lnTo>
                <a:lnTo>
                  <a:pt x="10841" y="1877"/>
                </a:lnTo>
                <a:lnTo>
                  <a:pt x="10829" y="1888"/>
                </a:lnTo>
                <a:lnTo>
                  <a:pt x="10818" y="1900"/>
                </a:lnTo>
                <a:lnTo>
                  <a:pt x="10806" y="1913"/>
                </a:lnTo>
                <a:lnTo>
                  <a:pt x="10797" y="1928"/>
                </a:lnTo>
                <a:lnTo>
                  <a:pt x="10788" y="1942"/>
                </a:lnTo>
                <a:lnTo>
                  <a:pt x="10781" y="1959"/>
                </a:lnTo>
                <a:lnTo>
                  <a:pt x="10776" y="1977"/>
                </a:lnTo>
                <a:lnTo>
                  <a:pt x="10771" y="1994"/>
                </a:lnTo>
                <a:lnTo>
                  <a:pt x="10769" y="2014"/>
                </a:lnTo>
                <a:lnTo>
                  <a:pt x="10768" y="2034"/>
                </a:lnTo>
                <a:lnTo>
                  <a:pt x="10768" y="2051"/>
                </a:lnTo>
                <a:lnTo>
                  <a:pt x="10770" y="2068"/>
                </a:lnTo>
                <a:lnTo>
                  <a:pt x="10772" y="2083"/>
                </a:lnTo>
                <a:lnTo>
                  <a:pt x="10774" y="2098"/>
                </a:lnTo>
                <a:lnTo>
                  <a:pt x="10778" y="2112"/>
                </a:lnTo>
                <a:lnTo>
                  <a:pt x="10782" y="2126"/>
                </a:lnTo>
                <a:lnTo>
                  <a:pt x="10787" y="2138"/>
                </a:lnTo>
                <a:lnTo>
                  <a:pt x="10793" y="2150"/>
                </a:lnTo>
                <a:lnTo>
                  <a:pt x="10799" y="2162"/>
                </a:lnTo>
                <a:lnTo>
                  <a:pt x="10806" y="2172"/>
                </a:lnTo>
                <a:lnTo>
                  <a:pt x="10815" y="2183"/>
                </a:lnTo>
                <a:lnTo>
                  <a:pt x="10823" y="2193"/>
                </a:lnTo>
                <a:lnTo>
                  <a:pt x="10831" y="2202"/>
                </a:lnTo>
                <a:lnTo>
                  <a:pt x="10841" y="2211"/>
                </a:lnTo>
                <a:lnTo>
                  <a:pt x="10850" y="2219"/>
                </a:lnTo>
                <a:lnTo>
                  <a:pt x="10861" y="2227"/>
                </a:lnTo>
                <a:lnTo>
                  <a:pt x="10871" y="2233"/>
                </a:lnTo>
                <a:lnTo>
                  <a:pt x="10883" y="2240"/>
                </a:lnTo>
                <a:lnTo>
                  <a:pt x="10894" y="2247"/>
                </a:lnTo>
                <a:lnTo>
                  <a:pt x="10906" y="2251"/>
                </a:lnTo>
                <a:lnTo>
                  <a:pt x="10919" y="2257"/>
                </a:lnTo>
                <a:lnTo>
                  <a:pt x="10931" y="2261"/>
                </a:lnTo>
                <a:lnTo>
                  <a:pt x="10944" y="2266"/>
                </a:lnTo>
                <a:lnTo>
                  <a:pt x="10958" y="2269"/>
                </a:lnTo>
                <a:lnTo>
                  <a:pt x="10985" y="2274"/>
                </a:lnTo>
                <a:lnTo>
                  <a:pt x="11014" y="2279"/>
                </a:lnTo>
                <a:lnTo>
                  <a:pt x="11043" y="2281"/>
                </a:lnTo>
                <a:lnTo>
                  <a:pt x="11073" y="2282"/>
                </a:lnTo>
                <a:lnTo>
                  <a:pt x="11095" y="2281"/>
                </a:lnTo>
                <a:lnTo>
                  <a:pt x="11116" y="2280"/>
                </a:lnTo>
                <a:lnTo>
                  <a:pt x="11136" y="2279"/>
                </a:lnTo>
                <a:lnTo>
                  <a:pt x="11156" y="2276"/>
                </a:lnTo>
                <a:lnTo>
                  <a:pt x="11175" y="2273"/>
                </a:lnTo>
                <a:lnTo>
                  <a:pt x="11193" y="2269"/>
                </a:lnTo>
                <a:lnTo>
                  <a:pt x="11210" y="2264"/>
                </a:lnTo>
                <a:lnTo>
                  <a:pt x="11227" y="2259"/>
                </a:lnTo>
                <a:lnTo>
                  <a:pt x="11243" y="2252"/>
                </a:lnTo>
                <a:lnTo>
                  <a:pt x="11258" y="2246"/>
                </a:lnTo>
                <a:lnTo>
                  <a:pt x="11272" y="2238"/>
                </a:lnTo>
                <a:lnTo>
                  <a:pt x="11286" y="2229"/>
                </a:lnTo>
                <a:lnTo>
                  <a:pt x="11300" y="2219"/>
                </a:lnTo>
                <a:lnTo>
                  <a:pt x="11313" y="2209"/>
                </a:lnTo>
                <a:lnTo>
                  <a:pt x="11325" y="2198"/>
                </a:lnTo>
                <a:lnTo>
                  <a:pt x="11336" y="2186"/>
                </a:lnTo>
                <a:lnTo>
                  <a:pt x="11340" y="2186"/>
                </a:lnTo>
                <a:lnTo>
                  <a:pt x="11340" y="2264"/>
                </a:lnTo>
                <a:lnTo>
                  <a:pt x="11542" y="2264"/>
                </a:lnTo>
                <a:lnTo>
                  <a:pt x="11542" y="1777"/>
                </a:lnTo>
                <a:close/>
                <a:moveTo>
                  <a:pt x="11327" y="2056"/>
                </a:moveTo>
                <a:lnTo>
                  <a:pt x="11313" y="2067"/>
                </a:lnTo>
                <a:lnTo>
                  <a:pt x="11300" y="2076"/>
                </a:lnTo>
                <a:lnTo>
                  <a:pt x="11287" y="2084"/>
                </a:lnTo>
                <a:lnTo>
                  <a:pt x="11273" y="2092"/>
                </a:lnTo>
                <a:lnTo>
                  <a:pt x="11260" y="2100"/>
                </a:lnTo>
                <a:lnTo>
                  <a:pt x="11247" y="2107"/>
                </a:lnTo>
                <a:lnTo>
                  <a:pt x="11234" y="2112"/>
                </a:lnTo>
                <a:lnTo>
                  <a:pt x="11221" y="2117"/>
                </a:lnTo>
                <a:lnTo>
                  <a:pt x="11194" y="2124"/>
                </a:lnTo>
                <a:lnTo>
                  <a:pt x="11169" y="2130"/>
                </a:lnTo>
                <a:lnTo>
                  <a:pt x="11144" y="2133"/>
                </a:lnTo>
                <a:lnTo>
                  <a:pt x="11120" y="2136"/>
                </a:lnTo>
                <a:lnTo>
                  <a:pt x="11106" y="2136"/>
                </a:lnTo>
                <a:lnTo>
                  <a:pt x="11092" y="2134"/>
                </a:lnTo>
                <a:lnTo>
                  <a:pt x="11079" y="2133"/>
                </a:lnTo>
                <a:lnTo>
                  <a:pt x="11067" y="2131"/>
                </a:lnTo>
                <a:lnTo>
                  <a:pt x="11056" y="2128"/>
                </a:lnTo>
                <a:lnTo>
                  <a:pt x="11045" y="2124"/>
                </a:lnTo>
                <a:lnTo>
                  <a:pt x="11036" y="2120"/>
                </a:lnTo>
                <a:lnTo>
                  <a:pt x="11027" y="2114"/>
                </a:lnTo>
                <a:lnTo>
                  <a:pt x="11019" y="2108"/>
                </a:lnTo>
                <a:lnTo>
                  <a:pt x="11011" y="2100"/>
                </a:lnTo>
                <a:lnTo>
                  <a:pt x="11005" y="2091"/>
                </a:lnTo>
                <a:lnTo>
                  <a:pt x="11000" y="2081"/>
                </a:lnTo>
                <a:lnTo>
                  <a:pt x="10996" y="2071"/>
                </a:lnTo>
                <a:lnTo>
                  <a:pt x="10993" y="2059"/>
                </a:lnTo>
                <a:lnTo>
                  <a:pt x="10991" y="2046"/>
                </a:lnTo>
                <a:lnTo>
                  <a:pt x="10991" y="2031"/>
                </a:lnTo>
                <a:lnTo>
                  <a:pt x="10991" y="2023"/>
                </a:lnTo>
                <a:lnTo>
                  <a:pt x="10992" y="2014"/>
                </a:lnTo>
                <a:lnTo>
                  <a:pt x="10994" y="2007"/>
                </a:lnTo>
                <a:lnTo>
                  <a:pt x="10996" y="2000"/>
                </a:lnTo>
                <a:lnTo>
                  <a:pt x="10999" y="1992"/>
                </a:lnTo>
                <a:lnTo>
                  <a:pt x="11003" y="1986"/>
                </a:lnTo>
                <a:lnTo>
                  <a:pt x="11007" y="1980"/>
                </a:lnTo>
                <a:lnTo>
                  <a:pt x="11012" y="1974"/>
                </a:lnTo>
                <a:lnTo>
                  <a:pt x="11018" y="1969"/>
                </a:lnTo>
                <a:lnTo>
                  <a:pt x="11023" y="1963"/>
                </a:lnTo>
                <a:lnTo>
                  <a:pt x="11030" y="1959"/>
                </a:lnTo>
                <a:lnTo>
                  <a:pt x="11037" y="1954"/>
                </a:lnTo>
                <a:lnTo>
                  <a:pt x="11052" y="1947"/>
                </a:lnTo>
                <a:lnTo>
                  <a:pt x="11069" y="1940"/>
                </a:lnTo>
                <a:lnTo>
                  <a:pt x="11088" y="1934"/>
                </a:lnTo>
                <a:lnTo>
                  <a:pt x="11108" y="1930"/>
                </a:lnTo>
                <a:lnTo>
                  <a:pt x="11130" y="1927"/>
                </a:lnTo>
                <a:lnTo>
                  <a:pt x="11152" y="1924"/>
                </a:lnTo>
                <a:lnTo>
                  <a:pt x="11176" y="1922"/>
                </a:lnTo>
                <a:lnTo>
                  <a:pt x="11200" y="1921"/>
                </a:lnTo>
                <a:lnTo>
                  <a:pt x="11225" y="1920"/>
                </a:lnTo>
                <a:lnTo>
                  <a:pt x="11250" y="1920"/>
                </a:lnTo>
                <a:lnTo>
                  <a:pt x="11327" y="1920"/>
                </a:lnTo>
                <a:lnTo>
                  <a:pt x="11327" y="2056"/>
                </a:lnTo>
                <a:close/>
                <a:moveTo>
                  <a:pt x="12159" y="1473"/>
                </a:moveTo>
                <a:lnTo>
                  <a:pt x="12142" y="1474"/>
                </a:lnTo>
                <a:lnTo>
                  <a:pt x="12124" y="1474"/>
                </a:lnTo>
                <a:lnTo>
                  <a:pt x="12107" y="1477"/>
                </a:lnTo>
                <a:lnTo>
                  <a:pt x="12090" y="1480"/>
                </a:lnTo>
                <a:lnTo>
                  <a:pt x="12073" y="1483"/>
                </a:lnTo>
                <a:lnTo>
                  <a:pt x="12057" y="1488"/>
                </a:lnTo>
                <a:lnTo>
                  <a:pt x="12041" y="1493"/>
                </a:lnTo>
                <a:lnTo>
                  <a:pt x="12025" y="1500"/>
                </a:lnTo>
                <a:lnTo>
                  <a:pt x="12010" y="1509"/>
                </a:lnTo>
                <a:lnTo>
                  <a:pt x="11996" y="1518"/>
                </a:lnTo>
                <a:lnTo>
                  <a:pt x="11982" y="1529"/>
                </a:lnTo>
                <a:lnTo>
                  <a:pt x="11968" y="1541"/>
                </a:lnTo>
                <a:lnTo>
                  <a:pt x="11956" y="1556"/>
                </a:lnTo>
                <a:lnTo>
                  <a:pt x="11943" y="1571"/>
                </a:lnTo>
                <a:lnTo>
                  <a:pt x="11932" y="1588"/>
                </a:lnTo>
                <a:lnTo>
                  <a:pt x="11921" y="1607"/>
                </a:lnTo>
                <a:lnTo>
                  <a:pt x="11918" y="1607"/>
                </a:lnTo>
                <a:lnTo>
                  <a:pt x="11918" y="1489"/>
                </a:lnTo>
                <a:lnTo>
                  <a:pt x="11706" y="1489"/>
                </a:lnTo>
                <a:lnTo>
                  <a:pt x="11706" y="2264"/>
                </a:lnTo>
                <a:lnTo>
                  <a:pt x="11937" y="2264"/>
                </a:lnTo>
                <a:lnTo>
                  <a:pt x="11937" y="1886"/>
                </a:lnTo>
                <a:lnTo>
                  <a:pt x="11937" y="1857"/>
                </a:lnTo>
                <a:lnTo>
                  <a:pt x="11939" y="1830"/>
                </a:lnTo>
                <a:lnTo>
                  <a:pt x="11941" y="1807"/>
                </a:lnTo>
                <a:lnTo>
                  <a:pt x="11944" y="1787"/>
                </a:lnTo>
                <a:lnTo>
                  <a:pt x="11948" y="1768"/>
                </a:lnTo>
                <a:lnTo>
                  <a:pt x="11953" y="1752"/>
                </a:lnTo>
                <a:lnTo>
                  <a:pt x="11958" y="1739"/>
                </a:lnTo>
                <a:lnTo>
                  <a:pt x="11964" y="1728"/>
                </a:lnTo>
                <a:lnTo>
                  <a:pt x="11974" y="1711"/>
                </a:lnTo>
                <a:lnTo>
                  <a:pt x="11984" y="1697"/>
                </a:lnTo>
                <a:lnTo>
                  <a:pt x="11990" y="1690"/>
                </a:lnTo>
                <a:lnTo>
                  <a:pt x="11996" y="1683"/>
                </a:lnTo>
                <a:lnTo>
                  <a:pt x="12002" y="1678"/>
                </a:lnTo>
                <a:lnTo>
                  <a:pt x="12009" y="1672"/>
                </a:lnTo>
                <a:lnTo>
                  <a:pt x="12016" y="1668"/>
                </a:lnTo>
                <a:lnTo>
                  <a:pt x="12024" y="1663"/>
                </a:lnTo>
                <a:lnTo>
                  <a:pt x="12032" y="1659"/>
                </a:lnTo>
                <a:lnTo>
                  <a:pt x="12041" y="1656"/>
                </a:lnTo>
                <a:lnTo>
                  <a:pt x="12059" y="1650"/>
                </a:lnTo>
                <a:lnTo>
                  <a:pt x="12081" y="1646"/>
                </a:lnTo>
                <a:lnTo>
                  <a:pt x="12093" y="1643"/>
                </a:lnTo>
                <a:lnTo>
                  <a:pt x="12106" y="1643"/>
                </a:lnTo>
                <a:lnTo>
                  <a:pt x="12120" y="1643"/>
                </a:lnTo>
                <a:lnTo>
                  <a:pt x="12134" y="1646"/>
                </a:lnTo>
                <a:lnTo>
                  <a:pt x="12148" y="1648"/>
                </a:lnTo>
                <a:lnTo>
                  <a:pt x="12162" y="1652"/>
                </a:lnTo>
                <a:lnTo>
                  <a:pt x="12175" y="1658"/>
                </a:lnTo>
                <a:lnTo>
                  <a:pt x="12187" y="1664"/>
                </a:lnTo>
                <a:lnTo>
                  <a:pt x="12290" y="1500"/>
                </a:lnTo>
                <a:lnTo>
                  <a:pt x="12275" y="1494"/>
                </a:lnTo>
                <a:lnTo>
                  <a:pt x="12259" y="1489"/>
                </a:lnTo>
                <a:lnTo>
                  <a:pt x="12244" y="1484"/>
                </a:lnTo>
                <a:lnTo>
                  <a:pt x="12228" y="1480"/>
                </a:lnTo>
                <a:lnTo>
                  <a:pt x="12212" y="1478"/>
                </a:lnTo>
                <a:lnTo>
                  <a:pt x="12196" y="1476"/>
                </a:lnTo>
                <a:lnTo>
                  <a:pt x="12178" y="1474"/>
                </a:lnTo>
                <a:lnTo>
                  <a:pt x="12159" y="1473"/>
                </a:lnTo>
                <a:close/>
                <a:moveTo>
                  <a:pt x="15209" y="1473"/>
                </a:moveTo>
                <a:lnTo>
                  <a:pt x="15191" y="1474"/>
                </a:lnTo>
                <a:lnTo>
                  <a:pt x="15173" y="1474"/>
                </a:lnTo>
                <a:lnTo>
                  <a:pt x="15156" y="1477"/>
                </a:lnTo>
                <a:lnTo>
                  <a:pt x="15139" y="1480"/>
                </a:lnTo>
                <a:lnTo>
                  <a:pt x="15123" y="1483"/>
                </a:lnTo>
                <a:lnTo>
                  <a:pt x="15106" y="1488"/>
                </a:lnTo>
                <a:lnTo>
                  <a:pt x="15090" y="1493"/>
                </a:lnTo>
                <a:lnTo>
                  <a:pt x="15075" y="1500"/>
                </a:lnTo>
                <a:lnTo>
                  <a:pt x="15060" y="1509"/>
                </a:lnTo>
                <a:lnTo>
                  <a:pt x="15045" y="1518"/>
                </a:lnTo>
                <a:lnTo>
                  <a:pt x="15031" y="1529"/>
                </a:lnTo>
                <a:lnTo>
                  <a:pt x="15018" y="1541"/>
                </a:lnTo>
                <a:lnTo>
                  <a:pt x="15005" y="1556"/>
                </a:lnTo>
                <a:lnTo>
                  <a:pt x="14993" y="1571"/>
                </a:lnTo>
                <a:lnTo>
                  <a:pt x="14981" y="1588"/>
                </a:lnTo>
                <a:lnTo>
                  <a:pt x="14970" y="1607"/>
                </a:lnTo>
                <a:lnTo>
                  <a:pt x="14967" y="1607"/>
                </a:lnTo>
                <a:lnTo>
                  <a:pt x="14967" y="1489"/>
                </a:lnTo>
                <a:lnTo>
                  <a:pt x="14755" y="1489"/>
                </a:lnTo>
                <a:lnTo>
                  <a:pt x="14755" y="2264"/>
                </a:lnTo>
                <a:lnTo>
                  <a:pt x="14986" y="2264"/>
                </a:lnTo>
                <a:lnTo>
                  <a:pt x="14986" y="1886"/>
                </a:lnTo>
                <a:lnTo>
                  <a:pt x="14987" y="1857"/>
                </a:lnTo>
                <a:lnTo>
                  <a:pt x="14988" y="1830"/>
                </a:lnTo>
                <a:lnTo>
                  <a:pt x="14991" y="1807"/>
                </a:lnTo>
                <a:lnTo>
                  <a:pt x="14994" y="1787"/>
                </a:lnTo>
                <a:lnTo>
                  <a:pt x="14998" y="1768"/>
                </a:lnTo>
                <a:lnTo>
                  <a:pt x="15003" y="1752"/>
                </a:lnTo>
                <a:lnTo>
                  <a:pt x="15008" y="1739"/>
                </a:lnTo>
                <a:lnTo>
                  <a:pt x="15013" y="1728"/>
                </a:lnTo>
                <a:lnTo>
                  <a:pt x="15023" y="1711"/>
                </a:lnTo>
                <a:lnTo>
                  <a:pt x="15034" y="1697"/>
                </a:lnTo>
                <a:lnTo>
                  <a:pt x="15039" y="1690"/>
                </a:lnTo>
                <a:lnTo>
                  <a:pt x="15045" y="1683"/>
                </a:lnTo>
                <a:lnTo>
                  <a:pt x="15052" y="1678"/>
                </a:lnTo>
                <a:lnTo>
                  <a:pt x="15058" y="1672"/>
                </a:lnTo>
                <a:lnTo>
                  <a:pt x="15066" y="1668"/>
                </a:lnTo>
                <a:lnTo>
                  <a:pt x="15073" y="1663"/>
                </a:lnTo>
                <a:lnTo>
                  <a:pt x="15081" y="1659"/>
                </a:lnTo>
                <a:lnTo>
                  <a:pt x="15090" y="1656"/>
                </a:lnTo>
                <a:lnTo>
                  <a:pt x="15109" y="1650"/>
                </a:lnTo>
                <a:lnTo>
                  <a:pt x="15130" y="1646"/>
                </a:lnTo>
                <a:lnTo>
                  <a:pt x="15142" y="1643"/>
                </a:lnTo>
                <a:lnTo>
                  <a:pt x="15155" y="1643"/>
                </a:lnTo>
                <a:lnTo>
                  <a:pt x="15169" y="1643"/>
                </a:lnTo>
                <a:lnTo>
                  <a:pt x="15183" y="1646"/>
                </a:lnTo>
                <a:lnTo>
                  <a:pt x="15197" y="1648"/>
                </a:lnTo>
                <a:lnTo>
                  <a:pt x="15211" y="1652"/>
                </a:lnTo>
                <a:lnTo>
                  <a:pt x="15224" y="1658"/>
                </a:lnTo>
                <a:lnTo>
                  <a:pt x="15236" y="1664"/>
                </a:lnTo>
                <a:lnTo>
                  <a:pt x="15340" y="1500"/>
                </a:lnTo>
                <a:lnTo>
                  <a:pt x="15324" y="1494"/>
                </a:lnTo>
                <a:lnTo>
                  <a:pt x="15309" y="1489"/>
                </a:lnTo>
                <a:lnTo>
                  <a:pt x="15293" y="1484"/>
                </a:lnTo>
                <a:lnTo>
                  <a:pt x="15278" y="1480"/>
                </a:lnTo>
                <a:lnTo>
                  <a:pt x="15262" y="1478"/>
                </a:lnTo>
                <a:lnTo>
                  <a:pt x="15245" y="1476"/>
                </a:lnTo>
                <a:lnTo>
                  <a:pt x="15228" y="1474"/>
                </a:lnTo>
                <a:lnTo>
                  <a:pt x="15209" y="1473"/>
                </a:lnTo>
                <a:close/>
                <a:moveTo>
                  <a:pt x="10488" y="1578"/>
                </a:moveTo>
                <a:lnTo>
                  <a:pt x="10487" y="1590"/>
                </a:lnTo>
                <a:lnTo>
                  <a:pt x="10486" y="1603"/>
                </a:lnTo>
                <a:lnTo>
                  <a:pt x="10483" y="1618"/>
                </a:lnTo>
                <a:lnTo>
                  <a:pt x="10480" y="1631"/>
                </a:lnTo>
                <a:lnTo>
                  <a:pt x="10475" y="1644"/>
                </a:lnTo>
                <a:lnTo>
                  <a:pt x="10469" y="1659"/>
                </a:lnTo>
                <a:lnTo>
                  <a:pt x="10461" y="1672"/>
                </a:lnTo>
                <a:lnTo>
                  <a:pt x="10452" y="1684"/>
                </a:lnTo>
                <a:lnTo>
                  <a:pt x="10440" y="1697"/>
                </a:lnTo>
                <a:lnTo>
                  <a:pt x="10427" y="1707"/>
                </a:lnTo>
                <a:lnTo>
                  <a:pt x="10419" y="1712"/>
                </a:lnTo>
                <a:lnTo>
                  <a:pt x="10411" y="1717"/>
                </a:lnTo>
                <a:lnTo>
                  <a:pt x="10403" y="1721"/>
                </a:lnTo>
                <a:lnTo>
                  <a:pt x="10394" y="1726"/>
                </a:lnTo>
                <a:lnTo>
                  <a:pt x="10384" y="1729"/>
                </a:lnTo>
                <a:lnTo>
                  <a:pt x="10373" y="1732"/>
                </a:lnTo>
                <a:lnTo>
                  <a:pt x="10362" y="1734"/>
                </a:lnTo>
                <a:lnTo>
                  <a:pt x="10351" y="1737"/>
                </a:lnTo>
                <a:lnTo>
                  <a:pt x="10338" y="1739"/>
                </a:lnTo>
                <a:lnTo>
                  <a:pt x="10326" y="1740"/>
                </a:lnTo>
                <a:lnTo>
                  <a:pt x="10312" y="1741"/>
                </a:lnTo>
                <a:lnTo>
                  <a:pt x="10297" y="1741"/>
                </a:lnTo>
                <a:lnTo>
                  <a:pt x="10108" y="1741"/>
                </a:lnTo>
                <a:lnTo>
                  <a:pt x="10108" y="1430"/>
                </a:lnTo>
                <a:lnTo>
                  <a:pt x="10297" y="1430"/>
                </a:lnTo>
                <a:lnTo>
                  <a:pt x="10326" y="1431"/>
                </a:lnTo>
                <a:lnTo>
                  <a:pt x="10351" y="1433"/>
                </a:lnTo>
                <a:lnTo>
                  <a:pt x="10373" y="1438"/>
                </a:lnTo>
                <a:lnTo>
                  <a:pt x="10394" y="1444"/>
                </a:lnTo>
                <a:lnTo>
                  <a:pt x="10411" y="1451"/>
                </a:lnTo>
                <a:lnTo>
                  <a:pt x="10427" y="1460"/>
                </a:lnTo>
                <a:lnTo>
                  <a:pt x="10440" y="1469"/>
                </a:lnTo>
                <a:lnTo>
                  <a:pt x="10452" y="1480"/>
                </a:lnTo>
                <a:lnTo>
                  <a:pt x="10461" y="1491"/>
                </a:lnTo>
                <a:lnTo>
                  <a:pt x="10469" y="1502"/>
                </a:lnTo>
                <a:lnTo>
                  <a:pt x="10475" y="1514"/>
                </a:lnTo>
                <a:lnTo>
                  <a:pt x="10480" y="1527"/>
                </a:lnTo>
                <a:lnTo>
                  <a:pt x="10483" y="1540"/>
                </a:lnTo>
                <a:lnTo>
                  <a:pt x="10486" y="1552"/>
                </a:lnTo>
                <a:lnTo>
                  <a:pt x="10487" y="1566"/>
                </a:lnTo>
                <a:lnTo>
                  <a:pt x="10488" y="1578"/>
                </a:lnTo>
                <a:close/>
                <a:moveTo>
                  <a:pt x="10279" y="1263"/>
                </a:moveTo>
                <a:lnTo>
                  <a:pt x="9841" y="1263"/>
                </a:lnTo>
                <a:lnTo>
                  <a:pt x="9841" y="2264"/>
                </a:lnTo>
                <a:lnTo>
                  <a:pt x="10108" y="2264"/>
                </a:lnTo>
                <a:lnTo>
                  <a:pt x="10108" y="1909"/>
                </a:lnTo>
                <a:lnTo>
                  <a:pt x="10335" y="1909"/>
                </a:lnTo>
                <a:lnTo>
                  <a:pt x="10359" y="1909"/>
                </a:lnTo>
                <a:lnTo>
                  <a:pt x="10383" y="1908"/>
                </a:lnTo>
                <a:lnTo>
                  <a:pt x="10406" y="1906"/>
                </a:lnTo>
                <a:lnTo>
                  <a:pt x="10428" y="1903"/>
                </a:lnTo>
                <a:lnTo>
                  <a:pt x="10450" y="1899"/>
                </a:lnTo>
                <a:lnTo>
                  <a:pt x="10471" y="1896"/>
                </a:lnTo>
                <a:lnTo>
                  <a:pt x="10491" y="1890"/>
                </a:lnTo>
                <a:lnTo>
                  <a:pt x="10511" y="1884"/>
                </a:lnTo>
                <a:lnTo>
                  <a:pt x="10529" y="1878"/>
                </a:lnTo>
                <a:lnTo>
                  <a:pt x="10548" y="1871"/>
                </a:lnTo>
                <a:lnTo>
                  <a:pt x="10565" y="1863"/>
                </a:lnTo>
                <a:lnTo>
                  <a:pt x="10582" y="1854"/>
                </a:lnTo>
                <a:lnTo>
                  <a:pt x="10598" y="1846"/>
                </a:lnTo>
                <a:lnTo>
                  <a:pt x="10614" y="1837"/>
                </a:lnTo>
                <a:lnTo>
                  <a:pt x="10628" y="1826"/>
                </a:lnTo>
                <a:lnTo>
                  <a:pt x="10642" y="1816"/>
                </a:lnTo>
                <a:lnTo>
                  <a:pt x="10655" y="1804"/>
                </a:lnTo>
                <a:lnTo>
                  <a:pt x="10667" y="1792"/>
                </a:lnTo>
                <a:lnTo>
                  <a:pt x="10679" y="1780"/>
                </a:lnTo>
                <a:lnTo>
                  <a:pt x="10690" y="1768"/>
                </a:lnTo>
                <a:lnTo>
                  <a:pt x="10700" y="1754"/>
                </a:lnTo>
                <a:lnTo>
                  <a:pt x="10709" y="1740"/>
                </a:lnTo>
                <a:lnTo>
                  <a:pt x="10717" y="1726"/>
                </a:lnTo>
                <a:lnTo>
                  <a:pt x="10724" y="1711"/>
                </a:lnTo>
                <a:lnTo>
                  <a:pt x="10731" y="1697"/>
                </a:lnTo>
                <a:lnTo>
                  <a:pt x="10737" y="1681"/>
                </a:lnTo>
                <a:lnTo>
                  <a:pt x="10742" y="1666"/>
                </a:lnTo>
                <a:lnTo>
                  <a:pt x="10746" y="1649"/>
                </a:lnTo>
                <a:lnTo>
                  <a:pt x="10749" y="1633"/>
                </a:lnTo>
                <a:lnTo>
                  <a:pt x="10751" y="1617"/>
                </a:lnTo>
                <a:lnTo>
                  <a:pt x="10753" y="1599"/>
                </a:lnTo>
                <a:lnTo>
                  <a:pt x="10753" y="1582"/>
                </a:lnTo>
                <a:lnTo>
                  <a:pt x="10753" y="1562"/>
                </a:lnTo>
                <a:lnTo>
                  <a:pt x="10751" y="1544"/>
                </a:lnTo>
                <a:lnTo>
                  <a:pt x="10749" y="1527"/>
                </a:lnTo>
                <a:lnTo>
                  <a:pt x="10746" y="1509"/>
                </a:lnTo>
                <a:lnTo>
                  <a:pt x="10743" y="1492"/>
                </a:lnTo>
                <a:lnTo>
                  <a:pt x="10738" y="1476"/>
                </a:lnTo>
                <a:lnTo>
                  <a:pt x="10732" y="1460"/>
                </a:lnTo>
                <a:lnTo>
                  <a:pt x="10726" y="1444"/>
                </a:lnTo>
                <a:lnTo>
                  <a:pt x="10719" y="1430"/>
                </a:lnTo>
                <a:lnTo>
                  <a:pt x="10711" y="1417"/>
                </a:lnTo>
                <a:lnTo>
                  <a:pt x="10702" y="1403"/>
                </a:lnTo>
                <a:lnTo>
                  <a:pt x="10692" y="1390"/>
                </a:lnTo>
                <a:lnTo>
                  <a:pt x="10681" y="1378"/>
                </a:lnTo>
                <a:lnTo>
                  <a:pt x="10669" y="1367"/>
                </a:lnTo>
                <a:lnTo>
                  <a:pt x="10656" y="1356"/>
                </a:lnTo>
                <a:lnTo>
                  <a:pt x="10642" y="1346"/>
                </a:lnTo>
                <a:lnTo>
                  <a:pt x="10627" y="1336"/>
                </a:lnTo>
                <a:lnTo>
                  <a:pt x="10611" y="1326"/>
                </a:lnTo>
                <a:lnTo>
                  <a:pt x="10594" y="1318"/>
                </a:lnTo>
                <a:lnTo>
                  <a:pt x="10576" y="1310"/>
                </a:lnTo>
                <a:lnTo>
                  <a:pt x="10558" y="1302"/>
                </a:lnTo>
                <a:lnTo>
                  <a:pt x="10538" y="1296"/>
                </a:lnTo>
                <a:lnTo>
                  <a:pt x="10517" y="1290"/>
                </a:lnTo>
                <a:lnTo>
                  <a:pt x="10495" y="1284"/>
                </a:lnTo>
                <a:lnTo>
                  <a:pt x="10471" y="1279"/>
                </a:lnTo>
                <a:lnTo>
                  <a:pt x="10447" y="1274"/>
                </a:lnTo>
                <a:lnTo>
                  <a:pt x="10422" y="1271"/>
                </a:lnTo>
                <a:lnTo>
                  <a:pt x="10396" y="1269"/>
                </a:lnTo>
                <a:lnTo>
                  <a:pt x="10368" y="1267"/>
                </a:lnTo>
                <a:lnTo>
                  <a:pt x="10339" y="1264"/>
                </a:lnTo>
                <a:lnTo>
                  <a:pt x="10310" y="1263"/>
                </a:lnTo>
                <a:lnTo>
                  <a:pt x="10279" y="1263"/>
                </a:lnTo>
                <a:close/>
                <a:moveTo>
                  <a:pt x="14262" y="1620"/>
                </a:moveTo>
                <a:lnTo>
                  <a:pt x="14282" y="1621"/>
                </a:lnTo>
                <a:lnTo>
                  <a:pt x="14300" y="1623"/>
                </a:lnTo>
                <a:lnTo>
                  <a:pt x="14316" y="1627"/>
                </a:lnTo>
                <a:lnTo>
                  <a:pt x="14332" y="1631"/>
                </a:lnTo>
                <a:lnTo>
                  <a:pt x="14346" y="1638"/>
                </a:lnTo>
                <a:lnTo>
                  <a:pt x="14359" y="1646"/>
                </a:lnTo>
                <a:lnTo>
                  <a:pt x="14372" y="1653"/>
                </a:lnTo>
                <a:lnTo>
                  <a:pt x="14383" y="1663"/>
                </a:lnTo>
                <a:lnTo>
                  <a:pt x="14392" y="1673"/>
                </a:lnTo>
                <a:lnTo>
                  <a:pt x="14401" y="1686"/>
                </a:lnTo>
                <a:lnTo>
                  <a:pt x="14409" y="1698"/>
                </a:lnTo>
                <a:lnTo>
                  <a:pt x="14416" y="1710"/>
                </a:lnTo>
                <a:lnTo>
                  <a:pt x="14422" y="1723"/>
                </a:lnTo>
                <a:lnTo>
                  <a:pt x="14427" y="1738"/>
                </a:lnTo>
                <a:lnTo>
                  <a:pt x="14432" y="1752"/>
                </a:lnTo>
                <a:lnTo>
                  <a:pt x="14435" y="1767"/>
                </a:lnTo>
                <a:lnTo>
                  <a:pt x="14436" y="1771"/>
                </a:lnTo>
                <a:lnTo>
                  <a:pt x="14437" y="1777"/>
                </a:lnTo>
                <a:lnTo>
                  <a:pt x="14437" y="1781"/>
                </a:lnTo>
                <a:lnTo>
                  <a:pt x="14438" y="1787"/>
                </a:lnTo>
                <a:lnTo>
                  <a:pt x="14438" y="1791"/>
                </a:lnTo>
                <a:lnTo>
                  <a:pt x="14438" y="1796"/>
                </a:lnTo>
                <a:lnTo>
                  <a:pt x="14438" y="1800"/>
                </a:lnTo>
                <a:lnTo>
                  <a:pt x="14438" y="1804"/>
                </a:lnTo>
                <a:lnTo>
                  <a:pt x="14069" y="1804"/>
                </a:lnTo>
                <a:lnTo>
                  <a:pt x="14071" y="1787"/>
                </a:lnTo>
                <a:lnTo>
                  <a:pt x="14075" y="1769"/>
                </a:lnTo>
                <a:lnTo>
                  <a:pt x="14080" y="1751"/>
                </a:lnTo>
                <a:lnTo>
                  <a:pt x="14086" y="1734"/>
                </a:lnTo>
                <a:lnTo>
                  <a:pt x="14093" y="1719"/>
                </a:lnTo>
                <a:lnTo>
                  <a:pt x="14102" y="1703"/>
                </a:lnTo>
                <a:lnTo>
                  <a:pt x="14112" y="1689"/>
                </a:lnTo>
                <a:lnTo>
                  <a:pt x="14123" y="1676"/>
                </a:lnTo>
                <a:lnTo>
                  <a:pt x="14136" y="1663"/>
                </a:lnTo>
                <a:lnTo>
                  <a:pt x="14150" y="1652"/>
                </a:lnTo>
                <a:lnTo>
                  <a:pt x="14165" y="1643"/>
                </a:lnTo>
                <a:lnTo>
                  <a:pt x="14182" y="1634"/>
                </a:lnTo>
                <a:lnTo>
                  <a:pt x="14200" y="1629"/>
                </a:lnTo>
                <a:lnTo>
                  <a:pt x="14219" y="1623"/>
                </a:lnTo>
                <a:lnTo>
                  <a:pt x="14240" y="1621"/>
                </a:lnTo>
                <a:lnTo>
                  <a:pt x="14262" y="1620"/>
                </a:lnTo>
                <a:close/>
                <a:moveTo>
                  <a:pt x="14555" y="2088"/>
                </a:moveTo>
                <a:lnTo>
                  <a:pt x="14525" y="2098"/>
                </a:lnTo>
                <a:lnTo>
                  <a:pt x="14496" y="2104"/>
                </a:lnTo>
                <a:lnTo>
                  <a:pt x="14468" y="2111"/>
                </a:lnTo>
                <a:lnTo>
                  <a:pt x="14441" y="2117"/>
                </a:lnTo>
                <a:lnTo>
                  <a:pt x="14413" y="2121"/>
                </a:lnTo>
                <a:lnTo>
                  <a:pt x="14385" y="2124"/>
                </a:lnTo>
                <a:lnTo>
                  <a:pt x="14355" y="2127"/>
                </a:lnTo>
                <a:lnTo>
                  <a:pt x="14323" y="2127"/>
                </a:lnTo>
                <a:lnTo>
                  <a:pt x="14296" y="2126"/>
                </a:lnTo>
                <a:lnTo>
                  <a:pt x="14271" y="2124"/>
                </a:lnTo>
                <a:lnTo>
                  <a:pt x="14247" y="2120"/>
                </a:lnTo>
                <a:lnTo>
                  <a:pt x="14224" y="2116"/>
                </a:lnTo>
                <a:lnTo>
                  <a:pt x="14202" y="2109"/>
                </a:lnTo>
                <a:lnTo>
                  <a:pt x="14182" y="2101"/>
                </a:lnTo>
                <a:lnTo>
                  <a:pt x="14163" y="2092"/>
                </a:lnTo>
                <a:lnTo>
                  <a:pt x="14146" y="2081"/>
                </a:lnTo>
                <a:lnTo>
                  <a:pt x="14138" y="2076"/>
                </a:lnTo>
                <a:lnTo>
                  <a:pt x="14130" y="2069"/>
                </a:lnTo>
                <a:lnTo>
                  <a:pt x="14123" y="2062"/>
                </a:lnTo>
                <a:lnTo>
                  <a:pt x="14116" y="2056"/>
                </a:lnTo>
                <a:lnTo>
                  <a:pt x="14110" y="2048"/>
                </a:lnTo>
                <a:lnTo>
                  <a:pt x="14104" y="2040"/>
                </a:lnTo>
                <a:lnTo>
                  <a:pt x="14098" y="2032"/>
                </a:lnTo>
                <a:lnTo>
                  <a:pt x="14093" y="2023"/>
                </a:lnTo>
                <a:lnTo>
                  <a:pt x="14088" y="2014"/>
                </a:lnTo>
                <a:lnTo>
                  <a:pt x="14084" y="2006"/>
                </a:lnTo>
                <a:lnTo>
                  <a:pt x="14080" y="1996"/>
                </a:lnTo>
                <a:lnTo>
                  <a:pt x="14077" y="1986"/>
                </a:lnTo>
                <a:lnTo>
                  <a:pt x="14074" y="1976"/>
                </a:lnTo>
                <a:lnTo>
                  <a:pt x="14072" y="1964"/>
                </a:lnTo>
                <a:lnTo>
                  <a:pt x="14070" y="1953"/>
                </a:lnTo>
                <a:lnTo>
                  <a:pt x="14069" y="1942"/>
                </a:lnTo>
                <a:lnTo>
                  <a:pt x="14637" y="1942"/>
                </a:lnTo>
                <a:lnTo>
                  <a:pt x="14638" y="1929"/>
                </a:lnTo>
                <a:lnTo>
                  <a:pt x="14639" y="1914"/>
                </a:lnTo>
                <a:lnTo>
                  <a:pt x="14639" y="1900"/>
                </a:lnTo>
                <a:lnTo>
                  <a:pt x="14640" y="1884"/>
                </a:lnTo>
                <a:lnTo>
                  <a:pt x="14639" y="1868"/>
                </a:lnTo>
                <a:lnTo>
                  <a:pt x="14639" y="1852"/>
                </a:lnTo>
                <a:lnTo>
                  <a:pt x="14638" y="1837"/>
                </a:lnTo>
                <a:lnTo>
                  <a:pt x="14637" y="1822"/>
                </a:lnTo>
                <a:lnTo>
                  <a:pt x="14635" y="1804"/>
                </a:lnTo>
                <a:lnTo>
                  <a:pt x="14633" y="1787"/>
                </a:lnTo>
                <a:lnTo>
                  <a:pt x="14630" y="1769"/>
                </a:lnTo>
                <a:lnTo>
                  <a:pt x="14626" y="1751"/>
                </a:lnTo>
                <a:lnTo>
                  <a:pt x="14622" y="1734"/>
                </a:lnTo>
                <a:lnTo>
                  <a:pt x="14618" y="1718"/>
                </a:lnTo>
                <a:lnTo>
                  <a:pt x="14612" y="1701"/>
                </a:lnTo>
                <a:lnTo>
                  <a:pt x="14606" y="1686"/>
                </a:lnTo>
                <a:lnTo>
                  <a:pt x="14600" y="1670"/>
                </a:lnTo>
                <a:lnTo>
                  <a:pt x="14593" y="1654"/>
                </a:lnTo>
                <a:lnTo>
                  <a:pt x="14585" y="1640"/>
                </a:lnTo>
                <a:lnTo>
                  <a:pt x="14576" y="1626"/>
                </a:lnTo>
                <a:lnTo>
                  <a:pt x="14567" y="1612"/>
                </a:lnTo>
                <a:lnTo>
                  <a:pt x="14557" y="1599"/>
                </a:lnTo>
                <a:lnTo>
                  <a:pt x="14547" y="1587"/>
                </a:lnTo>
                <a:lnTo>
                  <a:pt x="14536" y="1574"/>
                </a:lnTo>
                <a:lnTo>
                  <a:pt x="14524" y="1563"/>
                </a:lnTo>
                <a:lnTo>
                  <a:pt x="14511" y="1552"/>
                </a:lnTo>
                <a:lnTo>
                  <a:pt x="14497" y="1542"/>
                </a:lnTo>
                <a:lnTo>
                  <a:pt x="14483" y="1532"/>
                </a:lnTo>
                <a:lnTo>
                  <a:pt x="14468" y="1523"/>
                </a:lnTo>
                <a:lnTo>
                  <a:pt x="14452" y="1514"/>
                </a:lnTo>
                <a:lnTo>
                  <a:pt x="14436" y="1508"/>
                </a:lnTo>
                <a:lnTo>
                  <a:pt x="14419" y="1500"/>
                </a:lnTo>
                <a:lnTo>
                  <a:pt x="14400" y="1494"/>
                </a:lnTo>
                <a:lnTo>
                  <a:pt x="14381" y="1489"/>
                </a:lnTo>
                <a:lnTo>
                  <a:pt x="14362" y="1484"/>
                </a:lnTo>
                <a:lnTo>
                  <a:pt x="14341" y="1480"/>
                </a:lnTo>
                <a:lnTo>
                  <a:pt x="14319" y="1478"/>
                </a:lnTo>
                <a:lnTo>
                  <a:pt x="14297" y="1476"/>
                </a:lnTo>
                <a:lnTo>
                  <a:pt x="14274" y="1474"/>
                </a:lnTo>
                <a:lnTo>
                  <a:pt x="14250" y="1473"/>
                </a:lnTo>
                <a:lnTo>
                  <a:pt x="14225" y="1474"/>
                </a:lnTo>
                <a:lnTo>
                  <a:pt x="14201" y="1476"/>
                </a:lnTo>
                <a:lnTo>
                  <a:pt x="14178" y="1479"/>
                </a:lnTo>
                <a:lnTo>
                  <a:pt x="14156" y="1482"/>
                </a:lnTo>
                <a:lnTo>
                  <a:pt x="14134" y="1488"/>
                </a:lnTo>
                <a:lnTo>
                  <a:pt x="14114" y="1493"/>
                </a:lnTo>
                <a:lnTo>
                  <a:pt x="14094" y="1500"/>
                </a:lnTo>
                <a:lnTo>
                  <a:pt x="14075" y="1508"/>
                </a:lnTo>
                <a:lnTo>
                  <a:pt x="14057" y="1517"/>
                </a:lnTo>
                <a:lnTo>
                  <a:pt x="14040" y="1527"/>
                </a:lnTo>
                <a:lnTo>
                  <a:pt x="14024" y="1537"/>
                </a:lnTo>
                <a:lnTo>
                  <a:pt x="14007" y="1548"/>
                </a:lnTo>
                <a:lnTo>
                  <a:pt x="13992" y="1560"/>
                </a:lnTo>
                <a:lnTo>
                  <a:pt x="13978" y="1572"/>
                </a:lnTo>
                <a:lnTo>
                  <a:pt x="13965" y="1586"/>
                </a:lnTo>
                <a:lnTo>
                  <a:pt x="13953" y="1599"/>
                </a:lnTo>
                <a:lnTo>
                  <a:pt x="13941" y="1614"/>
                </a:lnTo>
                <a:lnTo>
                  <a:pt x="13931" y="1629"/>
                </a:lnTo>
                <a:lnTo>
                  <a:pt x="13921" y="1644"/>
                </a:lnTo>
                <a:lnTo>
                  <a:pt x="13911" y="1661"/>
                </a:lnTo>
                <a:lnTo>
                  <a:pt x="13903" y="1678"/>
                </a:lnTo>
                <a:lnTo>
                  <a:pt x="13895" y="1694"/>
                </a:lnTo>
                <a:lnTo>
                  <a:pt x="13888" y="1712"/>
                </a:lnTo>
                <a:lnTo>
                  <a:pt x="13882" y="1730"/>
                </a:lnTo>
                <a:lnTo>
                  <a:pt x="13877" y="1749"/>
                </a:lnTo>
                <a:lnTo>
                  <a:pt x="13872" y="1768"/>
                </a:lnTo>
                <a:lnTo>
                  <a:pt x="13868" y="1787"/>
                </a:lnTo>
                <a:lnTo>
                  <a:pt x="13865" y="1806"/>
                </a:lnTo>
                <a:lnTo>
                  <a:pt x="13862" y="1824"/>
                </a:lnTo>
                <a:lnTo>
                  <a:pt x="13861" y="1844"/>
                </a:lnTo>
                <a:lnTo>
                  <a:pt x="13859" y="1864"/>
                </a:lnTo>
                <a:lnTo>
                  <a:pt x="13859" y="1883"/>
                </a:lnTo>
                <a:lnTo>
                  <a:pt x="13860" y="1910"/>
                </a:lnTo>
                <a:lnTo>
                  <a:pt x="13861" y="1936"/>
                </a:lnTo>
                <a:lnTo>
                  <a:pt x="13864" y="1960"/>
                </a:lnTo>
                <a:lnTo>
                  <a:pt x="13868" y="1983"/>
                </a:lnTo>
                <a:lnTo>
                  <a:pt x="13873" y="2006"/>
                </a:lnTo>
                <a:lnTo>
                  <a:pt x="13878" y="2027"/>
                </a:lnTo>
                <a:lnTo>
                  <a:pt x="13885" y="2047"/>
                </a:lnTo>
                <a:lnTo>
                  <a:pt x="13893" y="2067"/>
                </a:lnTo>
                <a:lnTo>
                  <a:pt x="13901" y="2086"/>
                </a:lnTo>
                <a:lnTo>
                  <a:pt x="13911" y="2102"/>
                </a:lnTo>
                <a:lnTo>
                  <a:pt x="13921" y="2120"/>
                </a:lnTo>
                <a:lnTo>
                  <a:pt x="13933" y="2136"/>
                </a:lnTo>
                <a:lnTo>
                  <a:pt x="13945" y="2150"/>
                </a:lnTo>
                <a:lnTo>
                  <a:pt x="13958" y="2164"/>
                </a:lnTo>
                <a:lnTo>
                  <a:pt x="13971" y="2178"/>
                </a:lnTo>
                <a:lnTo>
                  <a:pt x="13986" y="2190"/>
                </a:lnTo>
                <a:lnTo>
                  <a:pt x="14001" y="2201"/>
                </a:lnTo>
                <a:lnTo>
                  <a:pt x="14018" y="2212"/>
                </a:lnTo>
                <a:lnTo>
                  <a:pt x="14035" y="2222"/>
                </a:lnTo>
                <a:lnTo>
                  <a:pt x="14052" y="2231"/>
                </a:lnTo>
                <a:lnTo>
                  <a:pt x="14070" y="2240"/>
                </a:lnTo>
                <a:lnTo>
                  <a:pt x="14089" y="2247"/>
                </a:lnTo>
                <a:lnTo>
                  <a:pt x="14108" y="2253"/>
                </a:lnTo>
                <a:lnTo>
                  <a:pt x="14128" y="2260"/>
                </a:lnTo>
                <a:lnTo>
                  <a:pt x="14148" y="2264"/>
                </a:lnTo>
                <a:lnTo>
                  <a:pt x="14169" y="2270"/>
                </a:lnTo>
                <a:lnTo>
                  <a:pt x="14190" y="2273"/>
                </a:lnTo>
                <a:lnTo>
                  <a:pt x="14212" y="2277"/>
                </a:lnTo>
                <a:lnTo>
                  <a:pt x="14235" y="2279"/>
                </a:lnTo>
                <a:lnTo>
                  <a:pt x="14257" y="2280"/>
                </a:lnTo>
                <a:lnTo>
                  <a:pt x="14281" y="2281"/>
                </a:lnTo>
                <a:lnTo>
                  <a:pt x="14304" y="2281"/>
                </a:lnTo>
                <a:lnTo>
                  <a:pt x="14342" y="2281"/>
                </a:lnTo>
                <a:lnTo>
                  <a:pt x="14378" y="2279"/>
                </a:lnTo>
                <a:lnTo>
                  <a:pt x="14411" y="2276"/>
                </a:lnTo>
                <a:lnTo>
                  <a:pt x="14442" y="2271"/>
                </a:lnTo>
                <a:lnTo>
                  <a:pt x="14472" y="2266"/>
                </a:lnTo>
                <a:lnTo>
                  <a:pt x="14500" y="2260"/>
                </a:lnTo>
                <a:lnTo>
                  <a:pt x="14528" y="2253"/>
                </a:lnTo>
                <a:lnTo>
                  <a:pt x="14555" y="2246"/>
                </a:lnTo>
                <a:lnTo>
                  <a:pt x="14555" y="2088"/>
                </a:lnTo>
                <a:close/>
                <a:moveTo>
                  <a:pt x="12812" y="1642"/>
                </a:moveTo>
                <a:lnTo>
                  <a:pt x="12812" y="1489"/>
                </a:lnTo>
                <a:lnTo>
                  <a:pt x="12573" y="1489"/>
                </a:lnTo>
                <a:lnTo>
                  <a:pt x="12573" y="1326"/>
                </a:lnTo>
                <a:lnTo>
                  <a:pt x="12350" y="1326"/>
                </a:lnTo>
                <a:lnTo>
                  <a:pt x="12350" y="1992"/>
                </a:lnTo>
                <a:lnTo>
                  <a:pt x="12351" y="2029"/>
                </a:lnTo>
                <a:lnTo>
                  <a:pt x="12353" y="2063"/>
                </a:lnTo>
                <a:lnTo>
                  <a:pt x="12355" y="2079"/>
                </a:lnTo>
                <a:lnTo>
                  <a:pt x="12357" y="2094"/>
                </a:lnTo>
                <a:lnTo>
                  <a:pt x="12360" y="2109"/>
                </a:lnTo>
                <a:lnTo>
                  <a:pt x="12363" y="2123"/>
                </a:lnTo>
                <a:lnTo>
                  <a:pt x="12367" y="2137"/>
                </a:lnTo>
                <a:lnTo>
                  <a:pt x="12371" y="2150"/>
                </a:lnTo>
                <a:lnTo>
                  <a:pt x="12376" y="2162"/>
                </a:lnTo>
                <a:lnTo>
                  <a:pt x="12381" y="2173"/>
                </a:lnTo>
                <a:lnTo>
                  <a:pt x="12387" y="2184"/>
                </a:lnTo>
                <a:lnTo>
                  <a:pt x="12393" y="2194"/>
                </a:lnTo>
                <a:lnTo>
                  <a:pt x="12400" y="2204"/>
                </a:lnTo>
                <a:lnTo>
                  <a:pt x="12408" y="2213"/>
                </a:lnTo>
                <a:lnTo>
                  <a:pt x="12417" y="2222"/>
                </a:lnTo>
                <a:lnTo>
                  <a:pt x="12426" y="2230"/>
                </a:lnTo>
                <a:lnTo>
                  <a:pt x="12435" y="2237"/>
                </a:lnTo>
                <a:lnTo>
                  <a:pt x="12446" y="2243"/>
                </a:lnTo>
                <a:lnTo>
                  <a:pt x="12456" y="2250"/>
                </a:lnTo>
                <a:lnTo>
                  <a:pt x="12468" y="2256"/>
                </a:lnTo>
                <a:lnTo>
                  <a:pt x="12480" y="2260"/>
                </a:lnTo>
                <a:lnTo>
                  <a:pt x="12493" y="2264"/>
                </a:lnTo>
                <a:lnTo>
                  <a:pt x="12507" y="2269"/>
                </a:lnTo>
                <a:lnTo>
                  <a:pt x="12521" y="2272"/>
                </a:lnTo>
                <a:lnTo>
                  <a:pt x="12536" y="2276"/>
                </a:lnTo>
                <a:lnTo>
                  <a:pt x="12552" y="2278"/>
                </a:lnTo>
                <a:lnTo>
                  <a:pt x="12569" y="2279"/>
                </a:lnTo>
                <a:lnTo>
                  <a:pt x="12587" y="2280"/>
                </a:lnTo>
                <a:lnTo>
                  <a:pt x="12605" y="2281"/>
                </a:lnTo>
                <a:lnTo>
                  <a:pt x="12624" y="2281"/>
                </a:lnTo>
                <a:lnTo>
                  <a:pt x="12644" y="2281"/>
                </a:lnTo>
                <a:lnTo>
                  <a:pt x="12667" y="2281"/>
                </a:lnTo>
                <a:lnTo>
                  <a:pt x="12691" y="2280"/>
                </a:lnTo>
                <a:lnTo>
                  <a:pt x="12716" y="2278"/>
                </a:lnTo>
                <a:lnTo>
                  <a:pt x="12741" y="2277"/>
                </a:lnTo>
                <a:lnTo>
                  <a:pt x="12766" y="2273"/>
                </a:lnTo>
                <a:lnTo>
                  <a:pt x="12790" y="2271"/>
                </a:lnTo>
                <a:lnTo>
                  <a:pt x="12812" y="2267"/>
                </a:lnTo>
                <a:lnTo>
                  <a:pt x="12812" y="2109"/>
                </a:lnTo>
                <a:lnTo>
                  <a:pt x="12793" y="2113"/>
                </a:lnTo>
                <a:lnTo>
                  <a:pt x="12774" y="2118"/>
                </a:lnTo>
                <a:lnTo>
                  <a:pt x="12755" y="2121"/>
                </a:lnTo>
                <a:lnTo>
                  <a:pt x="12737" y="2123"/>
                </a:lnTo>
                <a:lnTo>
                  <a:pt x="12720" y="2124"/>
                </a:lnTo>
                <a:lnTo>
                  <a:pt x="12705" y="2126"/>
                </a:lnTo>
                <a:lnTo>
                  <a:pt x="12691" y="2126"/>
                </a:lnTo>
                <a:lnTo>
                  <a:pt x="12680" y="2126"/>
                </a:lnTo>
                <a:lnTo>
                  <a:pt x="12666" y="2124"/>
                </a:lnTo>
                <a:lnTo>
                  <a:pt x="12653" y="2122"/>
                </a:lnTo>
                <a:lnTo>
                  <a:pt x="12641" y="2120"/>
                </a:lnTo>
                <a:lnTo>
                  <a:pt x="12631" y="2116"/>
                </a:lnTo>
                <a:lnTo>
                  <a:pt x="12621" y="2110"/>
                </a:lnTo>
                <a:lnTo>
                  <a:pt x="12612" y="2104"/>
                </a:lnTo>
                <a:lnTo>
                  <a:pt x="12605" y="2097"/>
                </a:lnTo>
                <a:lnTo>
                  <a:pt x="12598" y="2087"/>
                </a:lnTo>
                <a:lnTo>
                  <a:pt x="12592" y="2076"/>
                </a:lnTo>
                <a:lnTo>
                  <a:pt x="12587" y="2062"/>
                </a:lnTo>
                <a:lnTo>
                  <a:pt x="12583" y="2048"/>
                </a:lnTo>
                <a:lnTo>
                  <a:pt x="12579" y="2030"/>
                </a:lnTo>
                <a:lnTo>
                  <a:pt x="12577" y="2011"/>
                </a:lnTo>
                <a:lnTo>
                  <a:pt x="12575" y="1989"/>
                </a:lnTo>
                <a:lnTo>
                  <a:pt x="12574" y="1964"/>
                </a:lnTo>
                <a:lnTo>
                  <a:pt x="12573" y="1938"/>
                </a:lnTo>
                <a:lnTo>
                  <a:pt x="12573" y="1642"/>
                </a:lnTo>
                <a:lnTo>
                  <a:pt x="12812" y="1642"/>
                </a:lnTo>
                <a:close/>
                <a:moveTo>
                  <a:pt x="15705" y="1473"/>
                </a:moveTo>
                <a:lnTo>
                  <a:pt x="15673" y="1474"/>
                </a:lnTo>
                <a:lnTo>
                  <a:pt x="15641" y="1477"/>
                </a:lnTo>
                <a:lnTo>
                  <a:pt x="15609" y="1481"/>
                </a:lnTo>
                <a:lnTo>
                  <a:pt x="15579" y="1486"/>
                </a:lnTo>
                <a:lnTo>
                  <a:pt x="15549" y="1493"/>
                </a:lnTo>
                <a:lnTo>
                  <a:pt x="15521" y="1502"/>
                </a:lnTo>
                <a:lnTo>
                  <a:pt x="15508" y="1508"/>
                </a:lnTo>
                <a:lnTo>
                  <a:pt x="15494" y="1513"/>
                </a:lnTo>
                <a:lnTo>
                  <a:pt x="15482" y="1520"/>
                </a:lnTo>
                <a:lnTo>
                  <a:pt x="15470" y="1527"/>
                </a:lnTo>
                <a:lnTo>
                  <a:pt x="15458" y="1533"/>
                </a:lnTo>
                <a:lnTo>
                  <a:pt x="15447" y="1541"/>
                </a:lnTo>
                <a:lnTo>
                  <a:pt x="15436" y="1550"/>
                </a:lnTo>
                <a:lnTo>
                  <a:pt x="15426" y="1559"/>
                </a:lnTo>
                <a:lnTo>
                  <a:pt x="15416" y="1568"/>
                </a:lnTo>
                <a:lnTo>
                  <a:pt x="15408" y="1578"/>
                </a:lnTo>
                <a:lnTo>
                  <a:pt x="15400" y="1589"/>
                </a:lnTo>
                <a:lnTo>
                  <a:pt x="15392" y="1600"/>
                </a:lnTo>
                <a:lnTo>
                  <a:pt x="15386" y="1611"/>
                </a:lnTo>
                <a:lnTo>
                  <a:pt x="15380" y="1624"/>
                </a:lnTo>
                <a:lnTo>
                  <a:pt x="15375" y="1637"/>
                </a:lnTo>
                <a:lnTo>
                  <a:pt x="15371" y="1651"/>
                </a:lnTo>
                <a:lnTo>
                  <a:pt x="15367" y="1666"/>
                </a:lnTo>
                <a:lnTo>
                  <a:pt x="15365" y="1680"/>
                </a:lnTo>
                <a:lnTo>
                  <a:pt x="15363" y="1696"/>
                </a:lnTo>
                <a:lnTo>
                  <a:pt x="15363" y="1712"/>
                </a:lnTo>
                <a:lnTo>
                  <a:pt x="15363" y="1726"/>
                </a:lnTo>
                <a:lnTo>
                  <a:pt x="15364" y="1739"/>
                </a:lnTo>
                <a:lnTo>
                  <a:pt x="15366" y="1752"/>
                </a:lnTo>
                <a:lnTo>
                  <a:pt x="15368" y="1764"/>
                </a:lnTo>
                <a:lnTo>
                  <a:pt x="15371" y="1776"/>
                </a:lnTo>
                <a:lnTo>
                  <a:pt x="15374" y="1787"/>
                </a:lnTo>
                <a:lnTo>
                  <a:pt x="15378" y="1798"/>
                </a:lnTo>
                <a:lnTo>
                  <a:pt x="15383" y="1808"/>
                </a:lnTo>
                <a:lnTo>
                  <a:pt x="15388" y="1817"/>
                </a:lnTo>
                <a:lnTo>
                  <a:pt x="15393" y="1827"/>
                </a:lnTo>
                <a:lnTo>
                  <a:pt x="15399" y="1836"/>
                </a:lnTo>
                <a:lnTo>
                  <a:pt x="15406" y="1843"/>
                </a:lnTo>
                <a:lnTo>
                  <a:pt x="15413" y="1851"/>
                </a:lnTo>
                <a:lnTo>
                  <a:pt x="15420" y="1859"/>
                </a:lnTo>
                <a:lnTo>
                  <a:pt x="15428" y="1866"/>
                </a:lnTo>
                <a:lnTo>
                  <a:pt x="15436" y="1872"/>
                </a:lnTo>
                <a:lnTo>
                  <a:pt x="15453" y="1886"/>
                </a:lnTo>
                <a:lnTo>
                  <a:pt x="15472" y="1897"/>
                </a:lnTo>
                <a:lnTo>
                  <a:pt x="15492" y="1908"/>
                </a:lnTo>
                <a:lnTo>
                  <a:pt x="15513" y="1917"/>
                </a:lnTo>
                <a:lnTo>
                  <a:pt x="15535" y="1926"/>
                </a:lnTo>
                <a:lnTo>
                  <a:pt x="15558" y="1933"/>
                </a:lnTo>
                <a:lnTo>
                  <a:pt x="15582" y="1941"/>
                </a:lnTo>
                <a:lnTo>
                  <a:pt x="15605" y="1949"/>
                </a:lnTo>
                <a:lnTo>
                  <a:pt x="15654" y="1962"/>
                </a:lnTo>
                <a:lnTo>
                  <a:pt x="15693" y="1974"/>
                </a:lnTo>
                <a:lnTo>
                  <a:pt x="15725" y="1986"/>
                </a:lnTo>
                <a:lnTo>
                  <a:pt x="15751" y="1996"/>
                </a:lnTo>
                <a:lnTo>
                  <a:pt x="15761" y="2001"/>
                </a:lnTo>
                <a:lnTo>
                  <a:pt x="15770" y="2007"/>
                </a:lnTo>
                <a:lnTo>
                  <a:pt x="15777" y="2013"/>
                </a:lnTo>
                <a:lnTo>
                  <a:pt x="15783" y="2020"/>
                </a:lnTo>
                <a:lnTo>
                  <a:pt x="15788" y="2027"/>
                </a:lnTo>
                <a:lnTo>
                  <a:pt x="15791" y="2034"/>
                </a:lnTo>
                <a:lnTo>
                  <a:pt x="15793" y="2043"/>
                </a:lnTo>
                <a:lnTo>
                  <a:pt x="15794" y="2052"/>
                </a:lnTo>
                <a:lnTo>
                  <a:pt x="15794" y="2062"/>
                </a:lnTo>
                <a:lnTo>
                  <a:pt x="15793" y="2072"/>
                </a:lnTo>
                <a:lnTo>
                  <a:pt x="15790" y="2081"/>
                </a:lnTo>
                <a:lnTo>
                  <a:pt x="15786" y="2089"/>
                </a:lnTo>
                <a:lnTo>
                  <a:pt x="15781" y="2097"/>
                </a:lnTo>
                <a:lnTo>
                  <a:pt x="15774" y="2103"/>
                </a:lnTo>
                <a:lnTo>
                  <a:pt x="15766" y="2109"/>
                </a:lnTo>
                <a:lnTo>
                  <a:pt x="15757" y="2114"/>
                </a:lnTo>
                <a:lnTo>
                  <a:pt x="15746" y="2119"/>
                </a:lnTo>
                <a:lnTo>
                  <a:pt x="15734" y="2123"/>
                </a:lnTo>
                <a:lnTo>
                  <a:pt x="15720" y="2127"/>
                </a:lnTo>
                <a:lnTo>
                  <a:pt x="15704" y="2130"/>
                </a:lnTo>
                <a:lnTo>
                  <a:pt x="15687" y="2132"/>
                </a:lnTo>
                <a:lnTo>
                  <a:pt x="15669" y="2133"/>
                </a:lnTo>
                <a:lnTo>
                  <a:pt x="15649" y="2134"/>
                </a:lnTo>
                <a:lnTo>
                  <a:pt x="15627" y="2134"/>
                </a:lnTo>
                <a:lnTo>
                  <a:pt x="15596" y="2134"/>
                </a:lnTo>
                <a:lnTo>
                  <a:pt x="15564" y="2131"/>
                </a:lnTo>
                <a:lnTo>
                  <a:pt x="15530" y="2127"/>
                </a:lnTo>
                <a:lnTo>
                  <a:pt x="15496" y="2120"/>
                </a:lnTo>
                <a:lnTo>
                  <a:pt x="15463" y="2112"/>
                </a:lnTo>
                <a:lnTo>
                  <a:pt x="15430" y="2103"/>
                </a:lnTo>
                <a:lnTo>
                  <a:pt x="15400" y="2092"/>
                </a:lnTo>
                <a:lnTo>
                  <a:pt x="15372" y="2080"/>
                </a:lnTo>
                <a:lnTo>
                  <a:pt x="15372" y="2244"/>
                </a:lnTo>
                <a:lnTo>
                  <a:pt x="15414" y="2256"/>
                </a:lnTo>
                <a:lnTo>
                  <a:pt x="15453" y="2263"/>
                </a:lnTo>
                <a:lnTo>
                  <a:pt x="15491" y="2270"/>
                </a:lnTo>
                <a:lnTo>
                  <a:pt x="15526" y="2274"/>
                </a:lnTo>
                <a:lnTo>
                  <a:pt x="15560" y="2278"/>
                </a:lnTo>
                <a:lnTo>
                  <a:pt x="15592" y="2280"/>
                </a:lnTo>
                <a:lnTo>
                  <a:pt x="15624" y="2281"/>
                </a:lnTo>
                <a:lnTo>
                  <a:pt x="15655" y="2281"/>
                </a:lnTo>
                <a:lnTo>
                  <a:pt x="15691" y="2281"/>
                </a:lnTo>
                <a:lnTo>
                  <a:pt x="15726" y="2279"/>
                </a:lnTo>
                <a:lnTo>
                  <a:pt x="15760" y="2274"/>
                </a:lnTo>
                <a:lnTo>
                  <a:pt x="15793" y="2269"/>
                </a:lnTo>
                <a:lnTo>
                  <a:pt x="15809" y="2266"/>
                </a:lnTo>
                <a:lnTo>
                  <a:pt x="15824" y="2262"/>
                </a:lnTo>
                <a:lnTo>
                  <a:pt x="15840" y="2258"/>
                </a:lnTo>
                <a:lnTo>
                  <a:pt x="15855" y="2252"/>
                </a:lnTo>
                <a:lnTo>
                  <a:pt x="15869" y="2248"/>
                </a:lnTo>
                <a:lnTo>
                  <a:pt x="15883" y="2241"/>
                </a:lnTo>
                <a:lnTo>
                  <a:pt x="15896" y="2236"/>
                </a:lnTo>
                <a:lnTo>
                  <a:pt x="15909" y="2228"/>
                </a:lnTo>
                <a:lnTo>
                  <a:pt x="15922" y="2221"/>
                </a:lnTo>
                <a:lnTo>
                  <a:pt x="15933" y="2213"/>
                </a:lnTo>
                <a:lnTo>
                  <a:pt x="15944" y="2204"/>
                </a:lnTo>
                <a:lnTo>
                  <a:pt x="15955" y="2196"/>
                </a:lnTo>
                <a:lnTo>
                  <a:pt x="15965" y="2186"/>
                </a:lnTo>
                <a:lnTo>
                  <a:pt x="15974" y="2176"/>
                </a:lnTo>
                <a:lnTo>
                  <a:pt x="15982" y="2164"/>
                </a:lnTo>
                <a:lnTo>
                  <a:pt x="15990" y="2153"/>
                </a:lnTo>
                <a:lnTo>
                  <a:pt x="15997" y="2141"/>
                </a:lnTo>
                <a:lnTo>
                  <a:pt x="16003" y="2128"/>
                </a:lnTo>
                <a:lnTo>
                  <a:pt x="16008" y="2114"/>
                </a:lnTo>
                <a:lnTo>
                  <a:pt x="16012" y="2100"/>
                </a:lnTo>
                <a:lnTo>
                  <a:pt x="16016" y="2086"/>
                </a:lnTo>
                <a:lnTo>
                  <a:pt x="16018" y="2070"/>
                </a:lnTo>
                <a:lnTo>
                  <a:pt x="16019" y="2054"/>
                </a:lnTo>
                <a:lnTo>
                  <a:pt x="16020" y="2037"/>
                </a:lnTo>
                <a:lnTo>
                  <a:pt x="16020" y="2023"/>
                </a:lnTo>
                <a:lnTo>
                  <a:pt x="16019" y="2010"/>
                </a:lnTo>
                <a:lnTo>
                  <a:pt x="16017" y="1997"/>
                </a:lnTo>
                <a:lnTo>
                  <a:pt x="16015" y="1984"/>
                </a:lnTo>
                <a:lnTo>
                  <a:pt x="16013" y="1972"/>
                </a:lnTo>
                <a:lnTo>
                  <a:pt x="16010" y="1961"/>
                </a:lnTo>
                <a:lnTo>
                  <a:pt x="16006" y="1950"/>
                </a:lnTo>
                <a:lnTo>
                  <a:pt x="16002" y="1940"/>
                </a:lnTo>
                <a:lnTo>
                  <a:pt x="15998" y="1930"/>
                </a:lnTo>
                <a:lnTo>
                  <a:pt x="15993" y="1920"/>
                </a:lnTo>
                <a:lnTo>
                  <a:pt x="15987" y="1911"/>
                </a:lnTo>
                <a:lnTo>
                  <a:pt x="15981" y="1902"/>
                </a:lnTo>
                <a:lnTo>
                  <a:pt x="15974" y="1893"/>
                </a:lnTo>
                <a:lnTo>
                  <a:pt x="15967" y="1886"/>
                </a:lnTo>
                <a:lnTo>
                  <a:pt x="15960" y="1878"/>
                </a:lnTo>
                <a:lnTo>
                  <a:pt x="15952" y="1870"/>
                </a:lnTo>
                <a:lnTo>
                  <a:pt x="15934" y="1857"/>
                </a:lnTo>
                <a:lnTo>
                  <a:pt x="15915" y="1844"/>
                </a:lnTo>
                <a:lnTo>
                  <a:pt x="15894" y="1832"/>
                </a:lnTo>
                <a:lnTo>
                  <a:pt x="15871" y="1822"/>
                </a:lnTo>
                <a:lnTo>
                  <a:pt x="15847" y="1812"/>
                </a:lnTo>
                <a:lnTo>
                  <a:pt x="15821" y="1803"/>
                </a:lnTo>
                <a:lnTo>
                  <a:pt x="15793" y="1794"/>
                </a:lnTo>
                <a:lnTo>
                  <a:pt x="15764" y="1787"/>
                </a:lnTo>
                <a:lnTo>
                  <a:pt x="15724" y="1777"/>
                </a:lnTo>
                <a:lnTo>
                  <a:pt x="15688" y="1767"/>
                </a:lnTo>
                <a:lnTo>
                  <a:pt x="15657" y="1758"/>
                </a:lnTo>
                <a:lnTo>
                  <a:pt x="15631" y="1748"/>
                </a:lnTo>
                <a:lnTo>
                  <a:pt x="15621" y="1742"/>
                </a:lnTo>
                <a:lnTo>
                  <a:pt x="15610" y="1737"/>
                </a:lnTo>
                <a:lnTo>
                  <a:pt x="15602" y="1731"/>
                </a:lnTo>
                <a:lnTo>
                  <a:pt x="15596" y="1724"/>
                </a:lnTo>
                <a:lnTo>
                  <a:pt x="15590" y="1717"/>
                </a:lnTo>
                <a:lnTo>
                  <a:pt x="15587" y="1709"/>
                </a:lnTo>
                <a:lnTo>
                  <a:pt x="15584" y="1700"/>
                </a:lnTo>
                <a:lnTo>
                  <a:pt x="15584" y="1691"/>
                </a:lnTo>
                <a:lnTo>
                  <a:pt x="15584" y="1681"/>
                </a:lnTo>
                <a:lnTo>
                  <a:pt x="15586" y="1672"/>
                </a:lnTo>
                <a:lnTo>
                  <a:pt x="15590" y="1663"/>
                </a:lnTo>
                <a:lnTo>
                  <a:pt x="15594" y="1656"/>
                </a:lnTo>
                <a:lnTo>
                  <a:pt x="15600" y="1649"/>
                </a:lnTo>
                <a:lnTo>
                  <a:pt x="15607" y="1643"/>
                </a:lnTo>
                <a:lnTo>
                  <a:pt x="15615" y="1638"/>
                </a:lnTo>
                <a:lnTo>
                  <a:pt x="15626" y="1632"/>
                </a:lnTo>
                <a:lnTo>
                  <a:pt x="15636" y="1629"/>
                </a:lnTo>
                <a:lnTo>
                  <a:pt x="15648" y="1624"/>
                </a:lnTo>
                <a:lnTo>
                  <a:pt x="15660" y="1622"/>
                </a:lnTo>
                <a:lnTo>
                  <a:pt x="15674" y="1620"/>
                </a:lnTo>
                <a:lnTo>
                  <a:pt x="15689" y="1618"/>
                </a:lnTo>
                <a:lnTo>
                  <a:pt x="15705" y="1617"/>
                </a:lnTo>
                <a:lnTo>
                  <a:pt x="15721" y="1616"/>
                </a:lnTo>
                <a:lnTo>
                  <a:pt x="15739" y="1616"/>
                </a:lnTo>
                <a:lnTo>
                  <a:pt x="15766" y="1617"/>
                </a:lnTo>
                <a:lnTo>
                  <a:pt x="15792" y="1619"/>
                </a:lnTo>
                <a:lnTo>
                  <a:pt x="15818" y="1623"/>
                </a:lnTo>
                <a:lnTo>
                  <a:pt x="15843" y="1628"/>
                </a:lnTo>
                <a:lnTo>
                  <a:pt x="15867" y="1633"/>
                </a:lnTo>
                <a:lnTo>
                  <a:pt x="15889" y="1640"/>
                </a:lnTo>
                <a:lnTo>
                  <a:pt x="15910" y="1647"/>
                </a:lnTo>
                <a:lnTo>
                  <a:pt x="15929" y="1653"/>
                </a:lnTo>
                <a:lnTo>
                  <a:pt x="16012" y="1522"/>
                </a:lnTo>
                <a:lnTo>
                  <a:pt x="15981" y="1512"/>
                </a:lnTo>
                <a:lnTo>
                  <a:pt x="15948" y="1503"/>
                </a:lnTo>
                <a:lnTo>
                  <a:pt x="15913" y="1494"/>
                </a:lnTo>
                <a:lnTo>
                  <a:pt x="15876" y="1488"/>
                </a:lnTo>
                <a:lnTo>
                  <a:pt x="15837" y="1482"/>
                </a:lnTo>
                <a:lnTo>
                  <a:pt x="15795" y="1478"/>
                </a:lnTo>
                <a:lnTo>
                  <a:pt x="15751" y="1474"/>
                </a:lnTo>
                <a:lnTo>
                  <a:pt x="15705" y="1473"/>
                </a:lnTo>
                <a:close/>
              </a:path>
            </a:pathLst>
          </a:custGeom>
          <a:solidFill>
            <a:schemeClr val="bg2"/>
          </a:solidFill>
          <a:ln w="9525" cap="flat" cmpd="sng">
            <a:noFill/>
            <a:prstDash val="solid"/>
            <a:round/>
            <a:headEnd type="none" w="med" len="med"/>
            <a:tailEnd type="none" w="med" len="med"/>
          </a:ln>
          <a:effectLst/>
        </p:spPr>
        <p:txBody>
          <a:bodyPr/>
          <a:lstStyle/>
          <a:p>
            <a:pPr>
              <a:defRPr/>
            </a:pPr>
            <a:endParaRPr lang="en-US"/>
          </a:p>
        </p:txBody>
      </p:sp>
      <p:sp>
        <p:nvSpPr>
          <p:cNvPr id="7" name="Freeform 5" hidden="1"/>
          <p:cNvSpPr>
            <a:spLocks noChangeAspect="1" noEditPoints="1"/>
          </p:cNvSpPr>
          <p:nvPr>
            <p:custDataLst>
              <p:tags r:id="rId4"/>
            </p:custDataLst>
          </p:nvPr>
        </p:nvSpPr>
        <p:spPr bwMode="gray">
          <a:xfrm>
            <a:off x="1169988" y="6973888"/>
            <a:ext cx="1819275" cy="217487"/>
          </a:xfrm>
          <a:custGeom>
            <a:avLst/>
            <a:gdLst/>
            <a:ahLst/>
            <a:cxnLst>
              <a:cxn ang="0">
                <a:pos x="15860" y="1324"/>
              </a:cxn>
              <a:cxn ang="0">
                <a:pos x="16254" y="1358"/>
              </a:cxn>
              <a:cxn ang="0">
                <a:pos x="15397" y="1316"/>
              </a:cxn>
              <a:cxn ang="0">
                <a:pos x="14875" y="1318"/>
              </a:cxn>
              <a:cxn ang="0">
                <a:pos x="14869" y="1463"/>
              </a:cxn>
              <a:cxn ang="0">
                <a:pos x="14820" y="1787"/>
              </a:cxn>
              <a:cxn ang="0">
                <a:pos x="15190" y="1668"/>
              </a:cxn>
              <a:cxn ang="0">
                <a:pos x="14967" y="1564"/>
              </a:cxn>
              <a:cxn ang="0">
                <a:pos x="11909" y="1203"/>
              </a:cxn>
              <a:cxn ang="0">
                <a:pos x="11816" y="1319"/>
              </a:cxn>
              <a:cxn ang="0">
                <a:pos x="11374" y="1596"/>
              </a:cxn>
              <a:cxn ang="0">
                <a:pos x="11731" y="1818"/>
              </a:cxn>
              <a:cxn ang="0">
                <a:pos x="11608" y="1695"/>
              </a:cxn>
              <a:cxn ang="0">
                <a:pos x="10016" y="1182"/>
              </a:cxn>
              <a:cxn ang="0">
                <a:pos x="9957" y="1325"/>
              </a:cxn>
              <a:cxn ang="0">
                <a:pos x="9223" y="1387"/>
              </a:cxn>
              <a:cxn ang="0">
                <a:pos x="9291" y="1519"/>
              </a:cxn>
              <a:cxn ang="0">
                <a:pos x="9548" y="1180"/>
              </a:cxn>
              <a:cxn ang="0">
                <a:pos x="13116" y="1316"/>
              </a:cxn>
              <a:cxn ang="0">
                <a:pos x="12992" y="1299"/>
              </a:cxn>
              <a:cxn ang="0">
                <a:pos x="13365" y="1495"/>
              </a:cxn>
              <a:cxn ang="0">
                <a:pos x="13019" y="1178"/>
              </a:cxn>
              <a:cxn ang="0">
                <a:pos x="12672" y="1528"/>
              </a:cxn>
              <a:cxn ang="0">
                <a:pos x="13132" y="1824"/>
              </a:cxn>
              <a:cxn ang="0">
                <a:pos x="12324" y="1813"/>
              </a:cxn>
              <a:cxn ang="0">
                <a:pos x="12408" y="1651"/>
              </a:cxn>
              <a:cxn ang="0">
                <a:pos x="10469" y="1191"/>
              </a:cxn>
              <a:cxn ang="0">
                <a:pos x="14577" y="1107"/>
              </a:cxn>
              <a:cxn ang="0">
                <a:pos x="14556" y="1757"/>
              </a:cxn>
              <a:cxn ang="0">
                <a:pos x="14212" y="1677"/>
              </a:cxn>
              <a:cxn ang="0">
                <a:pos x="14262" y="1676"/>
              </a:cxn>
              <a:cxn ang="0">
                <a:pos x="14360" y="1180"/>
              </a:cxn>
              <a:cxn ang="0">
                <a:pos x="2741" y="1338"/>
              </a:cxn>
              <a:cxn ang="0">
                <a:pos x="2427" y="1528"/>
              </a:cxn>
              <a:cxn ang="0">
                <a:pos x="3001" y="1266"/>
              </a:cxn>
              <a:cxn ang="0">
                <a:pos x="8021" y="1178"/>
              </a:cxn>
              <a:cxn ang="0">
                <a:pos x="7908" y="1320"/>
              </a:cxn>
              <a:cxn ang="0">
                <a:pos x="8290" y="1345"/>
              </a:cxn>
              <a:cxn ang="0">
                <a:pos x="4068" y="1177"/>
              </a:cxn>
              <a:cxn ang="0">
                <a:pos x="4780" y="1696"/>
              </a:cxn>
              <a:cxn ang="0">
                <a:pos x="4821" y="1298"/>
              </a:cxn>
              <a:cxn ang="0">
                <a:pos x="5147" y="1264"/>
              </a:cxn>
              <a:cxn ang="0">
                <a:pos x="4558" y="1253"/>
              </a:cxn>
              <a:cxn ang="0">
                <a:pos x="4572" y="1758"/>
              </a:cxn>
              <a:cxn ang="0">
                <a:pos x="5158" y="1726"/>
              </a:cxn>
              <a:cxn ang="0">
                <a:pos x="6216" y="1178"/>
              </a:cxn>
              <a:cxn ang="0">
                <a:pos x="5886" y="1515"/>
              </a:cxn>
              <a:cxn ang="0">
                <a:pos x="6241" y="1817"/>
              </a:cxn>
              <a:cxn ang="0">
                <a:pos x="6394" y="1893"/>
              </a:cxn>
              <a:cxn ang="0">
                <a:pos x="6159" y="2078"/>
              </a:cxn>
              <a:cxn ang="0">
                <a:pos x="6634" y="1191"/>
              </a:cxn>
              <a:cxn ang="0">
                <a:pos x="6162" y="1338"/>
              </a:cxn>
              <a:cxn ang="0">
                <a:pos x="6417" y="1596"/>
              </a:cxn>
              <a:cxn ang="0">
                <a:pos x="7363" y="1240"/>
              </a:cxn>
              <a:cxn ang="0">
                <a:pos x="7109" y="1297"/>
              </a:cxn>
              <a:cxn ang="0">
                <a:pos x="6796" y="1520"/>
              </a:cxn>
              <a:cxn ang="0">
                <a:pos x="6997" y="1826"/>
              </a:cxn>
              <a:cxn ang="0">
                <a:pos x="7087" y="1707"/>
              </a:cxn>
              <a:cxn ang="0">
                <a:pos x="7094" y="1539"/>
              </a:cxn>
              <a:cxn ang="0">
                <a:pos x="1466" y="1819"/>
              </a:cxn>
              <a:cxn ang="0">
                <a:pos x="1983" y="1606"/>
              </a:cxn>
              <a:cxn ang="0">
                <a:pos x="5582" y="1445"/>
              </a:cxn>
            </a:cxnLst>
            <a:rect l="0" t="0" r="r" b="b"/>
            <a:pathLst>
              <a:path w="17120" h="2080">
                <a:moveTo>
                  <a:pt x="15983" y="1178"/>
                </a:moveTo>
                <a:lnTo>
                  <a:pt x="15965" y="1179"/>
                </a:lnTo>
                <a:lnTo>
                  <a:pt x="15949" y="1180"/>
                </a:lnTo>
                <a:lnTo>
                  <a:pt x="15932" y="1182"/>
                </a:lnTo>
                <a:lnTo>
                  <a:pt x="15916" y="1185"/>
                </a:lnTo>
                <a:lnTo>
                  <a:pt x="15901" y="1188"/>
                </a:lnTo>
                <a:lnTo>
                  <a:pt x="15885" y="1191"/>
                </a:lnTo>
                <a:lnTo>
                  <a:pt x="15870" y="1195"/>
                </a:lnTo>
                <a:lnTo>
                  <a:pt x="15855" y="1201"/>
                </a:lnTo>
                <a:lnTo>
                  <a:pt x="15841" y="1206"/>
                </a:lnTo>
                <a:lnTo>
                  <a:pt x="15827" y="1211"/>
                </a:lnTo>
                <a:lnTo>
                  <a:pt x="15815" y="1218"/>
                </a:lnTo>
                <a:lnTo>
                  <a:pt x="15802" y="1225"/>
                </a:lnTo>
                <a:lnTo>
                  <a:pt x="15790" y="1232"/>
                </a:lnTo>
                <a:lnTo>
                  <a:pt x="15779" y="1239"/>
                </a:lnTo>
                <a:lnTo>
                  <a:pt x="15769" y="1248"/>
                </a:lnTo>
                <a:lnTo>
                  <a:pt x="15759" y="1255"/>
                </a:lnTo>
                <a:lnTo>
                  <a:pt x="15756" y="1255"/>
                </a:lnTo>
                <a:lnTo>
                  <a:pt x="15756" y="1191"/>
                </a:lnTo>
                <a:lnTo>
                  <a:pt x="15561" y="1191"/>
                </a:lnTo>
                <a:lnTo>
                  <a:pt x="15561" y="1812"/>
                </a:lnTo>
                <a:lnTo>
                  <a:pt x="15759" y="1812"/>
                </a:lnTo>
                <a:lnTo>
                  <a:pt x="15759" y="1388"/>
                </a:lnTo>
                <a:lnTo>
                  <a:pt x="15768" y="1377"/>
                </a:lnTo>
                <a:lnTo>
                  <a:pt x="15777" y="1369"/>
                </a:lnTo>
                <a:lnTo>
                  <a:pt x="15787" y="1360"/>
                </a:lnTo>
                <a:lnTo>
                  <a:pt x="15796" y="1352"/>
                </a:lnTo>
                <a:lnTo>
                  <a:pt x="15806" y="1346"/>
                </a:lnTo>
                <a:lnTo>
                  <a:pt x="15817" y="1341"/>
                </a:lnTo>
                <a:lnTo>
                  <a:pt x="15827" y="1335"/>
                </a:lnTo>
                <a:lnTo>
                  <a:pt x="15838" y="1331"/>
                </a:lnTo>
                <a:lnTo>
                  <a:pt x="15849" y="1327"/>
                </a:lnTo>
                <a:lnTo>
                  <a:pt x="15860" y="1324"/>
                </a:lnTo>
                <a:lnTo>
                  <a:pt x="15869" y="1320"/>
                </a:lnTo>
                <a:lnTo>
                  <a:pt x="15880" y="1318"/>
                </a:lnTo>
                <a:lnTo>
                  <a:pt x="15901" y="1316"/>
                </a:lnTo>
                <a:lnTo>
                  <a:pt x="15922" y="1315"/>
                </a:lnTo>
                <a:lnTo>
                  <a:pt x="15934" y="1315"/>
                </a:lnTo>
                <a:lnTo>
                  <a:pt x="15946" y="1316"/>
                </a:lnTo>
                <a:lnTo>
                  <a:pt x="15958" y="1317"/>
                </a:lnTo>
                <a:lnTo>
                  <a:pt x="15969" y="1319"/>
                </a:lnTo>
                <a:lnTo>
                  <a:pt x="15978" y="1321"/>
                </a:lnTo>
                <a:lnTo>
                  <a:pt x="15988" y="1325"/>
                </a:lnTo>
                <a:lnTo>
                  <a:pt x="15995" y="1328"/>
                </a:lnTo>
                <a:lnTo>
                  <a:pt x="16004" y="1331"/>
                </a:lnTo>
                <a:lnTo>
                  <a:pt x="16011" y="1335"/>
                </a:lnTo>
                <a:lnTo>
                  <a:pt x="16018" y="1340"/>
                </a:lnTo>
                <a:lnTo>
                  <a:pt x="16024" y="1345"/>
                </a:lnTo>
                <a:lnTo>
                  <a:pt x="16030" y="1350"/>
                </a:lnTo>
                <a:lnTo>
                  <a:pt x="16034" y="1356"/>
                </a:lnTo>
                <a:lnTo>
                  <a:pt x="16039" y="1362"/>
                </a:lnTo>
                <a:lnTo>
                  <a:pt x="16043" y="1369"/>
                </a:lnTo>
                <a:lnTo>
                  <a:pt x="16047" y="1375"/>
                </a:lnTo>
                <a:lnTo>
                  <a:pt x="16053" y="1390"/>
                </a:lnTo>
                <a:lnTo>
                  <a:pt x="16057" y="1406"/>
                </a:lnTo>
                <a:lnTo>
                  <a:pt x="16061" y="1423"/>
                </a:lnTo>
                <a:lnTo>
                  <a:pt x="16063" y="1441"/>
                </a:lnTo>
                <a:lnTo>
                  <a:pt x="16065" y="1481"/>
                </a:lnTo>
                <a:lnTo>
                  <a:pt x="16065" y="1522"/>
                </a:lnTo>
                <a:lnTo>
                  <a:pt x="16065" y="1812"/>
                </a:lnTo>
                <a:lnTo>
                  <a:pt x="16263" y="1812"/>
                </a:lnTo>
                <a:lnTo>
                  <a:pt x="16263" y="1459"/>
                </a:lnTo>
                <a:lnTo>
                  <a:pt x="16263" y="1434"/>
                </a:lnTo>
                <a:lnTo>
                  <a:pt x="16261" y="1408"/>
                </a:lnTo>
                <a:lnTo>
                  <a:pt x="16259" y="1382"/>
                </a:lnTo>
                <a:lnTo>
                  <a:pt x="16254" y="1358"/>
                </a:lnTo>
                <a:lnTo>
                  <a:pt x="16251" y="1345"/>
                </a:lnTo>
                <a:lnTo>
                  <a:pt x="16248" y="1333"/>
                </a:lnTo>
                <a:lnTo>
                  <a:pt x="16244" y="1321"/>
                </a:lnTo>
                <a:lnTo>
                  <a:pt x="16239" y="1311"/>
                </a:lnTo>
                <a:lnTo>
                  <a:pt x="16234" y="1299"/>
                </a:lnTo>
                <a:lnTo>
                  <a:pt x="16229" y="1288"/>
                </a:lnTo>
                <a:lnTo>
                  <a:pt x="16222" y="1278"/>
                </a:lnTo>
                <a:lnTo>
                  <a:pt x="16215" y="1268"/>
                </a:lnTo>
                <a:lnTo>
                  <a:pt x="16207" y="1257"/>
                </a:lnTo>
                <a:lnTo>
                  <a:pt x="16199" y="1249"/>
                </a:lnTo>
                <a:lnTo>
                  <a:pt x="16189" y="1240"/>
                </a:lnTo>
                <a:lnTo>
                  <a:pt x="16179" y="1232"/>
                </a:lnTo>
                <a:lnTo>
                  <a:pt x="16169" y="1223"/>
                </a:lnTo>
                <a:lnTo>
                  <a:pt x="16157" y="1216"/>
                </a:lnTo>
                <a:lnTo>
                  <a:pt x="16144" y="1209"/>
                </a:lnTo>
                <a:lnTo>
                  <a:pt x="16130" y="1203"/>
                </a:lnTo>
                <a:lnTo>
                  <a:pt x="16115" y="1198"/>
                </a:lnTo>
                <a:lnTo>
                  <a:pt x="16099" y="1193"/>
                </a:lnTo>
                <a:lnTo>
                  <a:pt x="16083" y="1189"/>
                </a:lnTo>
                <a:lnTo>
                  <a:pt x="16065" y="1185"/>
                </a:lnTo>
                <a:lnTo>
                  <a:pt x="16046" y="1183"/>
                </a:lnTo>
                <a:lnTo>
                  <a:pt x="16026" y="1180"/>
                </a:lnTo>
                <a:lnTo>
                  <a:pt x="16005" y="1179"/>
                </a:lnTo>
                <a:lnTo>
                  <a:pt x="15983" y="1178"/>
                </a:lnTo>
                <a:close/>
                <a:moveTo>
                  <a:pt x="15417" y="1421"/>
                </a:moveTo>
                <a:lnTo>
                  <a:pt x="15417" y="1406"/>
                </a:lnTo>
                <a:lnTo>
                  <a:pt x="15415" y="1392"/>
                </a:lnTo>
                <a:lnTo>
                  <a:pt x="15413" y="1378"/>
                </a:lnTo>
                <a:lnTo>
                  <a:pt x="15412" y="1365"/>
                </a:lnTo>
                <a:lnTo>
                  <a:pt x="15409" y="1352"/>
                </a:lnTo>
                <a:lnTo>
                  <a:pt x="15406" y="1340"/>
                </a:lnTo>
                <a:lnTo>
                  <a:pt x="15402" y="1328"/>
                </a:lnTo>
                <a:lnTo>
                  <a:pt x="15397" y="1316"/>
                </a:lnTo>
                <a:lnTo>
                  <a:pt x="15392" y="1304"/>
                </a:lnTo>
                <a:lnTo>
                  <a:pt x="15387" y="1294"/>
                </a:lnTo>
                <a:lnTo>
                  <a:pt x="15380" y="1284"/>
                </a:lnTo>
                <a:lnTo>
                  <a:pt x="15373" y="1274"/>
                </a:lnTo>
                <a:lnTo>
                  <a:pt x="15365" y="1265"/>
                </a:lnTo>
                <a:lnTo>
                  <a:pt x="15358" y="1256"/>
                </a:lnTo>
                <a:lnTo>
                  <a:pt x="15348" y="1248"/>
                </a:lnTo>
                <a:lnTo>
                  <a:pt x="15338" y="1240"/>
                </a:lnTo>
                <a:lnTo>
                  <a:pt x="15329" y="1233"/>
                </a:lnTo>
                <a:lnTo>
                  <a:pt x="15317" y="1225"/>
                </a:lnTo>
                <a:lnTo>
                  <a:pt x="15306" y="1219"/>
                </a:lnTo>
                <a:lnTo>
                  <a:pt x="15294" y="1214"/>
                </a:lnTo>
                <a:lnTo>
                  <a:pt x="15281" y="1208"/>
                </a:lnTo>
                <a:lnTo>
                  <a:pt x="15267" y="1203"/>
                </a:lnTo>
                <a:lnTo>
                  <a:pt x="15253" y="1199"/>
                </a:lnTo>
                <a:lnTo>
                  <a:pt x="15238" y="1194"/>
                </a:lnTo>
                <a:lnTo>
                  <a:pt x="15222" y="1190"/>
                </a:lnTo>
                <a:lnTo>
                  <a:pt x="15206" y="1188"/>
                </a:lnTo>
                <a:lnTo>
                  <a:pt x="15189" y="1185"/>
                </a:lnTo>
                <a:lnTo>
                  <a:pt x="15170" y="1183"/>
                </a:lnTo>
                <a:lnTo>
                  <a:pt x="15132" y="1179"/>
                </a:lnTo>
                <a:lnTo>
                  <a:pt x="15091" y="1178"/>
                </a:lnTo>
                <a:lnTo>
                  <a:pt x="15062" y="1179"/>
                </a:lnTo>
                <a:lnTo>
                  <a:pt x="15031" y="1180"/>
                </a:lnTo>
                <a:lnTo>
                  <a:pt x="14997" y="1183"/>
                </a:lnTo>
                <a:lnTo>
                  <a:pt x="14963" y="1186"/>
                </a:lnTo>
                <a:lnTo>
                  <a:pt x="14927" y="1190"/>
                </a:lnTo>
                <a:lnTo>
                  <a:pt x="14890" y="1197"/>
                </a:lnTo>
                <a:lnTo>
                  <a:pt x="14855" y="1204"/>
                </a:lnTo>
                <a:lnTo>
                  <a:pt x="14820" y="1213"/>
                </a:lnTo>
                <a:lnTo>
                  <a:pt x="14820" y="1335"/>
                </a:lnTo>
                <a:lnTo>
                  <a:pt x="14847" y="1327"/>
                </a:lnTo>
                <a:lnTo>
                  <a:pt x="14875" y="1318"/>
                </a:lnTo>
                <a:lnTo>
                  <a:pt x="14905" y="1312"/>
                </a:lnTo>
                <a:lnTo>
                  <a:pt x="14934" y="1307"/>
                </a:lnTo>
                <a:lnTo>
                  <a:pt x="14964" y="1302"/>
                </a:lnTo>
                <a:lnTo>
                  <a:pt x="14993" y="1300"/>
                </a:lnTo>
                <a:lnTo>
                  <a:pt x="15021" y="1298"/>
                </a:lnTo>
                <a:lnTo>
                  <a:pt x="15048" y="1297"/>
                </a:lnTo>
                <a:lnTo>
                  <a:pt x="15067" y="1297"/>
                </a:lnTo>
                <a:lnTo>
                  <a:pt x="15085" y="1298"/>
                </a:lnTo>
                <a:lnTo>
                  <a:pt x="15102" y="1299"/>
                </a:lnTo>
                <a:lnTo>
                  <a:pt x="15118" y="1301"/>
                </a:lnTo>
                <a:lnTo>
                  <a:pt x="15133" y="1304"/>
                </a:lnTo>
                <a:lnTo>
                  <a:pt x="15148" y="1308"/>
                </a:lnTo>
                <a:lnTo>
                  <a:pt x="15162" y="1313"/>
                </a:lnTo>
                <a:lnTo>
                  <a:pt x="15174" y="1319"/>
                </a:lnTo>
                <a:lnTo>
                  <a:pt x="15185" y="1327"/>
                </a:lnTo>
                <a:lnTo>
                  <a:pt x="15195" y="1336"/>
                </a:lnTo>
                <a:lnTo>
                  <a:pt x="15199" y="1342"/>
                </a:lnTo>
                <a:lnTo>
                  <a:pt x="15204" y="1347"/>
                </a:lnTo>
                <a:lnTo>
                  <a:pt x="15208" y="1354"/>
                </a:lnTo>
                <a:lnTo>
                  <a:pt x="15211" y="1360"/>
                </a:lnTo>
                <a:lnTo>
                  <a:pt x="15218" y="1375"/>
                </a:lnTo>
                <a:lnTo>
                  <a:pt x="15222" y="1392"/>
                </a:lnTo>
                <a:lnTo>
                  <a:pt x="15224" y="1411"/>
                </a:lnTo>
                <a:lnTo>
                  <a:pt x="15225" y="1434"/>
                </a:lnTo>
                <a:lnTo>
                  <a:pt x="15128" y="1434"/>
                </a:lnTo>
                <a:lnTo>
                  <a:pt x="15096" y="1434"/>
                </a:lnTo>
                <a:lnTo>
                  <a:pt x="15061" y="1435"/>
                </a:lnTo>
                <a:lnTo>
                  <a:pt x="15026" y="1437"/>
                </a:lnTo>
                <a:lnTo>
                  <a:pt x="14991" y="1440"/>
                </a:lnTo>
                <a:lnTo>
                  <a:pt x="14956" y="1444"/>
                </a:lnTo>
                <a:lnTo>
                  <a:pt x="14923" y="1450"/>
                </a:lnTo>
                <a:lnTo>
                  <a:pt x="14894" y="1455"/>
                </a:lnTo>
                <a:lnTo>
                  <a:pt x="14869" y="1463"/>
                </a:lnTo>
                <a:lnTo>
                  <a:pt x="14856" y="1468"/>
                </a:lnTo>
                <a:lnTo>
                  <a:pt x="14842" y="1473"/>
                </a:lnTo>
                <a:lnTo>
                  <a:pt x="14829" y="1480"/>
                </a:lnTo>
                <a:lnTo>
                  <a:pt x="14816" y="1486"/>
                </a:lnTo>
                <a:lnTo>
                  <a:pt x="14805" y="1493"/>
                </a:lnTo>
                <a:lnTo>
                  <a:pt x="14793" y="1502"/>
                </a:lnTo>
                <a:lnTo>
                  <a:pt x="14782" y="1511"/>
                </a:lnTo>
                <a:lnTo>
                  <a:pt x="14771" y="1520"/>
                </a:lnTo>
                <a:lnTo>
                  <a:pt x="14763" y="1531"/>
                </a:lnTo>
                <a:lnTo>
                  <a:pt x="14754" y="1543"/>
                </a:lnTo>
                <a:lnTo>
                  <a:pt x="14747" y="1554"/>
                </a:lnTo>
                <a:lnTo>
                  <a:pt x="14740" y="1567"/>
                </a:lnTo>
                <a:lnTo>
                  <a:pt x="14735" y="1581"/>
                </a:lnTo>
                <a:lnTo>
                  <a:pt x="14732" y="1596"/>
                </a:lnTo>
                <a:lnTo>
                  <a:pt x="14730" y="1612"/>
                </a:lnTo>
                <a:lnTo>
                  <a:pt x="14729" y="1628"/>
                </a:lnTo>
                <a:lnTo>
                  <a:pt x="14729" y="1642"/>
                </a:lnTo>
                <a:lnTo>
                  <a:pt x="14730" y="1654"/>
                </a:lnTo>
                <a:lnTo>
                  <a:pt x="14732" y="1667"/>
                </a:lnTo>
                <a:lnTo>
                  <a:pt x="14734" y="1678"/>
                </a:lnTo>
                <a:lnTo>
                  <a:pt x="14737" y="1689"/>
                </a:lnTo>
                <a:lnTo>
                  <a:pt x="14741" y="1700"/>
                </a:lnTo>
                <a:lnTo>
                  <a:pt x="14746" y="1710"/>
                </a:lnTo>
                <a:lnTo>
                  <a:pt x="14751" y="1720"/>
                </a:lnTo>
                <a:lnTo>
                  <a:pt x="14756" y="1730"/>
                </a:lnTo>
                <a:lnTo>
                  <a:pt x="14763" y="1738"/>
                </a:lnTo>
                <a:lnTo>
                  <a:pt x="14769" y="1747"/>
                </a:lnTo>
                <a:lnTo>
                  <a:pt x="14777" y="1754"/>
                </a:lnTo>
                <a:lnTo>
                  <a:pt x="14784" y="1762"/>
                </a:lnTo>
                <a:lnTo>
                  <a:pt x="14793" y="1769"/>
                </a:lnTo>
                <a:lnTo>
                  <a:pt x="14801" y="1776"/>
                </a:lnTo>
                <a:lnTo>
                  <a:pt x="14810" y="1781"/>
                </a:lnTo>
                <a:lnTo>
                  <a:pt x="14820" y="1787"/>
                </a:lnTo>
                <a:lnTo>
                  <a:pt x="14829" y="1793"/>
                </a:lnTo>
                <a:lnTo>
                  <a:pt x="14840" y="1797"/>
                </a:lnTo>
                <a:lnTo>
                  <a:pt x="14851" y="1801"/>
                </a:lnTo>
                <a:lnTo>
                  <a:pt x="14873" y="1810"/>
                </a:lnTo>
                <a:lnTo>
                  <a:pt x="14897" y="1815"/>
                </a:lnTo>
                <a:lnTo>
                  <a:pt x="14921" y="1820"/>
                </a:lnTo>
                <a:lnTo>
                  <a:pt x="14947" y="1824"/>
                </a:lnTo>
                <a:lnTo>
                  <a:pt x="14973" y="1826"/>
                </a:lnTo>
                <a:lnTo>
                  <a:pt x="14999" y="1826"/>
                </a:lnTo>
                <a:lnTo>
                  <a:pt x="15019" y="1826"/>
                </a:lnTo>
                <a:lnTo>
                  <a:pt x="15038" y="1825"/>
                </a:lnTo>
                <a:lnTo>
                  <a:pt x="15056" y="1824"/>
                </a:lnTo>
                <a:lnTo>
                  <a:pt x="15073" y="1821"/>
                </a:lnTo>
                <a:lnTo>
                  <a:pt x="15089" y="1818"/>
                </a:lnTo>
                <a:lnTo>
                  <a:pt x="15105" y="1815"/>
                </a:lnTo>
                <a:lnTo>
                  <a:pt x="15121" y="1812"/>
                </a:lnTo>
                <a:lnTo>
                  <a:pt x="15136" y="1808"/>
                </a:lnTo>
                <a:lnTo>
                  <a:pt x="15150" y="1802"/>
                </a:lnTo>
                <a:lnTo>
                  <a:pt x="15164" y="1797"/>
                </a:lnTo>
                <a:lnTo>
                  <a:pt x="15177" y="1790"/>
                </a:lnTo>
                <a:lnTo>
                  <a:pt x="15189" y="1784"/>
                </a:lnTo>
                <a:lnTo>
                  <a:pt x="15200" y="1776"/>
                </a:lnTo>
                <a:lnTo>
                  <a:pt x="15212" y="1768"/>
                </a:lnTo>
                <a:lnTo>
                  <a:pt x="15223" y="1760"/>
                </a:lnTo>
                <a:lnTo>
                  <a:pt x="15234" y="1750"/>
                </a:lnTo>
                <a:lnTo>
                  <a:pt x="15237" y="1750"/>
                </a:lnTo>
                <a:lnTo>
                  <a:pt x="15237" y="1812"/>
                </a:lnTo>
                <a:lnTo>
                  <a:pt x="15417" y="1812"/>
                </a:lnTo>
                <a:lnTo>
                  <a:pt x="15417" y="1421"/>
                </a:lnTo>
                <a:close/>
                <a:moveTo>
                  <a:pt x="15225" y="1645"/>
                </a:moveTo>
                <a:lnTo>
                  <a:pt x="15213" y="1654"/>
                </a:lnTo>
                <a:lnTo>
                  <a:pt x="15201" y="1661"/>
                </a:lnTo>
                <a:lnTo>
                  <a:pt x="15190" y="1668"/>
                </a:lnTo>
                <a:lnTo>
                  <a:pt x="15178" y="1674"/>
                </a:lnTo>
                <a:lnTo>
                  <a:pt x="15153" y="1685"/>
                </a:lnTo>
                <a:lnTo>
                  <a:pt x="15131" y="1693"/>
                </a:lnTo>
                <a:lnTo>
                  <a:pt x="15107" y="1700"/>
                </a:lnTo>
                <a:lnTo>
                  <a:pt x="15085" y="1704"/>
                </a:lnTo>
                <a:lnTo>
                  <a:pt x="15062" y="1707"/>
                </a:lnTo>
                <a:lnTo>
                  <a:pt x="15041" y="1708"/>
                </a:lnTo>
                <a:lnTo>
                  <a:pt x="15028" y="1708"/>
                </a:lnTo>
                <a:lnTo>
                  <a:pt x="15016" y="1708"/>
                </a:lnTo>
                <a:lnTo>
                  <a:pt x="15005" y="1707"/>
                </a:lnTo>
                <a:lnTo>
                  <a:pt x="14994" y="1705"/>
                </a:lnTo>
                <a:lnTo>
                  <a:pt x="14984" y="1703"/>
                </a:lnTo>
                <a:lnTo>
                  <a:pt x="14975" y="1700"/>
                </a:lnTo>
                <a:lnTo>
                  <a:pt x="14966" y="1695"/>
                </a:lnTo>
                <a:lnTo>
                  <a:pt x="14958" y="1691"/>
                </a:lnTo>
                <a:lnTo>
                  <a:pt x="14950" y="1686"/>
                </a:lnTo>
                <a:lnTo>
                  <a:pt x="14944" y="1679"/>
                </a:lnTo>
                <a:lnTo>
                  <a:pt x="14938" y="1673"/>
                </a:lnTo>
                <a:lnTo>
                  <a:pt x="14934" y="1665"/>
                </a:lnTo>
                <a:lnTo>
                  <a:pt x="14931" y="1657"/>
                </a:lnTo>
                <a:lnTo>
                  <a:pt x="14928" y="1647"/>
                </a:lnTo>
                <a:lnTo>
                  <a:pt x="14927" y="1637"/>
                </a:lnTo>
                <a:lnTo>
                  <a:pt x="14925" y="1625"/>
                </a:lnTo>
                <a:lnTo>
                  <a:pt x="14925" y="1618"/>
                </a:lnTo>
                <a:lnTo>
                  <a:pt x="14927" y="1612"/>
                </a:lnTo>
                <a:lnTo>
                  <a:pt x="14929" y="1606"/>
                </a:lnTo>
                <a:lnTo>
                  <a:pt x="14931" y="1599"/>
                </a:lnTo>
                <a:lnTo>
                  <a:pt x="14933" y="1594"/>
                </a:lnTo>
                <a:lnTo>
                  <a:pt x="14936" y="1589"/>
                </a:lnTo>
                <a:lnTo>
                  <a:pt x="14940" y="1584"/>
                </a:lnTo>
                <a:lnTo>
                  <a:pt x="14945" y="1579"/>
                </a:lnTo>
                <a:lnTo>
                  <a:pt x="14954" y="1571"/>
                </a:lnTo>
                <a:lnTo>
                  <a:pt x="14967" y="1564"/>
                </a:lnTo>
                <a:lnTo>
                  <a:pt x="14980" y="1558"/>
                </a:lnTo>
                <a:lnTo>
                  <a:pt x="14996" y="1552"/>
                </a:lnTo>
                <a:lnTo>
                  <a:pt x="15012" y="1548"/>
                </a:lnTo>
                <a:lnTo>
                  <a:pt x="15030" y="1545"/>
                </a:lnTo>
                <a:lnTo>
                  <a:pt x="15050" y="1542"/>
                </a:lnTo>
                <a:lnTo>
                  <a:pt x="15070" y="1539"/>
                </a:lnTo>
                <a:lnTo>
                  <a:pt x="15112" y="1537"/>
                </a:lnTo>
                <a:lnTo>
                  <a:pt x="15157" y="1536"/>
                </a:lnTo>
                <a:lnTo>
                  <a:pt x="15225" y="1536"/>
                </a:lnTo>
                <a:lnTo>
                  <a:pt x="15225" y="1645"/>
                </a:lnTo>
                <a:close/>
                <a:moveTo>
                  <a:pt x="12059" y="1421"/>
                </a:moveTo>
                <a:lnTo>
                  <a:pt x="12059" y="1406"/>
                </a:lnTo>
                <a:lnTo>
                  <a:pt x="12058" y="1392"/>
                </a:lnTo>
                <a:lnTo>
                  <a:pt x="12056" y="1378"/>
                </a:lnTo>
                <a:lnTo>
                  <a:pt x="12055" y="1365"/>
                </a:lnTo>
                <a:lnTo>
                  <a:pt x="12051" y="1352"/>
                </a:lnTo>
                <a:lnTo>
                  <a:pt x="12048" y="1340"/>
                </a:lnTo>
                <a:lnTo>
                  <a:pt x="12044" y="1328"/>
                </a:lnTo>
                <a:lnTo>
                  <a:pt x="12040" y="1316"/>
                </a:lnTo>
                <a:lnTo>
                  <a:pt x="12034" y="1304"/>
                </a:lnTo>
                <a:lnTo>
                  <a:pt x="12029" y="1294"/>
                </a:lnTo>
                <a:lnTo>
                  <a:pt x="12023" y="1284"/>
                </a:lnTo>
                <a:lnTo>
                  <a:pt x="12015" y="1274"/>
                </a:lnTo>
                <a:lnTo>
                  <a:pt x="12008" y="1265"/>
                </a:lnTo>
                <a:lnTo>
                  <a:pt x="12000" y="1256"/>
                </a:lnTo>
                <a:lnTo>
                  <a:pt x="11990" y="1248"/>
                </a:lnTo>
                <a:lnTo>
                  <a:pt x="11981" y="1240"/>
                </a:lnTo>
                <a:lnTo>
                  <a:pt x="11971" y="1233"/>
                </a:lnTo>
                <a:lnTo>
                  <a:pt x="11959" y="1225"/>
                </a:lnTo>
                <a:lnTo>
                  <a:pt x="11948" y="1219"/>
                </a:lnTo>
                <a:lnTo>
                  <a:pt x="11936" y="1214"/>
                </a:lnTo>
                <a:lnTo>
                  <a:pt x="11923" y="1208"/>
                </a:lnTo>
                <a:lnTo>
                  <a:pt x="11909" y="1203"/>
                </a:lnTo>
                <a:lnTo>
                  <a:pt x="11895" y="1199"/>
                </a:lnTo>
                <a:lnTo>
                  <a:pt x="11880" y="1194"/>
                </a:lnTo>
                <a:lnTo>
                  <a:pt x="11864" y="1190"/>
                </a:lnTo>
                <a:lnTo>
                  <a:pt x="11848" y="1188"/>
                </a:lnTo>
                <a:lnTo>
                  <a:pt x="11831" y="1185"/>
                </a:lnTo>
                <a:lnTo>
                  <a:pt x="11813" y="1183"/>
                </a:lnTo>
                <a:lnTo>
                  <a:pt x="11774" y="1179"/>
                </a:lnTo>
                <a:lnTo>
                  <a:pt x="11734" y="1178"/>
                </a:lnTo>
                <a:lnTo>
                  <a:pt x="11705" y="1179"/>
                </a:lnTo>
                <a:lnTo>
                  <a:pt x="11674" y="1180"/>
                </a:lnTo>
                <a:lnTo>
                  <a:pt x="11639" y="1183"/>
                </a:lnTo>
                <a:lnTo>
                  <a:pt x="11605" y="1186"/>
                </a:lnTo>
                <a:lnTo>
                  <a:pt x="11569" y="1190"/>
                </a:lnTo>
                <a:lnTo>
                  <a:pt x="11532" y="1197"/>
                </a:lnTo>
                <a:lnTo>
                  <a:pt x="11496" y="1204"/>
                </a:lnTo>
                <a:lnTo>
                  <a:pt x="11461" y="1213"/>
                </a:lnTo>
                <a:lnTo>
                  <a:pt x="11461" y="1335"/>
                </a:lnTo>
                <a:lnTo>
                  <a:pt x="11489" y="1327"/>
                </a:lnTo>
                <a:lnTo>
                  <a:pt x="11517" y="1318"/>
                </a:lnTo>
                <a:lnTo>
                  <a:pt x="11547" y="1312"/>
                </a:lnTo>
                <a:lnTo>
                  <a:pt x="11576" y="1307"/>
                </a:lnTo>
                <a:lnTo>
                  <a:pt x="11606" y="1302"/>
                </a:lnTo>
                <a:lnTo>
                  <a:pt x="11635" y="1300"/>
                </a:lnTo>
                <a:lnTo>
                  <a:pt x="11663" y="1298"/>
                </a:lnTo>
                <a:lnTo>
                  <a:pt x="11690" y="1297"/>
                </a:lnTo>
                <a:lnTo>
                  <a:pt x="11709" y="1297"/>
                </a:lnTo>
                <a:lnTo>
                  <a:pt x="11726" y="1298"/>
                </a:lnTo>
                <a:lnTo>
                  <a:pt x="11743" y="1299"/>
                </a:lnTo>
                <a:lnTo>
                  <a:pt x="11760" y="1301"/>
                </a:lnTo>
                <a:lnTo>
                  <a:pt x="11775" y="1304"/>
                </a:lnTo>
                <a:lnTo>
                  <a:pt x="11790" y="1308"/>
                </a:lnTo>
                <a:lnTo>
                  <a:pt x="11803" y="1313"/>
                </a:lnTo>
                <a:lnTo>
                  <a:pt x="11816" y="1319"/>
                </a:lnTo>
                <a:lnTo>
                  <a:pt x="11828" y="1327"/>
                </a:lnTo>
                <a:lnTo>
                  <a:pt x="11837" y="1336"/>
                </a:lnTo>
                <a:lnTo>
                  <a:pt x="11842" y="1342"/>
                </a:lnTo>
                <a:lnTo>
                  <a:pt x="11846" y="1347"/>
                </a:lnTo>
                <a:lnTo>
                  <a:pt x="11850" y="1354"/>
                </a:lnTo>
                <a:lnTo>
                  <a:pt x="11853" y="1360"/>
                </a:lnTo>
                <a:lnTo>
                  <a:pt x="11859" y="1375"/>
                </a:lnTo>
                <a:lnTo>
                  <a:pt x="11863" y="1392"/>
                </a:lnTo>
                <a:lnTo>
                  <a:pt x="11866" y="1411"/>
                </a:lnTo>
                <a:lnTo>
                  <a:pt x="11867" y="1434"/>
                </a:lnTo>
                <a:lnTo>
                  <a:pt x="11770" y="1434"/>
                </a:lnTo>
                <a:lnTo>
                  <a:pt x="11738" y="1434"/>
                </a:lnTo>
                <a:lnTo>
                  <a:pt x="11703" y="1435"/>
                </a:lnTo>
                <a:lnTo>
                  <a:pt x="11668" y="1437"/>
                </a:lnTo>
                <a:lnTo>
                  <a:pt x="11633" y="1440"/>
                </a:lnTo>
                <a:lnTo>
                  <a:pt x="11599" y="1444"/>
                </a:lnTo>
                <a:lnTo>
                  <a:pt x="11566" y="1450"/>
                </a:lnTo>
                <a:lnTo>
                  <a:pt x="11537" y="1455"/>
                </a:lnTo>
                <a:lnTo>
                  <a:pt x="11511" y="1463"/>
                </a:lnTo>
                <a:lnTo>
                  <a:pt x="11497" y="1468"/>
                </a:lnTo>
                <a:lnTo>
                  <a:pt x="11484" y="1473"/>
                </a:lnTo>
                <a:lnTo>
                  <a:pt x="11471" y="1480"/>
                </a:lnTo>
                <a:lnTo>
                  <a:pt x="11459" y="1486"/>
                </a:lnTo>
                <a:lnTo>
                  <a:pt x="11447" y="1493"/>
                </a:lnTo>
                <a:lnTo>
                  <a:pt x="11435" y="1502"/>
                </a:lnTo>
                <a:lnTo>
                  <a:pt x="11424" y="1511"/>
                </a:lnTo>
                <a:lnTo>
                  <a:pt x="11414" y="1520"/>
                </a:lnTo>
                <a:lnTo>
                  <a:pt x="11405" y="1531"/>
                </a:lnTo>
                <a:lnTo>
                  <a:pt x="11397" y="1543"/>
                </a:lnTo>
                <a:lnTo>
                  <a:pt x="11389" y="1554"/>
                </a:lnTo>
                <a:lnTo>
                  <a:pt x="11383" y="1567"/>
                </a:lnTo>
                <a:lnTo>
                  <a:pt x="11377" y="1581"/>
                </a:lnTo>
                <a:lnTo>
                  <a:pt x="11374" y="1596"/>
                </a:lnTo>
                <a:lnTo>
                  <a:pt x="11372" y="1612"/>
                </a:lnTo>
                <a:lnTo>
                  <a:pt x="11371" y="1628"/>
                </a:lnTo>
                <a:lnTo>
                  <a:pt x="11371" y="1642"/>
                </a:lnTo>
                <a:lnTo>
                  <a:pt x="11372" y="1654"/>
                </a:lnTo>
                <a:lnTo>
                  <a:pt x="11374" y="1667"/>
                </a:lnTo>
                <a:lnTo>
                  <a:pt x="11376" y="1678"/>
                </a:lnTo>
                <a:lnTo>
                  <a:pt x="11379" y="1689"/>
                </a:lnTo>
                <a:lnTo>
                  <a:pt x="11384" y="1700"/>
                </a:lnTo>
                <a:lnTo>
                  <a:pt x="11388" y="1710"/>
                </a:lnTo>
                <a:lnTo>
                  <a:pt x="11393" y="1720"/>
                </a:lnTo>
                <a:lnTo>
                  <a:pt x="11399" y="1730"/>
                </a:lnTo>
                <a:lnTo>
                  <a:pt x="11405" y="1738"/>
                </a:lnTo>
                <a:lnTo>
                  <a:pt x="11412" y="1747"/>
                </a:lnTo>
                <a:lnTo>
                  <a:pt x="11419" y="1754"/>
                </a:lnTo>
                <a:lnTo>
                  <a:pt x="11427" y="1762"/>
                </a:lnTo>
                <a:lnTo>
                  <a:pt x="11435" y="1769"/>
                </a:lnTo>
                <a:lnTo>
                  <a:pt x="11444" y="1776"/>
                </a:lnTo>
                <a:lnTo>
                  <a:pt x="11452" y="1781"/>
                </a:lnTo>
                <a:lnTo>
                  <a:pt x="11462" y="1787"/>
                </a:lnTo>
                <a:lnTo>
                  <a:pt x="11471" y="1793"/>
                </a:lnTo>
                <a:lnTo>
                  <a:pt x="11482" y="1797"/>
                </a:lnTo>
                <a:lnTo>
                  <a:pt x="11493" y="1801"/>
                </a:lnTo>
                <a:lnTo>
                  <a:pt x="11515" y="1810"/>
                </a:lnTo>
                <a:lnTo>
                  <a:pt x="11539" y="1815"/>
                </a:lnTo>
                <a:lnTo>
                  <a:pt x="11563" y="1820"/>
                </a:lnTo>
                <a:lnTo>
                  <a:pt x="11589" y="1824"/>
                </a:lnTo>
                <a:lnTo>
                  <a:pt x="11615" y="1826"/>
                </a:lnTo>
                <a:lnTo>
                  <a:pt x="11642" y="1826"/>
                </a:lnTo>
                <a:lnTo>
                  <a:pt x="11661" y="1826"/>
                </a:lnTo>
                <a:lnTo>
                  <a:pt x="11680" y="1825"/>
                </a:lnTo>
                <a:lnTo>
                  <a:pt x="11698" y="1824"/>
                </a:lnTo>
                <a:lnTo>
                  <a:pt x="11715" y="1821"/>
                </a:lnTo>
                <a:lnTo>
                  <a:pt x="11731" y="1818"/>
                </a:lnTo>
                <a:lnTo>
                  <a:pt x="11748" y="1815"/>
                </a:lnTo>
                <a:lnTo>
                  <a:pt x="11764" y="1812"/>
                </a:lnTo>
                <a:lnTo>
                  <a:pt x="11779" y="1808"/>
                </a:lnTo>
                <a:lnTo>
                  <a:pt x="11792" y="1802"/>
                </a:lnTo>
                <a:lnTo>
                  <a:pt x="11805" y="1797"/>
                </a:lnTo>
                <a:lnTo>
                  <a:pt x="11819" y="1790"/>
                </a:lnTo>
                <a:lnTo>
                  <a:pt x="11831" y="1784"/>
                </a:lnTo>
                <a:lnTo>
                  <a:pt x="11843" y="1776"/>
                </a:lnTo>
                <a:lnTo>
                  <a:pt x="11855" y="1768"/>
                </a:lnTo>
                <a:lnTo>
                  <a:pt x="11865" y="1760"/>
                </a:lnTo>
                <a:lnTo>
                  <a:pt x="11876" y="1750"/>
                </a:lnTo>
                <a:lnTo>
                  <a:pt x="11878" y="1750"/>
                </a:lnTo>
                <a:lnTo>
                  <a:pt x="11878" y="1812"/>
                </a:lnTo>
                <a:lnTo>
                  <a:pt x="12059" y="1812"/>
                </a:lnTo>
                <a:lnTo>
                  <a:pt x="12059" y="1421"/>
                </a:lnTo>
                <a:close/>
                <a:moveTo>
                  <a:pt x="11867" y="1645"/>
                </a:moveTo>
                <a:lnTo>
                  <a:pt x="11856" y="1654"/>
                </a:lnTo>
                <a:lnTo>
                  <a:pt x="11844" y="1661"/>
                </a:lnTo>
                <a:lnTo>
                  <a:pt x="11831" y="1668"/>
                </a:lnTo>
                <a:lnTo>
                  <a:pt x="11819" y="1674"/>
                </a:lnTo>
                <a:lnTo>
                  <a:pt x="11796" y="1685"/>
                </a:lnTo>
                <a:lnTo>
                  <a:pt x="11772" y="1693"/>
                </a:lnTo>
                <a:lnTo>
                  <a:pt x="11750" y="1700"/>
                </a:lnTo>
                <a:lnTo>
                  <a:pt x="11726" y="1704"/>
                </a:lnTo>
                <a:lnTo>
                  <a:pt x="11705" y="1707"/>
                </a:lnTo>
                <a:lnTo>
                  <a:pt x="11682" y="1708"/>
                </a:lnTo>
                <a:lnTo>
                  <a:pt x="11670" y="1708"/>
                </a:lnTo>
                <a:lnTo>
                  <a:pt x="11659" y="1708"/>
                </a:lnTo>
                <a:lnTo>
                  <a:pt x="11647" y="1707"/>
                </a:lnTo>
                <a:lnTo>
                  <a:pt x="11636" y="1705"/>
                </a:lnTo>
                <a:lnTo>
                  <a:pt x="11627" y="1703"/>
                </a:lnTo>
                <a:lnTo>
                  <a:pt x="11617" y="1700"/>
                </a:lnTo>
                <a:lnTo>
                  <a:pt x="11608" y="1695"/>
                </a:lnTo>
                <a:lnTo>
                  <a:pt x="11600" y="1691"/>
                </a:lnTo>
                <a:lnTo>
                  <a:pt x="11592" y="1686"/>
                </a:lnTo>
                <a:lnTo>
                  <a:pt x="11586" y="1679"/>
                </a:lnTo>
                <a:lnTo>
                  <a:pt x="11581" y="1673"/>
                </a:lnTo>
                <a:lnTo>
                  <a:pt x="11576" y="1665"/>
                </a:lnTo>
                <a:lnTo>
                  <a:pt x="11573" y="1657"/>
                </a:lnTo>
                <a:lnTo>
                  <a:pt x="11570" y="1647"/>
                </a:lnTo>
                <a:lnTo>
                  <a:pt x="11569" y="1637"/>
                </a:lnTo>
                <a:lnTo>
                  <a:pt x="11568" y="1625"/>
                </a:lnTo>
                <a:lnTo>
                  <a:pt x="11568" y="1618"/>
                </a:lnTo>
                <a:lnTo>
                  <a:pt x="11569" y="1612"/>
                </a:lnTo>
                <a:lnTo>
                  <a:pt x="11571" y="1606"/>
                </a:lnTo>
                <a:lnTo>
                  <a:pt x="11573" y="1599"/>
                </a:lnTo>
                <a:lnTo>
                  <a:pt x="11575" y="1594"/>
                </a:lnTo>
                <a:lnTo>
                  <a:pt x="11578" y="1589"/>
                </a:lnTo>
                <a:lnTo>
                  <a:pt x="11583" y="1584"/>
                </a:lnTo>
                <a:lnTo>
                  <a:pt x="11587" y="1579"/>
                </a:lnTo>
                <a:lnTo>
                  <a:pt x="11597" y="1571"/>
                </a:lnTo>
                <a:lnTo>
                  <a:pt x="11610" y="1564"/>
                </a:lnTo>
                <a:lnTo>
                  <a:pt x="11622" y="1558"/>
                </a:lnTo>
                <a:lnTo>
                  <a:pt x="11638" y="1552"/>
                </a:lnTo>
                <a:lnTo>
                  <a:pt x="11654" y="1548"/>
                </a:lnTo>
                <a:lnTo>
                  <a:pt x="11673" y="1545"/>
                </a:lnTo>
                <a:lnTo>
                  <a:pt x="11692" y="1542"/>
                </a:lnTo>
                <a:lnTo>
                  <a:pt x="11712" y="1539"/>
                </a:lnTo>
                <a:lnTo>
                  <a:pt x="11754" y="1537"/>
                </a:lnTo>
                <a:lnTo>
                  <a:pt x="11799" y="1536"/>
                </a:lnTo>
                <a:lnTo>
                  <a:pt x="11867" y="1536"/>
                </a:lnTo>
                <a:lnTo>
                  <a:pt x="11867" y="1645"/>
                </a:lnTo>
                <a:close/>
                <a:moveTo>
                  <a:pt x="10062" y="1178"/>
                </a:moveTo>
                <a:lnTo>
                  <a:pt x="10047" y="1179"/>
                </a:lnTo>
                <a:lnTo>
                  <a:pt x="10031" y="1179"/>
                </a:lnTo>
                <a:lnTo>
                  <a:pt x="10016" y="1182"/>
                </a:lnTo>
                <a:lnTo>
                  <a:pt x="10001" y="1184"/>
                </a:lnTo>
                <a:lnTo>
                  <a:pt x="9986" y="1187"/>
                </a:lnTo>
                <a:lnTo>
                  <a:pt x="9971" y="1190"/>
                </a:lnTo>
                <a:lnTo>
                  <a:pt x="9957" y="1194"/>
                </a:lnTo>
                <a:lnTo>
                  <a:pt x="9944" y="1201"/>
                </a:lnTo>
                <a:lnTo>
                  <a:pt x="9931" y="1207"/>
                </a:lnTo>
                <a:lnTo>
                  <a:pt x="9917" y="1215"/>
                </a:lnTo>
                <a:lnTo>
                  <a:pt x="9905" y="1223"/>
                </a:lnTo>
                <a:lnTo>
                  <a:pt x="9893" y="1233"/>
                </a:lnTo>
                <a:lnTo>
                  <a:pt x="9881" y="1245"/>
                </a:lnTo>
                <a:lnTo>
                  <a:pt x="9871" y="1257"/>
                </a:lnTo>
                <a:lnTo>
                  <a:pt x="9860" y="1270"/>
                </a:lnTo>
                <a:lnTo>
                  <a:pt x="9850" y="1286"/>
                </a:lnTo>
                <a:lnTo>
                  <a:pt x="9848" y="1286"/>
                </a:lnTo>
                <a:lnTo>
                  <a:pt x="9848" y="1191"/>
                </a:lnTo>
                <a:lnTo>
                  <a:pt x="9660" y="1191"/>
                </a:lnTo>
                <a:lnTo>
                  <a:pt x="9660" y="1812"/>
                </a:lnTo>
                <a:lnTo>
                  <a:pt x="9864" y="1812"/>
                </a:lnTo>
                <a:lnTo>
                  <a:pt x="9864" y="1508"/>
                </a:lnTo>
                <a:lnTo>
                  <a:pt x="9865" y="1485"/>
                </a:lnTo>
                <a:lnTo>
                  <a:pt x="9866" y="1465"/>
                </a:lnTo>
                <a:lnTo>
                  <a:pt x="9869" y="1445"/>
                </a:lnTo>
                <a:lnTo>
                  <a:pt x="9872" y="1429"/>
                </a:lnTo>
                <a:lnTo>
                  <a:pt x="9875" y="1416"/>
                </a:lnTo>
                <a:lnTo>
                  <a:pt x="9879" y="1403"/>
                </a:lnTo>
                <a:lnTo>
                  <a:pt x="9884" y="1392"/>
                </a:lnTo>
                <a:lnTo>
                  <a:pt x="9889" y="1382"/>
                </a:lnTo>
                <a:lnTo>
                  <a:pt x="9898" y="1369"/>
                </a:lnTo>
                <a:lnTo>
                  <a:pt x="9906" y="1357"/>
                </a:lnTo>
                <a:lnTo>
                  <a:pt x="9917" y="1347"/>
                </a:lnTo>
                <a:lnTo>
                  <a:pt x="9929" y="1339"/>
                </a:lnTo>
                <a:lnTo>
                  <a:pt x="9942" y="1331"/>
                </a:lnTo>
                <a:lnTo>
                  <a:pt x="9957" y="1325"/>
                </a:lnTo>
                <a:lnTo>
                  <a:pt x="9973" y="1320"/>
                </a:lnTo>
                <a:lnTo>
                  <a:pt x="9993" y="1317"/>
                </a:lnTo>
                <a:lnTo>
                  <a:pt x="10003" y="1316"/>
                </a:lnTo>
                <a:lnTo>
                  <a:pt x="10015" y="1315"/>
                </a:lnTo>
                <a:lnTo>
                  <a:pt x="10028" y="1316"/>
                </a:lnTo>
                <a:lnTo>
                  <a:pt x="10040" y="1317"/>
                </a:lnTo>
                <a:lnTo>
                  <a:pt x="10053" y="1319"/>
                </a:lnTo>
                <a:lnTo>
                  <a:pt x="10064" y="1321"/>
                </a:lnTo>
                <a:lnTo>
                  <a:pt x="10076" y="1326"/>
                </a:lnTo>
                <a:lnTo>
                  <a:pt x="10087" y="1331"/>
                </a:lnTo>
                <a:lnTo>
                  <a:pt x="10180" y="1201"/>
                </a:lnTo>
                <a:lnTo>
                  <a:pt x="10165" y="1195"/>
                </a:lnTo>
                <a:lnTo>
                  <a:pt x="10152" y="1191"/>
                </a:lnTo>
                <a:lnTo>
                  <a:pt x="10138" y="1187"/>
                </a:lnTo>
                <a:lnTo>
                  <a:pt x="10124" y="1185"/>
                </a:lnTo>
                <a:lnTo>
                  <a:pt x="10109" y="1182"/>
                </a:lnTo>
                <a:lnTo>
                  <a:pt x="10094" y="1180"/>
                </a:lnTo>
                <a:lnTo>
                  <a:pt x="10079" y="1179"/>
                </a:lnTo>
                <a:lnTo>
                  <a:pt x="10062" y="1178"/>
                </a:lnTo>
                <a:close/>
                <a:moveTo>
                  <a:pt x="9325" y="1262"/>
                </a:moveTo>
                <a:lnTo>
                  <a:pt x="9325" y="1272"/>
                </a:lnTo>
                <a:lnTo>
                  <a:pt x="9324" y="1283"/>
                </a:lnTo>
                <a:lnTo>
                  <a:pt x="9322" y="1294"/>
                </a:lnTo>
                <a:lnTo>
                  <a:pt x="9319" y="1305"/>
                </a:lnTo>
                <a:lnTo>
                  <a:pt x="9314" y="1316"/>
                </a:lnTo>
                <a:lnTo>
                  <a:pt x="9309" y="1328"/>
                </a:lnTo>
                <a:lnTo>
                  <a:pt x="9302" y="1339"/>
                </a:lnTo>
                <a:lnTo>
                  <a:pt x="9293" y="1348"/>
                </a:lnTo>
                <a:lnTo>
                  <a:pt x="9283" y="1358"/>
                </a:lnTo>
                <a:lnTo>
                  <a:pt x="9270" y="1366"/>
                </a:lnTo>
                <a:lnTo>
                  <a:pt x="9258" y="1374"/>
                </a:lnTo>
                <a:lnTo>
                  <a:pt x="9242" y="1381"/>
                </a:lnTo>
                <a:lnTo>
                  <a:pt x="9223" y="1387"/>
                </a:lnTo>
                <a:lnTo>
                  <a:pt x="9203" y="1391"/>
                </a:lnTo>
                <a:lnTo>
                  <a:pt x="9181" y="1393"/>
                </a:lnTo>
                <a:lnTo>
                  <a:pt x="9156" y="1394"/>
                </a:lnTo>
                <a:lnTo>
                  <a:pt x="8987" y="1394"/>
                </a:lnTo>
                <a:lnTo>
                  <a:pt x="8987" y="1145"/>
                </a:lnTo>
                <a:lnTo>
                  <a:pt x="9156" y="1145"/>
                </a:lnTo>
                <a:lnTo>
                  <a:pt x="9181" y="1145"/>
                </a:lnTo>
                <a:lnTo>
                  <a:pt x="9203" y="1147"/>
                </a:lnTo>
                <a:lnTo>
                  <a:pt x="9223" y="1152"/>
                </a:lnTo>
                <a:lnTo>
                  <a:pt x="9242" y="1156"/>
                </a:lnTo>
                <a:lnTo>
                  <a:pt x="9258" y="1161"/>
                </a:lnTo>
                <a:lnTo>
                  <a:pt x="9270" y="1169"/>
                </a:lnTo>
                <a:lnTo>
                  <a:pt x="9283" y="1176"/>
                </a:lnTo>
                <a:lnTo>
                  <a:pt x="9293" y="1184"/>
                </a:lnTo>
                <a:lnTo>
                  <a:pt x="9302" y="1193"/>
                </a:lnTo>
                <a:lnTo>
                  <a:pt x="9309" y="1202"/>
                </a:lnTo>
                <a:lnTo>
                  <a:pt x="9314" y="1213"/>
                </a:lnTo>
                <a:lnTo>
                  <a:pt x="9319" y="1222"/>
                </a:lnTo>
                <a:lnTo>
                  <a:pt x="9322" y="1232"/>
                </a:lnTo>
                <a:lnTo>
                  <a:pt x="9324" y="1242"/>
                </a:lnTo>
                <a:lnTo>
                  <a:pt x="9325" y="1252"/>
                </a:lnTo>
                <a:lnTo>
                  <a:pt x="9325" y="1262"/>
                </a:lnTo>
                <a:close/>
                <a:moveTo>
                  <a:pt x="9139" y="1011"/>
                </a:moveTo>
                <a:lnTo>
                  <a:pt x="8750" y="1011"/>
                </a:lnTo>
                <a:lnTo>
                  <a:pt x="8750" y="1812"/>
                </a:lnTo>
                <a:lnTo>
                  <a:pt x="8987" y="1812"/>
                </a:lnTo>
                <a:lnTo>
                  <a:pt x="8987" y="1528"/>
                </a:lnTo>
                <a:lnTo>
                  <a:pt x="9189" y="1528"/>
                </a:lnTo>
                <a:lnTo>
                  <a:pt x="9211" y="1527"/>
                </a:lnTo>
                <a:lnTo>
                  <a:pt x="9231" y="1526"/>
                </a:lnTo>
                <a:lnTo>
                  <a:pt x="9251" y="1524"/>
                </a:lnTo>
                <a:lnTo>
                  <a:pt x="9272" y="1522"/>
                </a:lnTo>
                <a:lnTo>
                  <a:pt x="9291" y="1519"/>
                </a:lnTo>
                <a:lnTo>
                  <a:pt x="9309" y="1516"/>
                </a:lnTo>
                <a:lnTo>
                  <a:pt x="9327" y="1512"/>
                </a:lnTo>
                <a:lnTo>
                  <a:pt x="9345" y="1507"/>
                </a:lnTo>
                <a:lnTo>
                  <a:pt x="9361" y="1502"/>
                </a:lnTo>
                <a:lnTo>
                  <a:pt x="9379" y="1497"/>
                </a:lnTo>
                <a:lnTo>
                  <a:pt x="9394" y="1490"/>
                </a:lnTo>
                <a:lnTo>
                  <a:pt x="9409" y="1484"/>
                </a:lnTo>
                <a:lnTo>
                  <a:pt x="9423" y="1476"/>
                </a:lnTo>
                <a:lnTo>
                  <a:pt x="9436" y="1469"/>
                </a:lnTo>
                <a:lnTo>
                  <a:pt x="9449" y="1460"/>
                </a:lnTo>
                <a:lnTo>
                  <a:pt x="9462" y="1452"/>
                </a:lnTo>
                <a:lnTo>
                  <a:pt x="9474" y="1443"/>
                </a:lnTo>
                <a:lnTo>
                  <a:pt x="9484" y="1434"/>
                </a:lnTo>
                <a:lnTo>
                  <a:pt x="9495" y="1424"/>
                </a:lnTo>
                <a:lnTo>
                  <a:pt x="9505" y="1413"/>
                </a:lnTo>
                <a:lnTo>
                  <a:pt x="9513" y="1403"/>
                </a:lnTo>
                <a:lnTo>
                  <a:pt x="9521" y="1392"/>
                </a:lnTo>
                <a:lnTo>
                  <a:pt x="9528" y="1380"/>
                </a:lnTo>
                <a:lnTo>
                  <a:pt x="9535" y="1369"/>
                </a:lnTo>
                <a:lnTo>
                  <a:pt x="9541" y="1357"/>
                </a:lnTo>
                <a:lnTo>
                  <a:pt x="9547" y="1345"/>
                </a:lnTo>
                <a:lnTo>
                  <a:pt x="9551" y="1332"/>
                </a:lnTo>
                <a:lnTo>
                  <a:pt x="9554" y="1319"/>
                </a:lnTo>
                <a:lnTo>
                  <a:pt x="9557" y="1307"/>
                </a:lnTo>
                <a:lnTo>
                  <a:pt x="9559" y="1293"/>
                </a:lnTo>
                <a:lnTo>
                  <a:pt x="9560" y="1279"/>
                </a:lnTo>
                <a:lnTo>
                  <a:pt x="9560" y="1265"/>
                </a:lnTo>
                <a:lnTo>
                  <a:pt x="9560" y="1250"/>
                </a:lnTo>
                <a:lnTo>
                  <a:pt x="9559" y="1235"/>
                </a:lnTo>
                <a:lnTo>
                  <a:pt x="9557" y="1221"/>
                </a:lnTo>
                <a:lnTo>
                  <a:pt x="9555" y="1207"/>
                </a:lnTo>
                <a:lnTo>
                  <a:pt x="9552" y="1193"/>
                </a:lnTo>
                <a:lnTo>
                  <a:pt x="9548" y="1180"/>
                </a:lnTo>
                <a:lnTo>
                  <a:pt x="9542" y="1168"/>
                </a:lnTo>
                <a:lnTo>
                  <a:pt x="9537" y="1156"/>
                </a:lnTo>
                <a:lnTo>
                  <a:pt x="9530" y="1144"/>
                </a:lnTo>
                <a:lnTo>
                  <a:pt x="9523" y="1133"/>
                </a:lnTo>
                <a:lnTo>
                  <a:pt x="9514" y="1123"/>
                </a:lnTo>
                <a:lnTo>
                  <a:pt x="9506" y="1112"/>
                </a:lnTo>
                <a:lnTo>
                  <a:pt x="9496" y="1102"/>
                </a:lnTo>
                <a:lnTo>
                  <a:pt x="9486" y="1093"/>
                </a:lnTo>
                <a:lnTo>
                  <a:pt x="9474" y="1084"/>
                </a:lnTo>
                <a:lnTo>
                  <a:pt x="9462" y="1076"/>
                </a:lnTo>
                <a:lnTo>
                  <a:pt x="9449" y="1068"/>
                </a:lnTo>
                <a:lnTo>
                  <a:pt x="9434" y="1061"/>
                </a:lnTo>
                <a:lnTo>
                  <a:pt x="9419" y="1054"/>
                </a:lnTo>
                <a:lnTo>
                  <a:pt x="9404" y="1048"/>
                </a:lnTo>
                <a:lnTo>
                  <a:pt x="9387" y="1042"/>
                </a:lnTo>
                <a:lnTo>
                  <a:pt x="9369" y="1036"/>
                </a:lnTo>
                <a:lnTo>
                  <a:pt x="9351" y="1032"/>
                </a:lnTo>
                <a:lnTo>
                  <a:pt x="9331" y="1028"/>
                </a:lnTo>
                <a:lnTo>
                  <a:pt x="9310" y="1023"/>
                </a:lnTo>
                <a:lnTo>
                  <a:pt x="9289" y="1020"/>
                </a:lnTo>
                <a:lnTo>
                  <a:pt x="9266" y="1017"/>
                </a:lnTo>
                <a:lnTo>
                  <a:pt x="9243" y="1015"/>
                </a:lnTo>
                <a:lnTo>
                  <a:pt x="9219" y="1013"/>
                </a:lnTo>
                <a:lnTo>
                  <a:pt x="9193" y="1012"/>
                </a:lnTo>
                <a:lnTo>
                  <a:pt x="9167" y="1011"/>
                </a:lnTo>
                <a:lnTo>
                  <a:pt x="9139" y="1011"/>
                </a:lnTo>
                <a:close/>
                <a:moveTo>
                  <a:pt x="13030" y="1297"/>
                </a:moveTo>
                <a:lnTo>
                  <a:pt x="13047" y="1297"/>
                </a:lnTo>
                <a:lnTo>
                  <a:pt x="13063" y="1299"/>
                </a:lnTo>
                <a:lnTo>
                  <a:pt x="13078" y="1302"/>
                </a:lnTo>
                <a:lnTo>
                  <a:pt x="13091" y="1305"/>
                </a:lnTo>
                <a:lnTo>
                  <a:pt x="13104" y="1311"/>
                </a:lnTo>
                <a:lnTo>
                  <a:pt x="13116" y="1316"/>
                </a:lnTo>
                <a:lnTo>
                  <a:pt x="13127" y="1324"/>
                </a:lnTo>
                <a:lnTo>
                  <a:pt x="13136" y="1331"/>
                </a:lnTo>
                <a:lnTo>
                  <a:pt x="13145" y="1340"/>
                </a:lnTo>
                <a:lnTo>
                  <a:pt x="13154" y="1348"/>
                </a:lnTo>
                <a:lnTo>
                  <a:pt x="13160" y="1358"/>
                </a:lnTo>
                <a:lnTo>
                  <a:pt x="13166" y="1369"/>
                </a:lnTo>
                <a:lnTo>
                  <a:pt x="13172" y="1379"/>
                </a:lnTo>
                <a:lnTo>
                  <a:pt x="13177" y="1390"/>
                </a:lnTo>
                <a:lnTo>
                  <a:pt x="13180" y="1402"/>
                </a:lnTo>
                <a:lnTo>
                  <a:pt x="13183" y="1413"/>
                </a:lnTo>
                <a:lnTo>
                  <a:pt x="13185" y="1417"/>
                </a:lnTo>
                <a:lnTo>
                  <a:pt x="13185" y="1421"/>
                </a:lnTo>
                <a:lnTo>
                  <a:pt x="13186" y="1425"/>
                </a:lnTo>
                <a:lnTo>
                  <a:pt x="13186" y="1428"/>
                </a:lnTo>
                <a:lnTo>
                  <a:pt x="13186" y="1433"/>
                </a:lnTo>
                <a:lnTo>
                  <a:pt x="13187" y="1437"/>
                </a:lnTo>
                <a:lnTo>
                  <a:pt x="13187" y="1440"/>
                </a:lnTo>
                <a:lnTo>
                  <a:pt x="13187" y="1443"/>
                </a:lnTo>
                <a:lnTo>
                  <a:pt x="12857" y="1443"/>
                </a:lnTo>
                <a:lnTo>
                  <a:pt x="12859" y="1429"/>
                </a:lnTo>
                <a:lnTo>
                  <a:pt x="12862" y="1414"/>
                </a:lnTo>
                <a:lnTo>
                  <a:pt x="12867" y="1402"/>
                </a:lnTo>
                <a:lnTo>
                  <a:pt x="12873" y="1388"/>
                </a:lnTo>
                <a:lnTo>
                  <a:pt x="12880" y="1375"/>
                </a:lnTo>
                <a:lnTo>
                  <a:pt x="12887" y="1363"/>
                </a:lnTo>
                <a:lnTo>
                  <a:pt x="12896" y="1351"/>
                </a:lnTo>
                <a:lnTo>
                  <a:pt x="12906" y="1341"/>
                </a:lnTo>
                <a:lnTo>
                  <a:pt x="12917" y="1331"/>
                </a:lnTo>
                <a:lnTo>
                  <a:pt x="12930" y="1323"/>
                </a:lnTo>
                <a:lnTo>
                  <a:pt x="12944" y="1315"/>
                </a:lnTo>
                <a:lnTo>
                  <a:pt x="12959" y="1309"/>
                </a:lnTo>
                <a:lnTo>
                  <a:pt x="12975" y="1303"/>
                </a:lnTo>
                <a:lnTo>
                  <a:pt x="12992" y="1299"/>
                </a:lnTo>
                <a:lnTo>
                  <a:pt x="13010" y="1297"/>
                </a:lnTo>
                <a:lnTo>
                  <a:pt x="13030" y="1297"/>
                </a:lnTo>
                <a:close/>
                <a:moveTo>
                  <a:pt x="13290" y="1671"/>
                </a:moveTo>
                <a:lnTo>
                  <a:pt x="13263" y="1678"/>
                </a:lnTo>
                <a:lnTo>
                  <a:pt x="13237" y="1684"/>
                </a:lnTo>
                <a:lnTo>
                  <a:pt x="13212" y="1689"/>
                </a:lnTo>
                <a:lnTo>
                  <a:pt x="13189" y="1693"/>
                </a:lnTo>
                <a:lnTo>
                  <a:pt x="13164" y="1696"/>
                </a:lnTo>
                <a:lnTo>
                  <a:pt x="13139" y="1700"/>
                </a:lnTo>
                <a:lnTo>
                  <a:pt x="13113" y="1701"/>
                </a:lnTo>
                <a:lnTo>
                  <a:pt x="13084" y="1701"/>
                </a:lnTo>
                <a:lnTo>
                  <a:pt x="13060" y="1701"/>
                </a:lnTo>
                <a:lnTo>
                  <a:pt x="13038" y="1699"/>
                </a:lnTo>
                <a:lnTo>
                  <a:pt x="13017" y="1696"/>
                </a:lnTo>
                <a:lnTo>
                  <a:pt x="12996" y="1692"/>
                </a:lnTo>
                <a:lnTo>
                  <a:pt x="12977" y="1687"/>
                </a:lnTo>
                <a:lnTo>
                  <a:pt x="12959" y="1680"/>
                </a:lnTo>
                <a:lnTo>
                  <a:pt x="12942" y="1674"/>
                </a:lnTo>
                <a:lnTo>
                  <a:pt x="12927" y="1665"/>
                </a:lnTo>
                <a:lnTo>
                  <a:pt x="12913" y="1655"/>
                </a:lnTo>
                <a:lnTo>
                  <a:pt x="12900" y="1644"/>
                </a:lnTo>
                <a:lnTo>
                  <a:pt x="12888" y="1632"/>
                </a:lnTo>
                <a:lnTo>
                  <a:pt x="12880" y="1620"/>
                </a:lnTo>
                <a:lnTo>
                  <a:pt x="12871" y="1605"/>
                </a:lnTo>
                <a:lnTo>
                  <a:pt x="12865" y="1589"/>
                </a:lnTo>
                <a:lnTo>
                  <a:pt x="12860" y="1573"/>
                </a:lnTo>
                <a:lnTo>
                  <a:pt x="12857" y="1554"/>
                </a:lnTo>
                <a:lnTo>
                  <a:pt x="13363" y="1554"/>
                </a:lnTo>
                <a:lnTo>
                  <a:pt x="13364" y="1544"/>
                </a:lnTo>
                <a:lnTo>
                  <a:pt x="13365" y="1532"/>
                </a:lnTo>
                <a:lnTo>
                  <a:pt x="13365" y="1520"/>
                </a:lnTo>
                <a:lnTo>
                  <a:pt x="13365" y="1507"/>
                </a:lnTo>
                <a:lnTo>
                  <a:pt x="13365" y="1495"/>
                </a:lnTo>
                <a:lnTo>
                  <a:pt x="13365" y="1483"/>
                </a:lnTo>
                <a:lnTo>
                  <a:pt x="13364" y="1470"/>
                </a:lnTo>
                <a:lnTo>
                  <a:pt x="13363" y="1458"/>
                </a:lnTo>
                <a:lnTo>
                  <a:pt x="13360" y="1429"/>
                </a:lnTo>
                <a:lnTo>
                  <a:pt x="13354" y="1402"/>
                </a:lnTo>
                <a:lnTo>
                  <a:pt x="13350" y="1388"/>
                </a:lnTo>
                <a:lnTo>
                  <a:pt x="13346" y="1374"/>
                </a:lnTo>
                <a:lnTo>
                  <a:pt x="13341" y="1361"/>
                </a:lnTo>
                <a:lnTo>
                  <a:pt x="13336" y="1348"/>
                </a:lnTo>
                <a:lnTo>
                  <a:pt x="13330" y="1336"/>
                </a:lnTo>
                <a:lnTo>
                  <a:pt x="13324" y="1324"/>
                </a:lnTo>
                <a:lnTo>
                  <a:pt x="13317" y="1312"/>
                </a:lnTo>
                <a:lnTo>
                  <a:pt x="13310" y="1301"/>
                </a:lnTo>
                <a:lnTo>
                  <a:pt x="13301" y="1289"/>
                </a:lnTo>
                <a:lnTo>
                  <a:pt x="13293" y="1280"/>
                </a:lnTo>
                <a:lnTo>
                  <a:pt x="13283" y="1269"/>
                </a:lnTo>
                <a:lnTo>
                  <a:pt x="13273" y="1260"/>
                </a:lnTo>
                <a:lnTo>
                  <a:pt x="13263" y="1251"/>
                </a:lnTo>
                <a:lnTo>
                  <a:pt x="13251" y="1241"/>
                </a:lnTo>
                <a:lnTo>
                  <a:pt x="13239" y="1234"/>
                </a:lnTo>
                <a:lnTo>
                  <a:pt x="13226" y="1225"/>
                </a:lnTo>
                <a:lnTo>
                  <a:pt x="13213" y="1219"/>
                </a:lnTo>
                <a:lnTo>
                  <a:pt x="13198" y="1211"/>
                </a:lnTo>
                <a:lnTo>
                  <a:pt x="13185" y="1206"/>
                </a:lnTo>
                <a:lnTo>
                  <a:pt x="13168" y="1201"/>
                </a:lnTo>
                <a:lnTo>
                  <a:pt x="13152" y="1195"/>
                </a:lnTo>
                <a:lnTo>
                  <a:pt x="13135" y="1191"/>
                </a:lnTo>
                <a:lnTo>
                  <a:pt x="13118" y="1187"/>
                </a:lnTo>
                <a:lnTo>
                  <a:pt x="13100" y="1185"/>
                </a:lnTo>
                <a:lnTo>
                  <a:pt x="13081" y="1182"/>
                </a:lnTo>
                <a:lnTo>
                  <a:pt x="13060" y="1180"/>
                </a:lnTo>
                <a:lnTo>
                  <a:pt x="13040" y="1179"/>
                </a:lnTo>
                <a:lnTo>
                  <a:pt x="13019" y="1178"/>
                </a:lnTo>
                <a:lnTo>
                  <a:pt x="12996" y="1179"/>
                </a:lnTo>
                <a:lnTo>
                  <a:pt x="12975" y="1180"/>
                </a:lnTo>
                <a:lnTo>
                  <a:pt x="12954" y="1183"/>
                </a:lnTo>
                <a:lnTo>
                  <a:pt x="12934" y="1186"/>
                </a:lnTo>
                <a:lnTo>
                  <a:pt x="12916" y="1190"/>
                </a:lnTo>
                <a:lnTo>
                  <a:pt x="12898" y="1194"/>
                </a:lnTo>
                <a:lnTo>
                  <a:pt x="12880" y="1200"/>
                </a:lnTo>
                <a:lnTo>
                  <a:pt x="12864" y="1206"/>
                </a:lnTo>
                <a:lnTo>
                  <a:pt x="12847" y="1214"/>
                </a:lnTo>
                <a:lnTo>
                  <a:pt x="12831" y="1221"/>
                </a:lnTo>
                <a:lnTo>
                  <a:pt x="12818" y="1229"/>
                </a:lnTo>
                <a:lnTo>
                  <a:pt x="12804" y="1238"/>
                </a:lnTo>
                <a:lnTo>
                  <a:pt x="12791" y="1248"/>
                </a:lnTo>
                <a:lnTo>
                  <a:pt x="12778" y="1257"/>
                </a:lnTo>
                <a:lnTo>
                  <a:pt x="12766" y="1268"/>
                </a:lnTo>
                <a:lnTo>
                  <a:pt x="12755" y="1279"/>
                </a:lnTo>
                <a:lnTo>
                  <a:pt x="12745" y="1291"/>
                </a:lnTo>
                <a:lnTo>
                  <a:pt x="12735" y="1303"/>
                </a:lnTo>
                <a:lnTo>
                  <a:pt x="12727" y="1315"/>
                </a:lnTo>
                <a:lnTo>
                  <a:pt x="12718" y="1329"/>
                </a:lnTo>
                <a:lnTo>
                  <a:pt x="12711" y="1342"/>
                </a:lnTo>
                <a:lnTo>
                  <a:pt x="12704" y="1356"/>
                </a:lnTo>
                <a:lnTo>
                  <a:pt x="12698" y="1370"/>
                </a:lnTo>
                <a:lnTo>
                  <a:pt x="12692" y="1385"/>
                </a:lnTo>
                <a:lnTo>
                  <a:pt x="12687" y="1398"/>
                </a:lnTo>
                <a:lnTo>
                  <a:pt x="12684" y="1413"/>
                </a:lnTo>
                <a:lnTo>
                  <a:pt x="12680" y="1428"/>
                </a:lnTo>
                <a:lnTo>
                  <a:pt x="12677" y="1444"/>
                </a:lnTo>
                <a:lnTo>
                  <a:pt x="12674" y="1459"/>
                </a:lnTo>
                <a:lnTo>
                  <a:pt x="12673" y="1475"/>
                </a:lnTo>
                <a:lnTo>
                  <a:pt x="12672" y="1491"/>
                </a:lnTo>
                <a:lnTo>
                  <a:pt x="12672" y="1506"/>
                </a:lnTo>
                <a:lnTo>
                  <a:pt x="12672" y="1528"/>
                </a:lnTo>
                <a:lnTo>
                  <a:pt x="12674" y="1548"/>
                </a:lnTo>
                <a:lnTo>
                  <a:pt x="12676" y="1567"/>
                </a:lnTo>
                <a:lnTo>
                  <a:pt x="12680" y="1586"/>
                </a:lnTo>
                <a:lnTo>
                  <a:pt x="12684" y="1605"/>
                </a:lnTo>
                <a:lnTo>
                  <a:pt x="12689" y="1622"/>
                </a:lnTo>
                <a:lnTo>
                  <a:pt x="12694" y="1638"/>
                </a:lnTo>
                <a:lnTo>
                  <a:pt x="12702" y="1654"/>
                </a:lnTo>
                <a:lnTo>
                  <a:pt x="12709" y="1669"/>
                </a:lnTo>
                <a:lnTo>
                  <a:pt x="12718" y="1683"/>
                </a:lnTo>
                <a:lnTo>
                  <a:pt x="12728" y="1695"/>
                </a:lnTo>
                <a:lnTo>
                  <a:pt x="12737" y="1708"/>
                </a:lnTo>
                <a:lnTo>
                  <a:pt x="12748" y="1721"/>
                </a:lnTo>
                <a:lnTo>
                  <a:pt x="12760" y="1732"/>
                </a:lnTo>
                <a:lnTo>
                  <a:pt x="12772" y="1742"/>
                </a:lnTo>
                <a:lnTo>
                  <a:pt x="12784" y="1752"/>
                </a:lnTo>
                <a:lnTo>
                  <a:pt x="12798" y="1762"/>
                </a:lnTo>
                <a:lnTo>
                  <a:pt x="12812" y="1770"/>
                </a:lnTo>
                <a:lnTo>
                  <a:pt x="12827" y="1778"/>
                </a:lnTo>
                <a:lnTo>
                  <a:pt x="12843" y="1785"/>
                </a:lnTo>
                <a:lnTo>
                  <a:pt x="12858" y="1793"/>
                </a:lnTo>
                <a:lnTo>
                  <a:pt x="12875" y="1798"/>
                </a:lnTo>
                <a:lnTo>
                  <a:pt x="12892" y="1803"/>
                </a:lnTo>
                <a:lnTo>
                  <a:pt x="12910" y="1809"/>
                </a:lnTo>
                <a:lnTo>
                  <a:pt x="12928" y="1813"/>
                </a:lnTo>
                <a:lnTo>
                  <a:pt x="12947" y="1816"/>
                </a:lnTo>
                <a:lnTo>
                  <a:pt x="12966" y="1819"/>
                </a:lnTo>
                <a:lnTo>
                  <a:pt x="12986" y="1821"/>
                </a:lnTo>
                <a:lnTo>
                  <a:pt x="13005" y="1824"/>
                </a:lnTo>
                <a:lnTo>
                  <a:pt x="13025" y="1825"/>
                </a:lnTo>
                <a:lnTo>
                  <a:pt x="13047" y="1826"/>
                </a:lnTo>
                <a:lnTo>
                  <a:pt x="13067" y="1826"/>
                </a:lnTo>
                <a:lnTo>
                  <a:pt x="13101" y="1826"/>
                </a:lnTo>
                <a:lnTo>
                  <a:pt x="13132" y="1824"/>
                </a:lnTo>
                <a:lnTo>
                  <a:pt x="13162" y="1821"/>
                </a:lnTo>
                <a:lnTo>
                  <a:pt x="13190" y="1817"/>
                </a:lnTo>
                <a:lnTo>
                  <a:pt x="13216" y="1813"/>
                </a:lnTo>
                <a:lnTo>
                  <a:pt x="13241" y="1808"/>
                </a:lnTo>
                <a:lnTo>
                  <a:pt x="13266" y="1802"/>
                </a:lnTo>
                <a:lnTo>
                  <a:pt x="13290" y="1796"/>
                </a:lnTo>
                <a:lnTo>
                  <a:pt x="13290" y="1671"/>
                </a:lnTo>
                <a:close/>
                <a:moveTo>
                  <a:pt x="12608" y="1315"/>
                </a:moveTo>
                <a:lnTo>
                  <a:pt x="12608" y="1191"/>
                </a:lnTo>
                <a:lnTo>
                  <a:pt x="12396" y="1191"/>
                </a:lnTo>
                <a:lnTo>
                  <a:pt x="12396" y="1062"/>
                </a:lnTo>
                <a:lnTo>
                  <a:pt x="12198" y="1062"/>
                </a:lnTo>
                <a:lnTo>
                  <a:pt x="12198" y="1594"/>
                </a:lnTo>
                <a:lnTo>
                  <a:pt x="12199" y="1623"/>
                </a:lnTo>
                <a:lnTo>
                  <a:pt x="12201" y="1651"/>
                </a:lnTo>
                <a:lnTo>
                  <a:pt x="12204" y="1676"/>
                </a:lnTo>
                <a:lnTo>
                  <a:pt x="12210" y="1699"/>
                </a:lnTo>
                <a:lnTo>
                  <a:pt x="12213" y="1709"/>
                </a:lnTo>
                <a:lnTo>
                  <a:pt x="12217" y="1720"/>
                </a:lnTo>
                <a:lnTo>
                  <a:pt x="12222" y="1730"/>
                </a:lnTo>
                <a:lnTo>
                  <a:pt x="12226" y="1739"/>
                </a:lnTo>
                <a:lnTo>
                  <a:pt x="12231" y="1748"/>
                </a:lnTo>
                <a:lnTo>
                  <a:pt x="12237" y="1756"/>
                </a:lnTo>
                <a:lnTo>
                  <a:pt x="12243" y="1764"/>
                </a:lnTo>
                <a:lnTo>
                  <a:pt x="12249" y="1771"/>
                </a:lnTo>
                <a:lnTo>
                  <a:pt x="12257" y="1778"/>
                </a:lnTo>
                <a:lnTo>
                  <a:pt x="12264" y="1784"/>
                </a:lnTo>
                <a:lnTo>
                  <a:pt x="12273" y="1790"/>
                </a:lnTo>
                <a:lnTo>
                  <a:pt x="12283" y="1796"/>
                </a:lnTo>
                <a:lnTo>
                  <a:pt x="12292" y="1800"/>
                </a:lnTo>
                <a:lnTo>
                  <a:pt x="12302" y="1805"/>
                </a:lnTo>
                <a:lnTo>
                  <a:pt x="12312" y="1809"/>
                </a:lnTo>
                <a:lnTo>
                  <a:pt x="12324" y="1813"/>
                </a:lnTo>
                <a:lnTo>
                  <a:pt x="12337" y="1816"/>
                </a:lnTo>
                <a:lnTo>
                  <a:pt x="12350" y="1818"/>
                </a:lnTo>
                <a:lnTo>
                  <a:pt x="12363" y="1820"/>
                </a:lnTo>
                <a:lnTo>
                  <a:pt x="12377" y="1823"/>
                </a:lnTo>
                <a:lnTo>
                  <a:pt x="12408" y="1825"/>
                </a:lnTo>
                <a:lnTo>
                  <a:pt x="12441" y="1826"/>
                </a:lnTo>
                <a:lnTo>
                  <a:pt x="12459" y="1826"/>
                </a:lnTo>
                <a:lnTo>
                  <a:pt x="12479" y="1825"/>
                </a:lnTo>
                <a:lnTo>
                  <a:pt x="12501" y="1825"/>
                </a:lnTo>
                <a:lnTo>
                  <a:pt x="12523" y="1823"/>
                </a:lnTo>
                <a:lnTo>
                  <a:pt x="12546" y="1821"/>
                </a:lnTo>
                <a:lnTo>
                  <a:pt x="12568" y="1819"/>
                </a:lnTo>
                <a:lnTo>
                  <a:pt x="12589" y="1817"/>
                </a:lnTo>
                <a:lnTo>
                  <a:pt x="12608" y="1814"/>
                </a:lnTo>
                <a:lnTo>
                  <a:pt x="12608" y="1687"/>
                </a:lnTo>
                <a:lnTo>
                  <a:pt x="12591" y="1691"/>
                </a:lnTo>
                <a:lnTo>
                  <a:pt x="12575" y="1694"/>
                </a:lnTo>
                <a:lnTo>
                  <a:pt x="12558" y="1696"/>
                </a:lnTo>
                <a:lnTo>
                  <a:pt x="12541" y="1699"/>
                </a:lnTo>
                <a:lnTo>
                  <a:pt x="12526" y="1700"/>
                </a:lnTo>
                <a:lnTo>
                  <a:pt x="12514" y="1701"/>
                </a:lnTo>
                <a:lnTo>
                  <a:pt x="12501" y="1701"/>
                </a:lnTo>
                <a:lnTo>
                  <a:pt x="12491" y="1701"/>
                </a:lnTo>
                <a:lnTo>
                  <a:pt x="12478" y="1700"/>
                </a:lnTo>
                <a:lnTo>
                  <a:pt x="12468" y="1698"/>
                </a:lnTo>
                <a:lnTo>
                  <a:pt x="12457" y="1695"/>
                </a:lnTo>
                <a:lnTo>
                  <a:pt x="12447" y="1692"/>
                </a:lnTo>
                <a:lnTo>
                  <a:pt x="12439" y="1688"/>
                </a:lnTo>
                <a:lnTo>
                  <a:pt x="12431" y="1684"/>
                </a:lnTo>
                <a:lnTo>
                  <a:pt x="12424" y="1677"/>
                </a:lnTo>
                <a:lnTo>
                  <a:pt x="12417" y="1670"/>
                </a:lnTo>
                <a:lnTo>
                  <a:pt x="12412" y="1660"/>
                </a:lnTo>
                <a:lnTo>
                  <a:pt x="12408" y="1651"/>
                </a:lnTo>
                <a:lnTo>
                  <a:pt x="12405" y="1638"/>
                </a:lnTo>
                <a:lnTo>
                  <a:pt x="12401" y="1625"/>
                </a:lnTo>
                <a:lnTo>
                  <a:pt x="12399" y="1609"/>
                </a:lnTo>
                <a:lnTo>
                  <a:pt x="12397" y="1592"/>
                </a:lnTo>
                <a:lnTo>
                  <a:pt x="12396" y="1571"/>
                </a:lnTo>
                <a:lnTo>
                  <a:pt x="12396" y="1550"/>
                </a:lnTo>
                <a:lnTo>
                  <a:pt x="12396" y="1315"/>
                </a:lnTo>
                <a:lnTo>
                  <a:pt x="12608" y="1315"/>
                </a:lnTo>
                <a:close/>
                <a:moveTo>
                  <a:pt x="10573" y="1191"/>
                </a:moveTo>
                <a:lnTo>
                  <a:pt x="10791" y="1191"/>
                </a:lnTo>
                <a:lnTo>
                  <a:pt x="10976" y="1656"/>
                </a:lnTo>
                <a:lnTo>
                  <a:pt x="10979" y="1656"/>
                </a:lnTo>
                <a:lnTo>
                  <a:pt x="11168" y="1191"/>
                </a:lnTo>
                <a:lnTo>
                  <a:pt x="11370" y="1191"/>
                </a:lnTo>
                <a:lnTo>
                  <a:pt x="11082" y="1812"/>
                </a:lnTo>
                <a:lnTo>
                  <a:pt x="10856" y="1812"/>
                </a:lnTo>
                <a:lnTo>
                  <a:pt x="10573" y="1191"/>
                </a:lnTo>
                <a:close/>
                <a:moveTo>
                  <a:pt x="16408" y="1011"/>
                </a:moveTo>
                <a:lnTo>
                  <a:pt x="16611" y="1011"/>
                </a:lnTo>
                <a:lnTo>
                  <a:pt x="16611" y="1439"/>
                </a:lnTo>
                <a:lnTo>
                  <a:pt x="16614" y="1439"/>
                </a:lnTo>
                <a:lnTo>
                  <a:pt x="16862" y="1191"/>
                </a:lnTo>
                <a:lnTo>
                  <a:pt x="17101" y="1191"/>
                </a:lnTo>
                <a:lnTo>
                  <a:pt x="16814" y="1465"/>
                </a:lnTo>
                <a:lnTo>
                  <a:pt x="17120" y="1812"/>
                </a:lnTo>
                <a:lnTo>
                  <a:pt x="16881" y="1812"/>
                </a:lnTo>
                <a:lnTo>
                  <a:pt x="16614" y="1492"/>
                </a:lnTo>
                <a:lnTo>
                  <a:pt x="16611" y="1492"/>
                </a:lnTo>
                <a:lnTo>
                  <a:pt x="16611" y="1812"/>
                </a:lnTo>
                <a:lnTo>
                  <a:pt x="16408" y="1812"/>
                </a:lnTo>
                <a:lnTo>
                  <a:pt x="16408" y="1011"/>
                </a:lnTo>
                <a:close/>
                <a:moveTo>
                  <a:pt x="10265" y="1191"/>
                </a:moveTo>
                <a:lnTo>
                  <a:pt x="10469" y="1191"/>
                </a:lnTo>
                <a:lnTo>
                  <a:pt x="10469" y="1812"/>
                </a:lnTo>
                <a:lnTo>
                  <a:pt x="10265" y="1812"/>
                </a:lnTo>
                <a:lnTo>
                  <a:pt x="10265" y="1191"/>
                </a:lnTo>
                <a:close/>
                <a:moveTo>
                  <a:pt x="10265" y="1133"/>
                </a:moveTo>
                <a:lnTo>
                  <a:pt x="10469" y="1133"/>
                </a:lnTo>
                <a:lnTo>
                  <a:pt x="10469" y="1011"/>
                </a:lnTo>
                <a:lnTo>
                  <a:pt x="10265" y="1011"/>
                </a:lnTo>
                <a:lnTo>
                  <a:pt x="10265" y="1133"/>
                </a:lnTo>
                <a:close/>
                <a:moveTo>
                  <a:pt x="14452" y="1390"/>
                </a:moveTo>
                <a:lnTo>
                  <a:pt x="14470" y="1386"/>
                </a:lnTo>
                <a:lnTo>
                  <a:pt x="14486" y="1380"/>
                </a:lnTo>
                <a:lnTo>
                  <a:pt x="14501" y="1374"/>
                </a:lnTo>
                <a:lnTo>
                  <a:pt x="14516" y="1366"/>
                </a:lnTo>
                <a:lnTo>
                  <a:pt x="14528" y="1358"/>
                </a:lnTo>
                <a:lnTo>
                  <a:pt x="14541" y="1349"/>
                </a:lnTo>
                <a:lnTo>
                  <a:pt x="14553" y="1339"/>
                </a:lnTo>
                <a:lnTo>
                  <a:pt x="14564" y="1328"/>
                </a:lnTo>
                <a:lnTo>
                  <a:pt x="14572" y="1316"/>
                </a:lnTo>
                <a:lnTo>
                  <a:pt x="14581" y="1303"/>
                </a:lnTo>
                <a:lnTo>
                  <a:pt x="14587" y="1289"/>
                </a:lnTo>
                <a:lnTo>
                  <a:pt x="14594" y="1276"/>
                </a:lnTo>
                <a:lnTo>
                  <a:pt x="14598" y="1260"/>
                </a:lnTo>
                <a:lnTo>
                  <a:pt x="14601" y="1242"/>
                </a:lnTo>
                <a:lnTo>
                  <a:pt x="14603" y="1225"/>
                </a:lnTo>
                <a:lnTo>
                  <a:pt x="14604" y="1206"/>
                </a:lnTo>
                <a:lnTo>
                  <a:pt x="14603" y="1191"/>
                </a:lnTo>
                <a:lnTo>
                  <a:pt x="14602" y="1177"/>
                </a:lnTo>
                <a:lnTo>
                  <a:pt x="14600" y="1163"/>
                </a:lnTo>
                <a:lnTo>
                  <a:pt x="14597" y="1151"/>
                </a:lnTo>
                <a:lnTo>
                  <a:pt x="14594" y="1139"/>
                </a:lnTo>
                <a:lnTo>
                  <a:pt x="14588" y="1127"/>
                </a:lnTo>
                <a:lnTo>
                  <a:pt x="14583" y="1116"/>
                </a:lnTo>
                <a:lnTo>
                  <a:pt x="14577" y="1107"/>
                </a:lnTo>
                <a:lnTo>
                  <a:pt x="14569" y="1097"/>
                </a:lnTo>
                <a:lnTo>
                  <a:pt x="14561" y="1089"/>
                </a:lnTo>
                <a:lnTo>
                  <a:pt x="14552" y="1080"/>
                </a:lnTo>
                <a:lnTo>
                  <a:pt x="14541" y="1073"/>
                </a:lnTo>
                <a:lnTo>
                  <a:pt x="14531" y="1065"/>
                </a:lnTo>
                <a:lnTo>
                  <a:pt x="14520" y="1059"/>
                </a:lnTo>
                <a:lnTo>
                  <a:pt x="14507" y="1052"/>
                </a:lnTo>
                <a:lnTo>
                  <a:pt x="14494" y="1046"/>
                </a:lnTo>
                <a:lnTo>
                  <a:pt x="14482" y="1042"/>
                </a:lnTo>
                <a:lnTo>
                  <a:pt x="14470" y="1037"/>
                </a:lnTo>
                <a:lnTo>
                  <a:pt x="14456" y="1033"/>
                </a:lnTo>
                <a:lnTo>
                  <a:pt x="14442" y="1030"/>
                </a:lnTo>
                <a:lnTo>
                  <a:pt x="14412" y="1023"/>
                </a:lnTo>
                <a:lnTo>
                  <a:pt x="14380" y="1018"/>
                </a:lnTo>
                <a:lnTo>
                  <a:pt x="14345" y="1015"/>
                </a:lnTo>
                <a:lnTo>
                  <a:pt x="14310" y="1013"/>
                </a:lnTo>
                <a:lnTo>
                  <a:pt x="14273" y="1011"/>
                </a:lnTo>
                <a:lnTo>
                  <a:pt x="14235" y="1011"/>
                </a:lnTo>
                <a:lnTo>
                  <a:pt x="13816" y="1011"/>
                </a:lnTo>
                <a:lnTo>
                  <a:pt x="13816" y="1812"/>
                </a:lnTo>
                <a:lnTo>
                  <a:pt x="14263" y="1812"/>
                </a:lnTo>
                <a:lnTo>
                  <a:pt x="14311" y="1811"/>
                </a:lnTo>
                <a:lnTo>
                  <a:pt x="14356" y="1809"/>
                </a:lnTo>
                <a:lnTo>
                  <a:pt x="14397" y="1804"/>
                </a:lnTo>
                <a:lnTo>
                  <a:pt x="14435" y="1799"/>
                </a:lnTo>
                <a:lnTo>
                  <a:pt x="14454" y="1795"/>
                </a:lnTo>
                <a:lnTo>
                  <a:pt x="14471" y="1790"/>
                </a:lnTo>
                <a:lnTo>
                  <a:pt x="14487" y="1786"/>
                </a:lnTo>
                <a:lnTo>
                  <a:pt x="14502" y="1782"/>
                </a:lnTo>
                <a:lnTo>
                  <a:pt x="14517" y="1777"/>
                </a:lnTo>
                <a:lnTo>
                  <a:pt x="14531" y="1770"/>
                </a:lnTo>
                <a:lnTo>
                  <a:pt x="14543" y="1765"/>
                </a:lnTo>
                <a:lnTo>
                  <a:pt x="14556" y="1757"/>
                </a:lnTo>
                <a:lnTo>
                  <a:pt x="14568" y="1751"/>
                </a:lnTo>
                <a:lnTo>
                  <a:pt x="14579" y="1743"/>
                </a:lnTo>
                <a:lnTo>
                  <a:pt x="14588" y="1735"/>
                </a:lnTo>
                <a:lnTo>
                  <a:pt x="14598" y="1726"/>
                </a:lnTo>
                <a:lnTo>
                  <a:pt x="14607" y="1718"/>
                </a:lnTo>
                <a:lnTo>
                  <a:pt x="14614" y="1708"/>
                </a:lnTo>
                <a:lnTo>
                  <a:pt x="14620" y="1699"/>
                </a:lnTo>
                <a:lnTo>
                  <a:pt x="14627" y="1688"/>
                </a:lnTo>
                <a:lnTo>
                  <a:pt x="14632" y="1677"/>
                </a:lnTo>
                <a:lnTo>
                  <a:pt x="14638" y="1665"/>
                </a:lnTo>
                <a:lnTo>
                  <a:pt x="14642" y="1654"/>
                </a:lnTo>
                <a:lnTo>
                  <a:pt x="14645" y="1641"/>
                </a:lnTo>
                <a:lnTo>
                  <a:pt x="14647" y="1628"/>
                </a:lnTo>
                <a:lnTo>
                  <a:pt x="14649" y="1614"/>
                </a:lnTo>
                <a:lnTo>
                  <a:pt x="14650" y="1600"/>
                </a:lnTo>
                <a:lnTo>
                  <a:pt x="14650" y="1586"/>
                </a:lnTo>
                <a:lnTo>
                  <a:pt x="14650" y="1568"/>
                </a:lnTo>
                <a:lnTo>
                  <a:pt x="14648" y="1551"/>
                </a:lnTo>
                <a:lnTo>
                  <a:pt x="14645" y="1535"/>
                </a:lnTo>
                <a:lnTo>
                  <a:pt x="14641" y="1519"/>
                </a:lnTo>
                <a:lnTo>
                  <a:pt x="14634" y="1504"/>
                </a:lnTo>
                <a:lnTo>
                  <a:pt x="14627" y="1490"/>
                </a:lnTo>
                <a:lnTo>
                  <a:pt x="14618" y="1476"/>
                </a:lnTo>
                <a:lnTo>
                  <a:pt x="14608" y="1464"/>
                </a:lnTo>
                <a:lnTo>
                  <a:pt x="14595" y="1452"/>
                </a:lnTo>
                <a:lnTo>
                  <a:pt x="14581" y="1440"/>
                </a:lnTo>
                <a:lnTo>
                  <a:pt x="14565" y="1429"/>
                </a:lnTo>
                <a:lnTo>
                  <a:pt x="14547" y="1420"/>
                </a:lnTo>
                <a:lnTo>
                  <a:pt x="14526" y="1411"/>
                </a:lnTo>
                <a:lnTo>
                  <a:pt x="14504" y="1404"/>
                </a:lnTo>
                <a:lnTo>
                  <a:pt x="14479" y="1396"/>
                </a:lnTo>
                <a:lnTo>
                  <a:pt x="14452" y="1390"/>
                </a:lnTo>
                <a:close/>
                <a:moveTo>
                  <a:pt x="14212" y="1677"/>
                </a:moveTo>
                <a:lnTo>
                  <a:pt x="14048" y="1677"/>
                </a:lnTo>
                <a:lnTo>
                  <a:pt x="14048" y="1461"/>
                </a:lnTo>
                <a:lnTo>
                  <a:pt x="14219" y="1461"/>
                </a:lnTo>
                <a:lnTo>
                  <a:pt x="14245" y="1463"/>
                </a:lnTo>
                <a:lnTo>
                  <a:pt x="14270" y="1464"/>
                </a:lnTo>
                <a:lnTo>
                  <a:pt x="14291" y="1466"/>
                </a:lnTo>
                <a:lnTo>
                  <a:pt x="14310" y="1468"/>
                </a:lnTo>
                <a:lnTo>
                  <a:pt x="14328" y="1472"/>
                </a:lnTo>
                <a:lnTo>
                  <a:pt x="14344" y="1476"/>
                </a:lnTo>
                <a:lnTo>
                  <a:pt x="14358" y="1482"/>
                </a:lnTo>
                <a:lnTo>
                  <a:pt x="14370" y="1488"/>
                </a:lnTo>
                <a:lnTo>
                  <a:pt x="14381" y="1495"/>
                </a:lnTo>
                <a:lnTo>
                  <a:pt x="14390" y="1502"/>
                </a:lnTo>
                <a:lnTo>
                  <a:pt x="14397" y="1511"/>
                </a:lnTo>
                <a:lnTo>
                  <a:pt x="14403" y="1520"/>
                </a:lnTo>
                <a:lnTo>
                  <a:pt x="14408" y="1530"/>
                </a:lnTo>
                <a:lnTo>
                  <a:pt x="14411" y="1542"/>
                </a:lnTo>
                <a:lnTo>
                  <a:pt x="14413" y="1552"/>
                </a:lnTo>
                <a:lnTo>
                  <a:pt x="14413" y="1565"/>
                </a:lnTo>
                <a:lnTo>
                  <a:pt x="14413" y="1579"/>
                </a:lnTo>
                <a:lnTo>
                  <a:pt x="14411" y="1593"/>
                </a:lnTo>
                <a:lnTo>
                  <a:pt x="14406" y="1605"/>
                </a:lnTo>
                <a:lnTo>
                  <a:pt x="14402" y="1616"/>
                </a:lnTo>
                <a:lnTo>
                  <a:pt x="14396" y="1626"/>
                </a:lnTo>
                <a:lnTo>
                  <a:pt x="14387" y="1636"/>
                </a:lnTo>
                <a:lnTo>
                  <a:pt x="14378" y="1643"/>
                </a:lnTo>
                <a:lnTo>
                  <a:pt x="14366" y="1651"/>
                </a:lnTo>
                <a:lnTo>
                  <a:pt x="14353" y="1657"/>
                </a:lnTo>
                <a:lnTo>
                  <a:pt x="14338" y="1662"/>
                </a:lnTo>
                <a:lnTo>
                  <a:pt x="14322" y="1668"/>
                </a:lnTo>
                <a:lnTo>
                  <a:pt x="14304" y="1671"/>
                </a:lnTo>
                <a:lnTo>
                  <a:pt x="14283" y="1674"/>
                </a:lnTo>
                <a:lnTo>
                  <a:pt x="14262" y="1676"/>
                </a:lnTo>
                <a:lnTo>
                  <a:pt x="14237" y="1677"/>
                </a:lnTo>
                <a:lnTo>
                  <a:pt x="14212" y="1677"/>
                </a:lnTo>
                <a:close/>
                <a:moveTo>
                  <a:pt x="14379" y="1234"/>
                </a:moveTo>
                <a:lnTo>
                  <a:pt x="14379" y="1247"/>
                </a:lnTo>
                <a:lnTo>
                  <a:pt x="14377" y="1258"/>
                </a:lnTo>
                <a:lnTo>
                  <a:pt x="14373" y="1269"/>
                </a:lnTo>
                <a:lnTo>
                  <a:pt x="14369" y="1280"/>
                </a:lnTo>
                <a:lnTo>
                  <a:pt x="14363" y="1289"/>
                </a:lnTo>
                <a:lnTo>
                  <a:pt x="14356" y="1298"/>
                </a:lnTo>
                <a:lnTo>
                  <a:pt x="14347" y="1305"/>
                </a:lnTo>
                <a:lnTo>
                  <a:pt x="14336" y="1313"/>
                </a:lnTo>
                <a:lnTo>
                  <a:pt x="14324" y="1318"/>
                </a:lnTo>
                <a:lnTo>
                  <a:pt x="14310" y="1324"/>
                </a:lnTo>
                <a:lnTo>
                  <a:pt x="14293" y="1328"/>
                </a:lnTo>
                <a:lnTo>
                  <a:pt x="14276" y="1332"/>
                </a:lnTo>
                <a:lnTo>
                  <a:pt x="14256" y="1335"/>
                </a:lnTo>
                <a:lnTo>
                  <a:pt x="14233" y="1336"/>
                </a:lnTo>
                <a:lnTo>
                  <a:pt x="14209" y="1339"/>
                </a:lnTo>
                <a:lnTo>
                  <a:pt x="14182" y="1339"/>
                </a:lnTo>
                <a:lnTo>
                  <a:pt x="14048" y="1339"/>
                </a:lnTo>
                <a:lnTo>
                  <a:pt x="14048" y="1140"/>
                </a:lnTo>
                <a:lnTo>
                  <a:pt x="14178" y="1140"/>
                </a:lnTo>
                <a:lnTo>
                  <a:pt x="14203" y="1140"/>
                </a:lnTo>
                <a:lnTo>
                  <a:pt x="14227" y="1141"/>
                </a:lnTo>
                <a:lnTo>
                  <a:pt x="14248" y="1142"/>
                </a:lnTo>
                <a:lnTo>
                  <a:pt x="14268" y="1144"/>
                </a:lnTo>
                <a:lnTo>
                  <a:pt x="14287" y="1147"/>
                </a:lnTo>
                <a:lnTo>
                  <a:pt x="14303" y="1151"/>
                </a:lnTo>
                <a:lnTo>
                  <a:pt x="14318" y="1155"/>
                </a:lnTo>
                <a:lnTo>
                  <a:pt x="14331" y="1160"/>
                </a:lnTo>
                <a:lnTo>
                  <a:pt x="14342" y="1166"/>
                </a:lnTo>
                <a:lnTo>
                  <a:pt x="14352" y="1173"/>
                </a:lnTo>
                <a:lnTo>
                  <a:pt x="14360" y="1180"/>
                </a:lnTo>
                <a:lnTo>
                  <a:pt x="14367" y="1189"/>
                </a:lnTo>
                <a:lnTo>
                  <a:pt x="14372" y="1199"/>
                </a:lnTo>
                <a:lnTo>
                  <a:pt x="14375" y="1209"/>
                </a:lnTo>
                <a:lnTo>
                  <a:pt x="14378" y="1221"/>
                </a:lnTo>
                <a:lnTo>
                  <a:pt x="14379" y="1234"/>
                </a:lnTo>
                <a:close/>
                <a:moveTo>
                  <a:pt x="1412" y="481"/>
                </a:moveTo>
                <a:lnTo>
                  <a:pt x="1012" y="481"/>
                </a:lnTo>
                <a:lnTo>
                  <a:pt x="1012" y="1410"/>
                </a:lnTo>
                <a:lnTo>
                  <a:pt x="1412" y="1011"/>
                </a:lnTo>
                <a:lnTo>
                  <a:pt x="1412" y="481"/>
                </a:lnTo>
                <a:close/>
                <a:moveTo>
                  <a:pt x="482" y="0"/>
                </a:moveTo>
                <a:lnTo>
                  <a:pt x="482" y="400"/>
                </a:lnTo>
                <a:lnTo>
                  <a:pt x="1412" y="400"/>
                </a:lnTo>
                <a:lnTo>
                  <a:pt x="1012" y="0"/>
                </a:lnTo>
                <a:lnTo>
                  <a:pt x="482" y="0"/>
                </a:lnTo>
                <a:close/>
                <a:moveTo>
                  <a:pt x="931" y="1410"/>
                </a:moveTo>
                <a:lnTo>
                  <a:pt x="931" y="1011"/>
                </a:lnTo>
                <a:lnTo>
                  <a:pt x="0" y="1011"/>
                </a:lnTo>
                <a:lnTo>
                  <a:pt x="400" y="1410"/>
                </a:lnTo>
                <a:lnTo>
                  <a:pt x="931" y="1410"/>
                </a:lnTo>
                <a:close/>
                <a:moveTo>
                  <a:pt x="0" y="930"/>
                </a:moveTo>
                <a:lnTo>
                  <a:pt x="400" y="930"/>
                </a:lnTo>
                <a:lnTo>
                  <a:pt x="400" y="0"/>
                </a:lnTo>
                <a:lnTo>
                  <a:pt x="0" y="400"/>
                </a:lnTo>
                <a:lnTo>
                  <a:pt x="0" y="930"/>
                </a:lnTo>
                <a:close/>
                <a:moveTo>
                  <a:pt x="2765" y="1262"/>
                </a:moveTo>
                <a:lnTo>
                  <a:pt x="2765" y="1272"/>
                </a:lnTo>
                <a:lnTo>
                  <a:pt x="2764" y="1283"/>
                </a:lnTo>
                <a:lnTo>
                  <a:pt x="2762" y="1294"/>
                </a:lnTo>
                <a:lnTo>
                  <a:pt x="2758" y="1305"/>
                </a:lnTo>
                <a:lnTo>
                  <a:pt x="2754" y="1316"/>
                </a:lnTo>
                <a:lnTo>
                  <a:pt x="2749" y="1327"/>
                </a:lnTo>
                <a:lnTo>
                  <a:pt x="2741" y="1338"/>
                </a:lnTo>
                <a:lnTo>
                  <a:pt x="2733" y="1347"/>
                </a:lnTo>
                <a:lnTo>
                  <a:pt x="2723" y="1357"/>
                </a:lnTo>
                <a:lnTo>
                  <a:pt x="2711" y="1365"/>
                </a:lnTo>
                <a:lnTo>
                  <a:pt x="2697" y="1374"/>
                </a:lnTo>
                <a:lnTo>
                  <a:pt x="2681" y="1380"/>
                </a:lnTo>
                <a:lnTo>
                  <a:pt x="2663" y="1386"/>
                </a:lnTo>
                <a:lnTo>
                  <a:pt x="2643" y="1390"/>
                </a:lnTo>
                <a:lnTo>
                  <a:pt x="2620" y="1392"/>
                </a:lnTo>
                <a:lnTo>
                  <a:pt x="2596" y="1393"/>
                </a:lnTo>
                <a:lnTo>
                  <a:pt x="2427" y="1393"/>
                </a:lnTo>
                <a:lnTo>
                  <a:pt x="2427" y="1144"/>
                </a:lnTo>
                <a:lnTo>
                  <a:pt x="2596" y="1144"/>
                </a:lnTo>
                <a:lnTo>
                  <a:pt x="2620" y="1144"/>
                </a:lnTo>
                <a:lnTo>
                  <a:pt x="2643" y="1146"/>
                </a:lnTo>
                <a:lnTo>
                  <a:pt x="2663" y="1151"/>
                </a:lnTo>
                <a:lnTo>
                  <a:pt x="2681" y="1155"/>
                </a:lnTo>
                <a:lnTo>
                  <a:pt x="2697" y="1161"/>
                </a:lnTo>
                <a:lnTo>
                  <a:pt x="2711" y="1168"/>
                </a:lnTo>
                <a:lnTo>
                  <a:pt x="2723" y="1175"/>
                </a:lnTo>
                <a:lnTo>
                  <a:pt x="2733" y="1184"/>
                </a:lnTo>
                <a:lnTo>
                  <a:pt x="2741" y="1192"/>
                </a:lnTo>
                <a:lnTo>
                  <a:pt x="2749" y="1202"/>
                </a:lnTo>
                <a:lnTo>
                  <a:pt x="2754" y="1211"/>
                </a:lnTo>
                <a:lnTo>
                  <a:pt x="2758" y="1222"/>
                </a:lnTo>
                <a:lnTo>
                  <a:pt x="2762" y="1232"/>
                </a:lnTo>
                <a:lnTo>
                  <a:pt x="2764" y="1242"/>
                </a:lnTo>
                <a:lnTo>
                  <a:pt x="2765" y="1252"/>
                </a:lnTo>
                <a:lnTo>
                  <a:pt x="2765" y="1262"/>
                </a:lnTo>
                <a:close/>
                <a:moveTo>
                  <a:pt x="2580" y="1011"/>
                </a:moveTo>
                <a:lnTo>
                  <a:pt x="2190" y="1011"/>
                </a:lnTo>
                <a:lnTo>
                  <a:pt x="2190" y="1812"/>
                </a:lnTo>
                <a:lnTo>
                  <a:pt x="2427" y="1812"/>
                </a:lnTo>
                <a:lnTo>
                  <a:pt x="2427" y="1528"/>
                </a:lnTo>
                <a:lnTo>
                  <a:pt x="2629" y="1528"/>
                </a:lnTo>
                <a:lnTo>
                  <a:pt x="2650" y="1528"/>
                </a:lnTo>
                <a:lnTo>
                  <a:pt x="2672" y="1527"/>
                </a:lnTo>
                <a:lnTo>
                  <a:pt x="2692" y="1524"/>
                </a:lnTo>
                <a:lnTo>
                  <a:pt x="2712" y="1522"/>
                </a:lnTo>
                <a:lnTo>
                  <a:pt x="2732" y="1520"/>
                </a:lnTo>
                <a:lnTo>
                  <a:pt x="2750" y="1516"/>
                </a:lnTo>
                <a:lnTo>
                  <a:pt x="2768" y="1513"/>
                </a:lnTo>
                <a:lnTo>
                  <a:pt x="2785" y="1507"/>
                </a:lnTo>
                <a:lnTo>
                  <a:pt x="2802" y="1502"/>
                </a:lnTo>
                <a:lnTo>
                  <a:pt x="2818" y="1497"/>
                </a:lnTo>
                <a:lnTo>
                  <a:pt x="2834" y="1490"/>
                </a:lnTo>
                <a:lnTo>
                  <a:pt x="2849" y="1484"/>
                </a:lnTo>
                <a:lnTo>
                  <a:pt x="2863" y="1476"/>
                </a:lnTo>
                <a:lnTo>
                  <a:pt x="2877" y="1469"/>
                </a:lnTo>
                <a:lnTo>
                  <a:pt x="2890" y="1461"/>
                </a:lnTo>
                <a:lnTo>
                  <a:pt x="2903" y="1453"/>
                </a:lnTo>
                <a:lnTo>
                  <a:pt x="2915" y="1443"/>
                </a:lnTo>
                <a:lnTo>
                  <a:pt x="2925" y="1434"/>
                </a:lnTo>
                <a:lnTo>
                  <a:pt x="2935" y="1424"/>
                </a:lnTo>
                <a:lnTo>
                  <a:pt x="2945" y="1413"/>
                </a:lnTo>
                <a:lnTo>
                  <a:pt x="2954" y="1404"/>
                </a:lnTo>
                <a:lnTo>
                  <a:pt x="2962" y="1392"/>
                </a:lnTo>
                <a:lnTo>
                  <a:pt x="2969" y="1381"/>
                </a:lnTo>
                <a:lnTo>
                  <a:pt x="2976" y="1370"/>
                </a:lnTo>
                <a:lnTo>
                  <a:pt x="2982" y="1358"/>
                </a:lnTo>
                <a:lnTo>
                  <a:pt x="2987" y="1345"/>
                </a:lnTo>
                <a:lnTo>
                  <a:pt x="2992" y="1332"/>
                </a:lnTo>
                <a:lnTo>
                  <a:pt x="2995" y="1319"/>
                </a:lnTo>
                <a:lnTo>
                  <a:pt x="2998" y="1307"/>
                </a:lnTo>
                <a:lnTo>
                  <a:pt x="3000" y="1293"/>
                </a:lnTo>
                <a:lnTo>
                  <a:pt x="3001" y="1280"/>
                </a:lnTo>
                <a:lnTo>
                  <a:pt x="3001" y="1266"/>
                </a:lnTo>
                <a:lnTo>
                  <a:pt x="3001" y="1250"/>
                </a:lnTo>
                <a:lnTo>
                  <a:pt x="3000" y="1236"/>
                </a:lnTo>
                <a:lnTo>
                  <a:pt x="2998" y="1221"/>
                </a:lnTo>
                <a:lnTo>
                  <a:pt x="2996" y="1207"/>
                </a:lnTo>
                <a:lnTo>
                  <a:pt x="2992" y="1193"/>
                </a:lnTo>
                <a:lnTo>
                  <a:pt x="2989" y="1180"/>
                </a:lnTo>
                <a:lnTo>
                  <a:pt x="2983" y="1168"/>
                </a:lnTo>
                <a:lnTo>
                  <a:pt x="2978" y="1156"/>
                </a:lnTo>
                <a:lnTo>
                  <a:pt x="2971" y="1144"/>
                </a:lnTo>
                <a:lnTo>
                  <a:pt x="2964" y="1133"/>
                </a:lnTo>
                <a:lnTo>
                  <a:pt x="2955" y="1123"/>
                </a:lnTo>
                <a:lnTo>
                  <a:pt x="2947" y="1112"/>
                </a:lnTo>
                <a:lnTo>
                  <a:pt x="2937" y="1102"/>
                </a:lnTo>
                <a:lnTo>
                  <a:pt x="2926" y="1093"/>
                </a:lnTo>
                <a:lnTo>
                  <a:pt x="2915" y="1084"/>
                </a:lnTo>
                <a:lnTo>
                  <a:pt x="2903" y="1076"/>
                </a:lnTo>
                <a:lnTo>
                  <a:pt x="2889" y="1068"/>
                </a:lnTo>
                <a:lnTo>
                  <a:pt x="2875" y="1061"/>
                </a:lnTo>
                <a:lnTo>
                  <a:pt x="2860" y="1054"/>
                </a:lnTo>
                <a:lnTo>
                  <a:pt x="2844" y="1048"/>
                </a:lnTo>
                <a:lnTo>
                  <a:pt x="2828" y="1042"/>
                </a:lnTo>
                <a:lnTo>
                  <a:pt x="2810" y="1036"/>
                </a:lnTo>
                <a:lnTo>
                  <a:pt x="2792" y="1032"/>
                </a:lnTo>
                <a:lnTo>
                  <a:pt x="2771" y="1028"/>
                </a:lnTo>
                <a:lnTo>
                  <a:pt x="2751" y="1023"/>
                </a:lnTo>
                <a:lnTo>
                  <a:pt x="2730" y="1020"/>
                </a:lnTo>
                <a:lnTo>
                  <a:pt x="2707" y="1017"/>
                </a:lnTo>
                <a:lnTo>
                  <a:pt x="2684" y="1015"/>
                </a:lnTo>
                <a:lnTo>
                  <a:pt x="2659" y="1013"/>
                </a:lnTo>
                <a:lnTo>
                  <a:pt x="2633" y="1012"/>
                </a:lnTo>
                <a:lnTo>
                  <a:pt x="2607" y="1011"/>
                </a:lnTo>
                <a:lnTo>
                  <a:pt x="2580" y="1011"/>
                </a:lnTo>
                <a:close/>
                <a:moveTo>
                  <a:pt x="8021" y="1178"/>
                </a:moveTo>
                <a:lnTo>
                  <a:pt x="8005" y="1179"/>
                </a:lnTo>
                <a:lnTo>
                  <a:pt x="7988" y="1180"/>
                </a:lnTo>
                <a:lnTo>
                  <a:pt x="7972" y="1183"/>
                </a:lnTo>
                <a:lnTo>
                  <a:pt x="7955" y="1185"/>
                </a:lnTo>
                <a:lnTo>
                  <a:pt x="7939" y="1188"/>
                </a:lnTo>
                <a:lnTo>
                  <a:pt x="7924" y="1191"/>
                </a:lnTo>
                <a:lnTo>
                  <a:pt x="7908" y="1195"/>
                </a:lnTo>
                <a:lnTo>
                  <a:pt x="7894" y="1201"/>
                </a:lnTo>
                <a:lnTo>
                  <a:pt x="7879" y="1206"/>
                </a:lnTo>
                <a:lnTo>
                  <a:pt x="7866" y="1211"/>
                </a:lnTo>
                <a:lnTo>
                  <a:pt x="7853" y="1218"/>
                </a:lnTo>
                <a:lnTo>
                  <a:pt x="7841" y="1225"/>
                </a:lnTo>
                <a:lnTo>
                  <a:pt x="7829" y="1232"/>
                </a:lnTo>
                <a:lnTo>
                  <a:pt x="7817" y="1240"/>
                </a:lnTo>
                <a:lnTo>
                  <a:pt x="7808" y="1248"/>
                </a:lnTo>
                <a:lnTo>
                  <a:pt x="7798" y="1256"/>
                </a:lnTo>
                <a:lnTo>
                  <a:pt x="7795" y="1256"/>
                </a:lnTo>
                <a:lnTo>
                  <a:pt x="7795" y="1191"/>
                </a:lnTo>
                <a:lnTo>
                  <a:pt x="7600" y="1191"/>
                </a:lnTo>
                <a:lnTo>
                  <a:pt x="7600" y="1812"/>
                </a:lnTo>
                <a:lnTo>
                  <a:pt x="7798" y="1812"/>
                </a:lnTo>
                <a:lnTo>
                  <a:pt x="7798" y="1387"/>
                </a:lnTo>
                <a:lnTo>
                  <a:pt x="7807" y="1377"/>
                </a:lnTo>
                <a:lnTo>
                  <a:pt x="7816" y="1369"/>
                </a:lnTo>
                <a:lnTo>
                  <a:pt x="7825" y="1360"/>
                </a:lnTo>
                <a:lnTo>
                  <a:pt x="7836" y="1354"/>
                </a:lnTo>
                <a:lnTo>
                  <a:pt x="7845" y="1346"/>
                </a:lnTo>
                <a:lnTo>
                  <a:pt x="7856" y="1341"/>
                </a:lnTo>
                <a:lnTo>
                  <a:pt x="7866" y="1335"/>
                </a:lnTo>
                <a:lnTo>
                  <a:pt x="7876" y="1330"/>
                </a:lnTo>
                <a:lnTo>
                  <a:pt x="7887" y="1327"/>
                </a:lnTo>
                <a:lnTo>
                  <a:pt x="7898" y="1324"/>
                </a:lnTo>
                <a:lnTo>
                  <a:pt x="7908" y="1320"/>
                </a:lnTo>
                <a:lnTo>
                  <a:pt x="7919" y="1318"/>
                </a:lnTo>
                <a:lnTo>
                  <a:pt x="7939" y="1315"/>
                </a:lnTo>
                <a:lnTo>
                  <a:pt x="7960" y="1314"/>
                </a:lnTo>
                <a:lnTo>
                  <a:pt x="7973" y="1315"/>
                </a:lnTo>
                <a:lnTo>
                  <a:pt x="7985" y="1315"/>
                </a:lnTo>
                <a:lnTo>
                  <a:pt x="7996" y="1316"/>
                </a:lnTo>
                <a:lnTo>
                  <a:pt x="8007" y="1318"/>
                </a:lnTo>
                <a:lnTo>
                  <a:pt x="8016" y="1320"/>
                </a:lnTo>
                <a:lnTo>
                  <a:pt x="8026" y="1324"/>
                </a:lnTo>
                <a:lnTo>
                  <a:pt x="8035" y="1327"/>
                </a:lnTo>
                <a:lnTo>
                  <a:pt x="8042" y="1330"/>
                </a:lnTo>
                <a:lnTo>
                  <a:pt x="8050" y="1334"/>
                </a:lnTo>
                <a:lnTo>
                  <a:pt x="8056" y="1339"/>
                </a:lnTo>
                <a:lnTo>
                  <a:pt x="8062" y="1344"/>
                </a:lnTo>
                <a:lnTo>
                  <a:pt x="8068" y="1349"/>
                </a:lnTo>
                <a:lnTo>
                  <a:pt x="8073" y="1355"/>
                </a:lnTo>
                <a:lnTo>
                  <a:pt x="8077" y="1361"/>
                </a:lnTo>
                <a:lnTo>
                  <a:pt x="8082" y="1367"/>
                </a:lnTo>
                <a:lnTo>
                  <a:pt x="8085" y="1375"/>
                </a:lnTo>
                <a:lnTo>
                  <a:pt x="8091" y="1389"/>
                </a:lnTo>
                <a:lnTo>
                  <a:pt x="8096" y="1405"/>
                </a:lnTo>
                <a:lnTo>
                  <a:pt x="8099" y="1423"/>
                </a:lnTo>
                <a:lnTo>
                  <a:pt x="8101" y="1441"/>
                </a:lnTo>
                <a:lnTo>
                  <a:pt x="8104" y="1481"/>
                </a:lnTo>
                <a:lnTo>
                  <a:pt x="8104" y="1523"/>
                </a:lnTo>
                <a:lnTo>
                  <a:pt x="8104" y="1812"/>
                </a:lnTo>
                <a:lnTo>
                  <a:pt x="8302" y="1812"/>
                </a:lnTo>
                <a:lnTo>
                  <a:pt x="8302" y="1458"/>
                </a:lnTo>
                <a:lnTo>
                  <a:pt x="8302" y="1433"/>
                </a:lnTo>
                <a:lnTo>
                  <a:pt x="8300" y="1407"/>
                </a:lnTo>
                <a:lnTo>
                  <a:pt x="8298" y="1382"/>
                </a:lnTo>
                <a:lnTo>
                  <a:pt x="8294" y="1358"/>
                </a:lnTo>
                <a:lnTo>
                  <a:pt x="8290" y="1345"/>
                </a:lnTo>
                <a:lnTo>
                  <a:pt x="8287" y="1333"/>
                </a:lnTo>
                <a:lnTo>
                  <a:pt x="8283" y="1321"/>
                </a:lnTo>
                <a:lnTo>
                  <a:pt x="8279" y="1310"/>
                </a:lnTo>
                <a:lnTo>
                  <a:pt x="8273" y="1299"/>
                </a:lnTo>
                <a:lnTo>
                  <a:pt x="8268" y="1288"/>
                </a:lnTo>
                <a:lnTo>
                  <a:pt x="8261" y="1278"/>
                </a:lnTo>
                <a:lnTo>
                  <a:pt x="8254" y="1267"/>
                </a:lnTo>
                <a:lnTo>
                  <a:pt x="8246" y="1257"/>
                </a:lnTo>
                <a:lnTo>
                  <a:pt x="8238" y="1249"/>
                </a:lnTo>
                <a:lnTo>
                  <a:pt x="8228" y="1239"/>
                </a:lnTo>
                <a:lnTo>
                  <a:pt x="8219" y="1232"/>
                </a:lnTo>
                <a:lnTo>
                  <a:pt x="8207" y="1223"/>
                </a:lnTo>
                <a:lnTo>
                  <a:pt x="8195" y="1216"/>
                </a:lnTo>
                <a:lnTo>
                  <a:pt x="8182" y="1209"/>
                </a:lnTo>
                <a:lnTo>
                  <a:pt x="8169" y="1203"/>
                </a:lnTo>
                <a:lnTo>
                  <a:pt x="8154" y="1198"/>
                </a:lnTo>
                <a:lnTo>
                  <a:pt x="8138" y="1193"/>
                </a:lnTo>
                <a:lnTo>
                  <a:pt x="8121" y="1189"/>
                </a:lnTo>
                <a:lnTo>
                  <a:pt x="8104" y="1185"/>
                </a:lnTo>
                <a:lnTo>
                  <a:pt x="8085" y="1183"/>
                </a:lnTo>
                <a:lnTo>
                  <a:pt x="8065" y="1180"/>
                </a:lnTo>
                <a:lnTo>
                  <a:pt x="8043" y="1179"/>
                </a:lnTo>
                <a:lnTo>
                  <a:pt x="8021" y="1178"/>
                </a:lnTo>
                <a:close/>
                <a:moveTo>
                  <a:pt x="3729" y="1580"/>
                </a:moveTo>
                <a:lnTo>
                  <a:pt x="3525" y="1011"/>
                </a:lnTo>
                <a:lnTo>
                  <a:pt x="3147" y="1011"/>
                </a:lnTo>
                <a:lnTo>
                  <a:pt x="3147" y="1812"/>
                </a:lnTo>
                <a:lnTo>
                  <a:pt x="3375" y="1812"/>
                </a:lnTo>
                <a:lnTo>
                  <a:pt x="3375" y="1177"/>
                </a:lnTo>
                <a:lnTo>
                  <a:pt x="3389" y="1177"/>
                </a:lnTo>
                <a:lnTo>
                  <a:pt x="3622" y="1812"/>
                </a:lnTo>
                <a:lnTo>
                  <a:pt x="3836" y="1812"/>
                </a:lnTo>
                <a:lnTo>
                  <a:pt x="4068" y="1177"/>
                </a:lnTo>
                <a:lnTo>
                  <a:pt x="4082" y="1177"/>
                </a:lnTo>
                <a:lnTo>
                  <a:pt x="4082" y="1812"/>
                </a:lnTo>
                <a:lnTo>
                  <a:pt x="4311" y="1812"/>
                </a:lnTo>
                <a:lnTo>
                  <a:pt x="4311" y="1011"/>
                </a:lnTo>
                <a:lnTo>
                  <a:pt x="3935" y="1011"/>
                </a:lnTo>
                <a:lnTo>
                  <a:pt x="3729" y="1580"/>
                </a:lnTo>
                <a:close/>
                <a:moveTo>
                  <a:pt x="5039" y="1501"/>
                </a:moveTo>
                <a:lnTo>
                  <a:pt x="5039" y="1523"/>
                </a:lnTo>
                <a:lnTo>
                  <a:pt x="5035" y="1545"/>
                </a:lnTo>
                <a:lnTo>
                  <a:pt x="5032" y="1565"/>
                </a:lnTo>
                <a:lnTo>
                  <a:pt x="5027" y="1584"/>
                </a:lnTo>
                <a:lnTo>
                  <a:pt x="5020" y="1601"/>
                </a:lnTo>
                <a:lnTo>
                  <a:pt x="5012" y="1618"/>
                </a:lnTo>
                <a:lnTo>
                  <a:pt x="5002" y="1635"/>
                </a:lnTo>
                <a:lnTo>
                  <a:pt x="4992" y="1648"/>
                </a:lnTo>
                <a:lnTo>
                  <a:pt x="4985" y="1655"/>
                </a:lnTo>
                <a:lnTo>
                  <a:pt x="4979" y="1661"/>
                </a:lnTo>
                <a:lnTo>
                  <a:pt x="4971" y="1667"/>
                </a:lnTo>
                <a:lnTo>
                  <a:pt x="4964" y="1672"/>
                </a:lnTo>
                <a:lnTo>
                  <a:pt x="4956" y="1677"/>
                </a:lnTo>
                <a:lnTo>
                  <a:pt x="4949" y="1682"/>
                </a:lnTo>
                <a:lnTo>
                  <a:pt x="4940" y="1686"/>
                </a:lnTo>
                <a:lnTo>
                  <a:pt x="4931" y="1690"/>
                </a:lnTo>
                <a:lnTo>
                  <a:pt x="4922" y="1693"/>
                </a:lnTo>
                <a:lnTo>
                  <a:pt x="4912" y="1696"/>
                </a:lnTo>
                <a:lnTo>
                  <a:pt x="4902" y="1699"/>
                </a:lnTo>
                <a:lnTo>
                  <a:pt x="4891" y="1701"/>
                </a:lnTo>
                <a:lnTo>
                  <a:pt x="4870" y="1704"/>
                </a:lnTo>
                <a:lnTo>
                  <a:pt x="4846" y="1704"/>
                </a:lnTo>
                <a:lnTo>
                  <a:pt x="4821" y="1704"/>
                </a:lnTo>
                <a:lnTo>
                  <a:pt x="4800" y="1701"/>
                </a:lnTo>
                <a:lnTo>
                  <a:pt x="4789" y="1699"/>
                </a:lnTo>
                <a:lnTo>
                  <a:pt x="4780" y="1696"/>
                </a:lnTo>
                <a:lnTo>
                  <a:pt x="4770" y="1693"/>
                </a:lnTo>
                <a:lnTo>
                  <a:pt x="4760" y="1690"/>
                </a:lnTo>
                <a:lnTo>
                  <a:pt x="4752" y="1686"/>
                </a:lnTo>
                <a:lnTo>
                  <a:pt x="4743" y="1682"/>
                </a:lnTo>
                <a:lnTo>
                  <a:pt x="4735" y="1677"/>
                </a:lnTo>
                <a:lnTo>
                  <a:pt x="4727" y="1672"/>
                </a:lnTo>
                <a:lnTo>
                  <a:pt x="4720" y="1667"/>
                </a:lnTo>
                <a:lnTo>
                  <a:pt x="4713" y="1661"/>
                </a:lnTo>
                <a:lnTo>
                  <a:pt x="4706" y="1655"/>
                </a:lnTo>
                <a:lnTo>
                  <a:pt x="4701" y="1648"/>
                </a:lnTo>
                <a:lnTo>
                  <a:pt x="4689" y="1635"/>
                </a:lnTo>
                <a:lnTo>
                  <a:pt x="4679" y="1618"/>
                </a:lnTo>
                <a:lnTo>
                  <a:pt x="4671" y="1601"/>
                </a:lnTo>
                <a:lnTo>
                  <a:pt x="4664" y="1584"/>
                </a:lnTo>
                <a:lnTo>
                  <a:pt x="4659" y="1565"/>
                </a:lnTo>
                <a:lnTo>
                  <a:pt x="4656" y="1545"/>
                </a:lnTo>
                <a:lnTo>
                  <a:pt x="4652" y="1523"/>
                </a:lnTo>
                <a:lnTo>
                  <a:pt x="4652" y="1501"/>
                </a:lnTo>
                <a:lnTo>
                  <a:pt x="4652" y="1479"/>
                </a:lnTo>
                <a:lnTo>
                  <a:pt x="4656" y="1457"/>
                </a:lnTo>
                <a:lnTo>
                  <a:pt x="4659" y="1437"/>
                </a:lnTo>
                <a:lnTo>
                  <a:pt x="4664" y="1418"/>
                </a:lnTo>
                <a:lnTo>
                  <a:pt x="4671" y="1399"/>
                </a:lnTo>
                <a:lnTo>
                  <a:pt x="4679" y="1383"/>
                </a:lnTo>
                <a:lnTo>
                  <a:pt x="4689" y="1367"/>
                </a:lnTo>
                <a:lnTo>
                  <a:pt x="4701" y="1354"/>
                </a:lnTo>
                <a:lnTo>
                  <a:pt x="4713" y="1341"/>
                </a:lnTo>
                <a:lnTo>
                  <a:pt x="4727" y="1329"/>
                </a:lnTo>
                <a:lnTo>
                  <a:pt x="4743" y="1319"/>
                </a:lnTo>
                <a:lnTo>
                  <a:pt x="4760" y="1312"/>
                </a:lnTo>
                <a:lnTo>
                  <a:pt x="4780" y="1305"/>
                </a:lnTo>
                <a:lnTo>
                  <a:pt x="4800" y="1300"/>
                </a:lnTo>
                <a:lnTo>
                  <a:pt x="4821" y="1298"/>
                </a:lnTo>
                <a:lnTo>
                  <a:pt x="4846" y="1297"/>
                </a:lnTo>
                <a:lnTo>
                  <a:pt x="4870" y="1298"/>
                </a:lnTo>
                <a:lnTo>
                  <a:pt x="4891" y="1300"/>
                </a:lnTo>
                <a:lnTo>
                  <a:pt x="4912" y="1305"/>
                </a:lnTo>
                <a:lnTo>
                  <a:pt x="4931" y="1312"/>
                </a:lnTo>
                <a:lnTo>
                  <a:pt x="4949" y="1319"/>
                </a:lnTo>
                <a:lnTo>
                  <a:pt x="4964" y="1329"/>
                </a:lnTo>
                <a:lnTo>
                  <a:pt x="4979" y="1341"/>
                </a:lnTo>
                <a:lnTo>
                  <a:pt x="4992" y="1354"/>
                </a:lnTo>
                <a:lnTo>
                  <a:pt x="5002" y="1367"/>
                </a:lnTo>
                <a:lnTo>
                  <a:pt x="5012" y="1383"/>
                </a:lnTo>
                <a:lnTo>
                  <a:pt x="5020" y="1399"/>
                </a:lnTo>
                <a:lnTo>
                  <a:pt x="5027" y="1418"/>
                </a:lnTo>
                <a:lnTo>
                  <a:pt x="5032" y="1437"/>
                </a:lnTo>
                <a:lnTo>
                  <a:pt x="5035" y="1457"/>
                </a:lnTo>
                <a:lnTo>
                  <a:pt x="5039" y="1479"/>
                </a:lnTo>
                <a:lnTo>
                  <a:pt x="5039" y="1501"/>
                </a:lnTo>
                <a:close/>
                <a:moveTo>
                  <a:pt x="5250" y="1501"/>
                </a:moveTo>
                <a:lnTo>
                  <a:pt x="5249" y="1481"/>
                </a:lnTo>
                <a:lnTo>
                  <a:pt x="5248" y="1461"/>
                </a:lnTo>
                <a:lnTo>
                  <a:pt x="5245" y="1442"/>
                </a:lnTo>
                <a:lnTo>
                  <a:pt x="5242" y="1424"/>
                </a:lnTo>
                <a:lnTo>
                  <a:pt x="5238" y="1406"/>
                </a:lnTo>
                <a:lnTo>
                  <a:pt x="5232" y="1389"/>
                </a:lnTo>
                <a:lnTo>
                  <a:pt x="5226" y="1372"/>
                </a:lnTo>
                <a:lnTo>
                  <a:pt x="5218" y="1357"/>
                </a:lnTo>
                <a:lnTo>
                  <a:pt x="5211" y="1341"/>
                </a:lnTo>
                <a:lnTo>
                  <a:pt x="5202" y="1327"/>
                </a:lnTo>
                <a:lnTo>
                  <a:pt x="5193" y="1313"/>
                </a:lnTo>
                <a:lnTo>
                  <a:pt x="5182" y="1300"/>
                </a:lnTo>
                <a:lnTo>
                  <a:pt x="5171" y="1287"/>
                </a:lnTo>
                <a:lnTo>
                  <a:pt x="5158" y="1276"/>
                </a:lnTo>
                <a:lnTo>
                  <a:pt x="5147" y="1264"/>
                </a:lnTo>
                <a:lnTo>
                  <a:pt x="5133" y="1253"/>
                </a:lnTo>
                <a:lnTo>
                  <a:pt x="5119" y="1244"/>
                </a:lnTo>
                <a:lnTo>
                  <a:pt x="5105" y="1234"/>
                </a:lnTo>
                <a:lnTo>
                  <a:pt x="5089" y="1225"/>
                </a:lnTo>
                <a:lnTo>
                  <a:pt x="5074" y="1217"/>
                </a:lnTo>
                <a:lnTo>
                  <a:pt x="5057" y="1209"/>
                </a:lnTo>
                <a:lnTo>
                  <a:pt x="5040" y="1203"/>
                </a:lnTo>
                <a:lnTo>
                  <a:pt x="5023" y="1197"/>
                </a:lnTo>
                <a:lnTo>
                  <a:pt x="5004" y="1191"/>
                </a:lnTo>
                <a:lnTo>
                  <a:pt x="4986" y="1187"/>
                </a:lnTo>
                <a:lnTo>
                  <a:pt x="4967" y="1183"/>
                </a:lnTo>
                <a:lnTo>
                  <a:pt x="4948" y="1178"/>
                </a:lnTo>
                <a:lnTo>
                  <a:pt x="4928" y="1176"/>
                </a:lnTo>
                <a:lnTo>
                  <a:pt x="4908" y="1174"/>
                </a:lnTo>
                <a:lnTo>
                  <a:pt x="4888" y="1172"/>
                </a:lnTo>
                <a:lnTo>
                  <a:pt x="4866" y="1171"/>
                </a:lnTo>
                <a:lnTo>
                  <a:pt x="4846" y="1171"/>
                </a:lnTo>
                <a:lnTo>
                  <a:pt x="4825" y="1171"/>
                </a:lnTo>
                <a:lnTo>
                  <a:pt x="4803" y="1172"/>
                </a:lnTo>
                <a:lnTo>
                  <a:pt x="4783" y="1174"/>
                </a:lnTo>
                <a:lnTo>
                  <a:pt x="4763" y="1176"/>
                </a:lnTo>
                <a:lnTo>
                  <a:pt x="4743" y="1178"/>
                </a:lnTo>
                <a:lnTo>
                  <a:pt x="4724" y="1183"/>
                </a:lnTo>
                <a:lnTo>
                  <a:pt x="4705" y="1187"/>
                </a:lnTo>
                <a:lnTo>
                  <a:pt x="4687" y="1191"/>
                </a:lnTo>
                <a:lnTo>
                  <a:pt x="4668" y="1197"/>
                </a:lnTo>
                <a:lnTo>
                  <a:pt x="4651" y="1203"/>
                </a:lnTo>
                <a:lnTo>
                  <a:pt x="4634" y="1209"/>
                </a:lnTo>
                <a:lnTo>
                  <a:pt x="4618" y="1217"/>
                </a:lnTo>
                <a:lnTo>
                  <a:pt x="4602" y="1225"/>
                </a:lnTo>
                <a:lnTo>
                  <a:pt x="4587" y="1234"/>
                </a:lnTo>
                <a:lnTo>
                  <a:pt x="4572" y="1244"/>
                </a:lnTo>
                <a:lnTo>
                  <a:pt x="4558" y="1253"/>
                </a:lnTo>
                <a:lnTo>
                  <a:pt x="4545" y="1264"/>
                </a:lnTo>
                <a:lnTo>
                  <a:pt x="4533" y="1276"/>
                </a:lnTo>
                <a:lnTo>
                  <a:pt x="4521" y="1287"/>
                </a:lnTo>
                <a:lnTo>
                  <a:pt x="4509" y="1300"/>
                </a:lnTo>
                <a:lnTo>
                  <a:pt x="4498" y="1313"/>
                </a:lnTo>
                <a:lnTo>
                  <a:pt x="4489" y="1327"/>
                </a:lnTo>
                <a:lnTo>
                  <a:pt x="4480" y="1341"/>
                </a:lnTo>
                <a:lnTo>
                  <a:pt x="4473" y="1357"/>
                </a:lnTo>
                <a:lnTo>
                  <a:pt x="4465" y="1372"/>
                </a:lnTo>
                <a:lnTo>
                  <a:pt x="4459" y="1389"/>
                </a:lnTo>
                <a:lnTo>
                  <a:pt x="4453" y="1406"/>
                </a:lnTo>
                <a:lnTo>
                  <a:pt x="4449" y="1424"/>
                </a:lnTo>
                <a:lnTo>
                  <a:pt x="4446" y="1442"/>
                </a:lnTo>
                <a:lnTo>
                  <a:pt x="4444" y="1461"/>
                </a:lnTo>
                <a:lnTo>
                  <a:pt x="4442" y="1481"/>
                </a:lnTo>
                <a:lnTo>
                  <a:pt x="4442" y="1501"/>
                </a:lnTo>
                <a:lnTo>
                  <a:pt x="4442" y="1521"/>
                </a:lnTo>
                <a:lnTo>
                  <a:pt x="4444" y="1541"/>
                </a:lnTo>
                <a:lnTo>
                  <a:pt x="4446" y="1560"/>
                </a:lnTo>
                <a:lnTo>
                  <a:pt x="4449" y="1578"/>
                </a:lnTo>
                <a:lnTo>
                  <a:pt x="4453" y="1596"/>
                </a:lnTo>
                <a:lnTo>
                  <a:pt x="4459" y="1613"/>
                </a:lnTo>
                <a:lnTo>
                  <a:pt x="4465" y="1629"/>
                </a:lnTo>
                <a:lnTo>
                  <a:pt x="4473" y="1645"/>
                </a:lnTo>
                <a:lnTo>
                  <a:pt x="4480" y="1660"/>
                </a:lnTo>
                <a:lnTo>
                  <a:pt x="4489" y="1675"/>
                </a:lnTo>
                <a:lnTo>
                  <a:pt x="4498" y="1689"/>
                </a:lnTo>
                <a:lnTo>
                  <a:pt x="4509" y="1702"/>
                </a:lnTo>
                <a:lnTo>
                  <a:pt x="4521" y="1715"/>
                </a:lnTo>
                <a:lnTo>
                  <a:pt x="4533" y="1726"/>
                </a:lnTo>
                <a:lnTo>
                  <a:pt x="4545" y="1738"/>
                </a:lnTo>
                <a:lnTo>
                  <a:pt x="4558" y="1749"/>
                </a:lnTo>
                <a:lnTo>
                  <a:pt x="4572" y="1758"/>
                </a:lnTo>
                <a:lnTo>
                  <a:pt x="4587" y="1768"/>
                </a:lnTo>
                <a:lnTo>
                  <a:pt x="4602" y="1777"/>
                </a:lnTo>
                <a:lnTo>
                  <a:pt x="4618" y="1784"/>
                </a:lnTo>
                <a:lnTo>
                  <a:pt x="4634" y="1792"/>
                </a:lnTo>
                <a:lnTo>
                  <a:pt x="4651" y="1799"/>
                </a:lnTo>
                <a:lnTo>
                  <a:pt x="4668" y="1805"/>
                </a:lnTo>
                <a:lnTo>
                  <a:pt x="4687" y="1811"/>
                </a:lnTo>
                <a:lnTo>
                  <a:pt x="4705" y="1815"/>
                </a:lnTo>
                <a:lnTo>
                  <a:pt x="4724" y="1819"/>
                </a:lnTo>
                <a:lnTo>
                  <a:pt x="4743" y="1823"/>
                </a:lnTo>
                <a:lnTo>
                  <a:pt x="4763" y="1826"/>
                </a:lnTo>
                <a:lnTo>
                  <a:pt x="4783" y="1828"/>
                </a:lnTo>
                <a:lnTo>
                  <a:pt x="4803" y="1830"/>
                </a:lnTo>
                <a:lnTo>
                  <a:pt x="4825" y="1831"/>
                </a:lnTo>
                <a:lnTo>
                  <a:pt x="4846" y="1831"/>
                </a:lnTo>
                <a:lnTo>
                  <a:pt x="4866" y="1831"/>
                </a:lnTo>
                <a:lnTo>
                  <a:pt x="4888" y="1830"/>
                </a:lnTo>
                <a:lnTo>
                  <a:pt x="4908" y="1828"/>
                </a:lnTo>
                <a:lnTo>
                  <a:pt x="4928" y="1826"/>
                </a:lnTo>
                <a:lnTo>
                  <a:pt x="4948" y="1823"/>
                </a:lnTo>
                <a:lnTo>
                  <a:pt x="4967" y="1819"/>
                </a:lnTo>
                <a:lnTo>
                  <a:pt x="4986" y="1815"/>
                </a:lnTo>
                <a:lnTo>
                  <a:pt x="5004" y="1811"/>
                </a:lnTo>
                <a:lnTo>
                  <a:pt x="5023" y="1805"/>
                </a:lnTo>
                <a:lnTo>
                  <a:pt x="5040" y="1799"/>
                </a:lnTo>
                <a:lnTo>
                  <a:pt x="5057" y="1792"/>
                </a:lnTo>
                <a:lnTo>
                  <a:pt x="5074" y="1784"/>
                </a:lnTo>
                <a:lnTo>
                  <a:pt x="5089" y="1777"/>
                </a:lnTo>
                <a:lnTo>
                  <a:pt x="5105" y="1768"/>
                </a:lnTo>
                <a:lnTo>
                  <a:pt x="5119" y="1758"/>
                </a:lnTo>
                <a:lnTo>
                  <a:pt x="5133" y="1749"/>
                </a:lnTo>
                <a:lnTo>
                  <a:pt x="5147" y="1738"/>
                </a:lnTo>
                <a:lnTo>
                  <a:pt x="5158" y="1726"/>
                </a:lnTo>
                <a:lnTo>
                  <a:pt x="5171" y="1715"/>
                </a:lnTo>
                <a:lnTo>
                  <a:pt x="5182" y="1702"/>
                </a:lnTo>
                <a:lnTo>
                  <a:pt x="5193" y="1689"/>
                </a:lnTo>
                <a:lnTo>
                  <a:pt x="5202" y="1675"/>
                </a:lnTo>
                <a:lnTo>
                  <a:pt x="5211" y="1660"/>
                </a:lnTo>
                <a:lnTo>
                  <a:pt x="5218" y="1645"/>
                </a:lnTo>
                <a:lnTo>
                  <a:pt x="5226" y="1629"/>
                </a:lnTo>
                <a:lnTo>
                  <a:pt x="5232" y="1613"/>
                </a:lnTo>
                <a:lnTo>
                  <a:pt x="5238" y="1596"/>
                </a:lnTo>
                <a:lnTo>
                  <a:pt x="5242" y="1578"/>
                </a:lnTo>
                <a:lnTo>
                  <a:pt x="5245" y="1560"/>
                </a:lnTo>
                <a:lnTo>
                  <a:pt x="5248" y="1541"/>
                </a:lnTo>
                <a:lnTo>
                  <a:pt x="5249" y="1521"/>
                </a:lnTo>
                <a:lnTo>
                  <a:pt x="5250" y="1501"/>
                </a:lnTo>
                <a:close/>
                <a:moveTo>
                  <a:pt x="6447" y="1191"/>
                </a:moveTo>
                <a:lnTo>
                  <a:pt x="6447" y="1251"/>
                </a:lnTo>
                <a:lnTo>
                  <a:pt x="6444" y="1251"/>
                </a:lnTo>
                <a:lnTo>
                  <a:pt x="6435" y="1244"/>
                </a:lnTo>
                <a:lnTo>
                  <a:pt x="6426" y="1236"/>
                </a:lnTo>
                <a:lnTo>
                  <a:pt x="6417" y="1229"/>
                </a:lnTo>
                <a:lnTo>
                  <a:pt x="6407" y="1222"/>
                </a:lnTo>
                <a:lnTo>
                  <a:pt x="6395" y="1216"/>
                </a:lnTo>
                <a:lnTo>
                  <a:pt x="6384" y="1209"/>
                </a:lnTo>
                <a:lnTo>
                  <a:pt x="6372" y="1204"/>
                </a:lnTo>
                <a:lnTo>
                  <a:pt x="6358" y="1199"/>
                </a:lnTo>
                <a:lnTo>
                  <a:pt x="6344" y="1194"/>
                </a:lnTo>
                <a:lnTo>
                  <a:pt x="6328" y="1190"/>
                </a:lnTo>
                <a:lnTo>
                  <a:pt x="6312" y="1187"/>
                </a:lnTo>
                <a:lnTo>
                  <a:pt x="6295" y="1184"/>
                </a:lnTo>
                <a:lnTo>
                  <a:pt x="6277" y="1182"/>
                </a:lnTo>
                <a:lnTo>
                  <a:pt x="6257" y="1180"/>
                </a:lnTo>
                <a:lnTo>
                  <a:pt x="6237" y="1179"/>
                </a:lnTo>
                <a:lnTo>
                  <a:pt x="6216" y="1178"/>
                </a:lnTo>
                <a:lnTo>
                  <a:pt x="6194" y="1179"/>
                </a:lnTo>
                <a:lnTo>
                  <a:pt x="6174" y="1180"/>
                </a:lnTo>
                <a:lnTo>
                  <a:pt x="6155" y="1183"/>
                </a:lnTo>
                <a:lnTo>
                  <a:pt x="6135" y="1186"/>
                </a:lnTo>
                <a:lnTo>
                  <a:pt x="6117" y="1190"/>
                </a:lnTo>
                <a:lnTo>
                  <a:pt x="6100" y="1195"/>
                </a:lnTo>
                <a:lnTo>
                  <a:pt x="6083" y="1201"/>
                </a:lnTo>
                <a:lnTo>
                  <a:pt x="6067" y="1207"/>
                </a:lnTo>
                <a:lnTo>
                  <a:pt x="6052" y="1215"/>
                </a:lnTo>
                <a:lnTo>
                  <a:pt x="6037" y="1222"/>
                </a:lnTo>
                <a:lnTo>
                  <a:pt x="6023" y="1231"/>
                </a:lnTo>
                <a:lnTo>
                  <a:pt x="6010" y="1239"/>
                </a:lnTo>
                <a:lnTo>
                  <a:pt x="5997" y="1249"/>
                </a:lnTo>
                <a:lnTo>
                  <a:pt x="5986" y="1260"/>
                </a:lnTo>
                <a:lnTo>
                  <a:pt x="5975" y="1270"/>
                </a:lnTo>
                <a:lnTo>
                  <a:pt x="5964" y="1281"/>
                </a:lnTo>
                <a:lnTo>
                  <a:pt x="5955" y="1293"/>
                </a:lnTo>
                <a:lnTo>
                  <a:pt x="5946" y="1305"/>
                </a:lnTo>
                <a:lnTo>
                  <a:pt x="5937" y="1317"/>
                </a:lnTo>
                <a:lnTo>
                  <a:pt x="5929" y="1330"/>
                </a:lnTo>
                <a:lnTo>
                  <a:pt x="5922" y="1343"/>
                </a:lnTo>
                <a:lnTo>
                  <a:pt x="5916" y="1357"/>
                </a:lnTo>
                <a:lnTo>
                  <a:pt x="5910" y="1371"/>
                </a:lnTo>
                <a:lnTo>
                  <a:pt x="5904" y="1383"/>
                </a:lnTo>
                <a:lnTo>
                  <a:pt x="5900" y="1398"/>
                </a:lnTo>
                <a:lnTo>
                  <a:pt x="5897" y="1412"/>
                </a:lnTo>
                <a:lnTo>
                  <a:pt x="5892" y="1426"/>
                </a:lnTo>
                <a:lnTo>
                  <a:pt x="5890" y="1440"/>
                </a:lnTo>
                <a:lnTo>
                  <a:pt x="5888" y="1455"/>
                </a:lnTo>
                <a:lnTo>
                  <a:pt x="5887" y="1469"/>
                </a:lnTo>
                <a:lnTo>
                  <a:pt x="5886" y="1484"/>
                </a:lnTo>
                <a:lnTo>
                  <a:pt x="5885" y="1498"/>
                </a:lnTo>
                <a:lnTo>
                  <a:pt x="5886" y="1515"/>
                </a:lnTo>
                <a:lnTo>
                  <a:pt x="5887" y="1531"/>
                </a:lnTo>
                <a:lnTo>
                  <a:pt x="5888" y="1547"/>
                </a:lnTo>
                <a:lnTo>
                  <a:pt x="5890" y="1563"/>
                </a:lnTo>
                <a:lnTo>
                  <a:pt x="5894" y="1578"/>
                </a:lnTo>
                <a:lnTo>
                  <a:pt x="5897" y="1593"/>
                </a:lnTo>
                <a:lnTo>
                  <a:pt x="5900" y="1608"/>
                </a:lnTo>
                <a:lnTo>
                  <a:pt x="5905" y="1622"/>
                </a:lnTo>
                <a:lnTo>
                  <a:pt x="5910" y="1636"/>
                </a:lnTo>
                <a:lnTo>
                  <a:pt x="5916" y="1649"/>
                </a:lnTo>
                <a:lnTo>
                  <a:pt x="5922" y="1663"/>
                </a:lnTo>
                <a:lnTo>
                  <a:pt x="5929" y="1675"/>
                </a:lnTo>
                <a:lnTo>
                  <a:pt x="5937" y="1688"/>
                </a:lnTo>
                <a:lnTo>
                  <a:pt x="5945" y="1700"/>
                </a:lnTo>
                <a:lnTo>
                  <a:pt x="5955" y="1711"/>
                </a:lnTo>
                <a:lnTo>
                  <a:pt x="5964" y="1722"/>
                </a:lnTo>
                <a:lnTo>
                  <a:pt x="5974" y="1733"/>
                </a:lnTo>
                <a:lnTo>
                  <a:pt x="5985" y="1742"/>
                </a:lnTo>
                <a:lnTo>
                  <a:pt x="5996" y="1752"/>
                </a:lnTo>
                <a:lnTo>
                  <a:pt x="6008" y="1761"/>
                </a:lnTo>
                <a:lnTo>
                  <a:pt x="6021" y="1769"/>
                </a:lnTo>
                <a:lnTo>
                  <a:pt x="6034" y="1777"/>
                </a:lnTo>
                <a:lnTo>
                  <a:pt x="6048" y="1783"/>
                </a:lnTo>
                <a:lnTo>
                  <a:pt x="6063" y="1789"/>
                </a:lnTo>
                <a:lnTo>
                  <a:pt x="6078" y="1796"/>
                </a:lnTo>
                <a:lnTo>
                  <a:pt x="6094" y="1801"/>
                </a:lnTo>
                <a:lnTo>
                  <a:pt x="6110" y="1805"/>
                </a:lnTo>
                <a:lnTo>
                  <a:pt x="6127" y="1810"/>
                </a:lnTo>
                <a:lnTo>
                  <a:pt x="6145" y="1813"/>
                </a:lnTo>
                <a:lnTo>
                  <a:pt x="6163" y="1815"/>
                </a:lnTo>
                <a:lnTo>
                  <a:pt x="6182" y="1817"/>
                </a:lnTo>
                <a:lnTo>
                  <a:pt x="6202" y="1818"/>
                </a:lnTo>
                <a:lnTo>
                  <a:pt x="6222" y="1818"/>
                </a:lnTo>
                <a:lnTo>
                  <a:pt x="6241" y="1817"/>
                </a:lnTo>
                <a:lnTo>
                  <a:pt x="6261" y="1815"/>
                </a:lnTo>
                <a:lnTo>
                  <a:pt x="6279" y="1813"/>
                </a:lnTo>
                <a:lnTo>
                  <a:pt x="6296" y="1809"/>
                </a:lnTo>
                <a:lnTo>
                  <a:pt x="6313" y="1804"/>
                </a:lnTo>
                <a:lnTo>
                  <a:pt x="6329" y="1799"/>
                </a:lnTo>
                <a:lnTo>
                  <a:pt x="6344" y="1794"/>
                </a:lnTo>
                <a:lnTo>
                  <a:pt x="6359" y="1787"/>
                </a:lnTo>
                <a:lnTo>
                  <a:pt x="6373" y="1781"/>
                </a:lnTo>
                <a:lnTo>
                  <a:pt x="6386" y="1773"/>
                </a:lnTo>
                <a:lnTo>
                  <a:pt x="6398" y="1767"/>
                </a:lnTo>
                <a:lnTo>
                  <a:pt x="6408" y="1760"/>
                </a:lnTo>
                <a:lnTo>
                  <a:pt x="6418" y="1752"/>
                </a:lnTo>
                <a:lnTo>
                  <a:pt x="6426" y="1745"/>
                </a:lnTo>
                <a:lnTo>
                  <a:pt x="6435" y="1737"/>
                </a:lnTo>
                <a:lnTo>
                  <a:pt x="6437" y="1737"/>
                </a:lnTo>
                <a:lnTo>
                  <a:pt x="6437" y="1738"/>
                </a:lnTo>
                <a:lnTo>
                  <a:pt x="6437" y="1739"/>
                </a:lnTo>
                <a:lnTo>
                  <a:pt x="6437" y="1742"/>
                </a:lnTo>
                <a:lnTo>
                  <a:pt x="6437" y="1746"/>
                </a:lnTo>
                <a:lnTo>
                  <a:pt x="6437" y="1750"/>
                </a:lnTo>
                <a:lnTo>
                  <a:pt x="6437" y="1754"/>
                </a:lnTo>
                <a:lnTo>
                  <a:pt x="6437" y="1758"/>
                </a:lnTo>
                <a:lnTo>
                  <a:pt x="6437" y="1764"/>
                </a:lnTo>
                <a:lnTo>
                  <a:pt x="6437" y="1781"/>
                </a:lnTo>
                <a:lnTo>
                  <a:pt x="6436" y="1799"/>
                </a:lnTo>
                <a:lnTo>
                  <a:pt x="6433" y="1816"/>
                </a:lnTo>
                <a:lnTo>
                  <a:pt x="6429" y="1833"/>
                </a:lnTo>
                <a:lnTo>
                  <a:pt x="6423" y="1849"/>
                </a:lnTo>
                <a:lnTo>
                  <a:pt x="6416" y="1865"/>
                </a:lnTo>
                <a:lnTo>
                  <a:pt x="6411" y="1873"/>
                </a:lnTo>
                <a:lnTo>
                  <a:pt x="6406" y="1880"/>
                </a:lnTo>
                <a:lnTo>
                  <a:pt x="6401" y="1887"/>
                </a:lnTo>
                <a:lnTo>
                  <a:pt x="6394" y="1893"/>
                </a:lnTo>
                <a:lnTo>
                  <a:pt x="6388" y="1901"/>
                </a:lnTo>
                <a:lnTo>
                  <a:pt x="6380" y="1906"/>
                </a:lnTo>
                <a:lnTo>
                  <a:pt x="6373" y="1912"/>
                </a:lnTo>
                <a:lnTo>
                  <a:pt x="6364" y="1918"/>
                </a:lnTo>
                <a:lnTo>
                  <a:pt x="6356" y="1923"/>
                </a:lnTo>
                <a:lnTo>
                  <a:pt x="6346" y="1927"/>
                </a:lnTo>
                <a:lnTo>
                  <a:pt x="6335" y="1932"/>
                </a:lnTo>
                <a:lnTo>
                  <a:pt x="6324" y="1936"/>
                </a:lnTo>
                <a:lnTo>
                  <a:pt x="6312" y="1940"/>
                </a:lnTo>
                <a:lnTo>
                  <a:pt x="6299" y="1943"/>
                </a:lnTo>
                <a:lnTo>
                  <a:pt x="6286" y="1945"/>
                </a:lnTo>
                <a:lnTo>
                  <a:pt x="6271" y="1948"/>
                </a:lnTo>
                <a:lnTo>
                  <a:pt x="6256" y="1950"/>
                </a:lnTo>
                <a:lnTo>
                  <a:pt x="6240" y="1951"/>
                </a:lnTo>
                <a:lnTo>
                  <a:pt x="6224" y="1952"/>
                </a:lnTo>
                <a:lnTo>
                  <a:pt x="6206" y="1952"/>
                </a:lnTo>
                <a:lnTo>
                  <a:pt x="6176" y="1952"/>
                </a:lnTo>
                <a:lnTo>
                  <a:pt x="6146" y="1950"/>
                </a:lnTo>
                <a:lnTo>
                  <a:pt x="6115" y="1945"/>
                </a:lnTo>
                <a:lnTo>
                  <a:pt x="6084" y="1940"/>
                </a:lnTo>
                <a:lnTo>
                  <a:pt x="6053" y="1934"/>
                </a:lnTo>
                <a:lnTo>
                  <a:pt x="6021" y="1924"/>
                </a:lnTo>
                <a:lnTo>
                  <a:pt x="6006" y="1919"/>
                </a:lnTo>
                <a:lnTo>
                  <a:pt x="5990" y="1913"/>
                </a:lnTo>
                <a:lnTo>
                  <a:pt x="5975" y="1906"/>
                </a:lnTo>
                <a:lnTo>
                  <a:pt x="5959" y="1899"/>
                </a:lnTo>
                <a:lnTo>
                  <a:pt x="5959" y="2043"/>
                </a:lnTo>
                <a:lnTo>
                  <a:pt x="5990" y="2052"/>
                </a:lnTo>
                <a:lnTo>
                  <a:pt x="6022" y="2060"/>
                </a:lnTo>
                <a:lnTo>
                  <a:pt x="6054" y="2066"/>
                </a:lnTo>
                <a:lnTo>
                  <a:pt x="6088" y="2071"/>
                </a:lnTo>
                <a:lnTo>
                  <a:pt x="6124" y="2076"/>
                </a:lnTo>
                <a:lnTo>
                  <a:pt x="6159" y="2078"/>
                </a:lnTo>
                <a:lnTo>
                  <a:pt x="6196" y="2080"/>
                </a:lnTo>
                <a:lnTo>
                  <a:pt x="6235" y="2080"/>
                </a:lnTo>
                <a:lnTo>
                  <a:pt x="6265" y="2080"/>
                </a:lnTo>
                <a:lnTo>
                  <a:pt x="6293" y="2078"/>
                </a:lnTo>
                <a:lnTo>
                  <a:pt x="6319" y="2076"/>
                </a:lnTo>
                <a:lnTo>
                  <a:pt x="6345" y="2073"/>
                </a:lnTo>
                <a:lnTo>
                  <a:pt x="6369" y="2068"/>
                </a:lnTo>
                <a:lnTo>
                  <a:pt x="6392" y="2063"/>
                </a:lnTo>
                <a:lnTo>
                  <a:pt x="6414" y="2056"/>
                </a:lnTo>
                <a:lnTo>
                  <a:pt x="6434" y="2050"/>
                </a:lnTo>
                <a:lnTo>
                  <a:pt x="6453" y="2043"/>
                </a:lnTo>
                <a:lnTo>
                  <a:pt x="6470" y="2034"/>
                </a:lnTo>
                <a:lnTo>
                  <a:pt x="6487" y="2026"/>
                </a:lnTo>
                <a:lnTo>
                  <a:pt x="6503" y="2016"/>
                </a:lnTo>
                <a:lnTo>
                  <a:pt x="6517" y="2005"/>
                </a:lnTo>
                <a:lnTo>
                  <a:pt x="6531" y="1995"/>
                </a:lnTo>
                <a:lnTo>
                  <a:pt x="6544" y="1984"/>
                </a:lnTo>
                <a:lnTo>
                  <a:pt x="6556" y="1972"/>
                </a:lnTo>
                <a:lnTo>
                  <a:pt x="6567" y="1959"/>
                </a:lnTo>
                <a:lnTo>
                  <a:pt x="6576" y="1946"/>
                </a:lnTo>
                <a:lnTo>
                  <a:pt x="6585" y="1934"/>
                </a:lnTo>
                <a:lnTo>
                  <a:pt x="6593" y="1920"/>
                </a:lnTo>
                <a:lnTo>
                  <a:pt x="6600" y="1906"/>
                </a:lnTo>
                <a:lnTo>
                  <a:pt x="6606" y="1892"/>
                </a:lnTo>
                <a:lnTo>
                  <a:pt x="6613" y="1877"/>
                </a:lnTo>
                <a:lnTo>
                  <a:pt x="6617" y="1862"/>
                </a:lnTo>
                <a:lnTo>
                  <a:pt x="6621" y="1847"/>
                </a:lnTo>
                <a:lnTo>
                  <a:pt x="6624" y="1832"/>
                </a:lnTo>
                <a:lnTo>
                  <a:pt x="6628" y="1816"/>
                </a:lnTo>
                <a:lnTo>
                  <a:pt x="6630" y="1801"/>
                </a:lnTo>
                <a:lnTo>
                  <a:pt x="6633" y="1769"/>
                </a:lnTo>
                <a:lnTo>
                  <a:pt x="6634" y="1738"/>
                </a:lnTo>
                <a:lnTo>
                  <a:pt x="6634" y="1191"/>
                </a:lnTo>
                <a:lnTo>
                  <a:pt x="6447" y="1191"/>
                </a:lnTo>
                <a:close/>
                <a:moveTo>
                  <a:pt x="6263" y="1687"/>
                </a:moveTo>
                <a:lnTo>
                  <a:pt x="6252" y="1687"/>
                </a:lnTo>
                <a:lnTo>
                  <a:pt x="6241" y="1686"/>
                </a:lnTo>
                <a:lnTo>
                  <a:pt x="6232" y="1685"/>
                </a:lnTo>
                <a:lnTo>
                  <a:pt x="6222" y="1683"/>
                </a:lnTo>
                <a:lnTo>
                  <a:pt x="6212" y="1680"/>
                </a:lnTo>
                <a:lnTo>
                  <a:pt x="6204" y="1678"/>
                </a:lnTo>
                <a:lnTo>
                  <a:pt x="6195" y="1675"/>
                </a:lnTo>
                <a:lnTo>
                  <a:pt x="6187" y="1671"/>
                </a:lnTo>
                <a:lnTo>
                  <a:pt x="6172" y="1662"/>
                </a:lnTo>
                <a:lnTo>
                  <a:pt x="6158" y="1653"/>
                </a:lnTo>
                <a:lnTo>
                  <a:pt x="6145" y="1642"/>
                </a:lnTo>
                <a:lnTo>
                  <a:pt x="6134" y="1629"/>
                </a:lnTo>
                <a:lnTo>
                  <a:pt x="6124" y="1615"/>
                </a:lnTo>
                <a:lnTo>
                  <a:pt x="6115" y="1601"/>
                </a:lnTo>
                <a:lnTo>
                  <a:pt x="6109" y="1585"/>
                </a:lnTo>
                <a:lnTo>
                  <a:pt x="6102" y="1569"/>
                </a:lnTo>
                <a:lnTo>
                  <a:pt x="6098" y="1552"/>
                </a:lnTo>
                <a:lnTo>
                  <a:pt x="6095" y="1535"/>
                </a:lnTo>
                <a:lnTo>
                  <a:pt x="6093" y="1518"/>
                </a:lnTo>
                <a:lnTo>
                  <a:pt x="6092" y="1500"/>
                </a:lnTo>
                <a:lnTo>
                  <a:pt x="6093" y="1483"/>
                </a:lnTo>
                <a:lnTo>
                  <a:pt x="6094" y="1465"/>
                </a:lnTo>
                <a:lnTo>
                  <a:pt x="6097" y="1448"/>
                </a:lnTo>
                <a:lnTo>
                  <a:pt x="6101" y="1430"/>
                </a:lnTo>
                <a:lnTo>
                  <a:pt x="6106" y="1413"/>
                </a:lnTo>
                <a:lnTo>
                  <a:pt x="6113" y="1397"/>
                </a:lnTo>
                <a:lnTo>
                  <a:pt x="6121" y="1382"/>
                </a:lnTo>
                <a:lnTo>
                  <a:pt x="6131" y="1367"/>
                </a:lnTo>
                <a:lnTo>
                  <a:pt x="6142" y="1355"/>
                </a:lnTo>
                <a:lnTo>
                  <a:pt x="6155" y="1343"/>
                </a:lnTo>
                <a:lnTo>
                  <a:pt x="6162" y="1338"/>
                </a:lnTo>
                <a:lnTo>
                  <a:pt x="6170" y="1332"/>
                </a:lnTo>
                <a:lnTo>
                  <a:pt x="6177" y="1327"/>
                </a:lnTo>
                <a:lnTo>
                  <a:pt x="6186" y="1323"/>
                </a:lnTo>
                <a:lnTo>
                  <a:pt x="6194" y="1319"/>
                </a:lnTo>
                <a:lnTo>
                  <a:pt x="6204" y="1316"/>
                </a:lnTo>
                <a:lnTo>
                  <a:pt x="6213" y="1313"/>
                </a:lnTo>
                <a:lnTo>
                  <a:pt x="6224" y="1311"/>
                </a:lnTo>
                <a:lnTo>
                  <a:pt x="6235" y="1309"/>
                </a:lnTo>
                <a:lnTo>
                  <a:pt x="6246" y="1307"/>
                </a:lnTo>
                <a:lnTo>
                  <a:pt x="6257" y="1307"/>
                </a:lnTo>
                <a:lnTo>
                  <a:pt x="6269" y="1305"/>
                </a:lnTo>
                <a:lnTo>
                  <a:pt x="6291" y="1307"/>
                </a:lnTo>
                <a:lnTo>
                  <a:pt x="6310" y="1310"/>
                </a:lnTo>
                <a:lnTo>
                  <a:pt x="6328" y="1314"/>
                </a:lnTo>
                <a:lnTo>
                  <a:pt x="6345" y="1320"/>
                </a:lnTo>
                <a:lnTo>
                  <a:pt x="6360" y="1329"/>
                </a:lnTo>
                <a:lnTo>
                  <a:pt x="6374" y="1339"/>
                </a:lnTo>
                <a:lnTo>
                  <a:pt x="6387" y="1349"/>
                </a:lnTo>
                <a:lnTo>
                  <a:pt x="6398" y="1362"/>
                </a:lnTo>
                <a:lnTo>
                  <a:pt x="6407" y="1375"/>
                </a:lnTo>
                <a:lnTo>
                  <a:pt x="6416" y="1390"/>
                </a:lnTo>
                <a:lnTo>
                  <a:pt x="6423" y="1406"/>
                </a:lnTo>
                <a:lnTo>
                  <a:pt x="6429" y="1423"/>
                </a:lnTo>
                <a:lnTo>
                  <a:pt x="6433" y="1440"/>
                </a:lnTo>
                <a:lnTo>
                  <a:pt x="6436" y="1458"/>
                </a:lnTo>
                <a:lnTo>
                  <a:pt x="6438" y="1477"/>
                </a:lnTo>
                <a:lnTo>
                  <a:pt x="6439" y="1497"/>
                </a:lnTo>
                <a:lnTo>
                  <a:pt x="6438" y="1514"/>
                </a:lnTo>
                <a:lnTo>
                  <a:pt x="6436" y="1531"/>
                </a:lnTo>
                <a:lnTo>
                  <a:pt x="6434" y="1548"/>
                </a:lnTo>
                <a:lnTo>
                  <a:pt x="6430" y="1564"/>
                </a:lnTo>
                <a:lnTo>
                  <a:pt x="6424" y="1581"/>
                </a:lnTo>
                <a:lnTo>
                  <a:pt x="6417" y="1596"/>
                </a:lnTo>
                <a:lnTo>
                  <a:pt x="6408" y="1611"/>
                </a:lnTo>
                <a:lnTo>
                  <a:pt x="6399" y="1626"/>
                </a:lnTo>
                <a:lnTo>
                  <a:pt x="6388" y="1639"/>
                </a:lnTo>
                <a:lnTo>
                  <a:pt x="6375" y="1651"/>
                </a:lnTo>
                <a:lnTo>
                  <a:pt x="6368" y="1656"/>
                </a:lnTo>
                <a:lnTo>
                  <a:pt x="6360" y="1661"/>
                </a:lnTo>
                <a:lnTo>
                  <a:pt x="6353" y="1665"/>
                </a:lnTo>
                <a:lnTo>
                  <a:pt x="6344" y="1670"/>
                </a:lnTo>
                <a:lnTo>
                  <a:pt x="6335" y="1674"/>
                </a:lnTo>
                <a:lnTo>
                  <a:pt x="6327" y="1677"/>
                </a:lnTo>
                <a:lnTo>
                  <a:pt x="6317" y="1680"/>
                </a:lnTo>
                <a:lnTo>
                  <a:pt x="6307" y="1683"/>
                </a:lnTo>
                <a:lnTo>
                  <a:pt x="6297" y="1685"/>
                </a:lnTo>
                <a:lnTo>
                  <a:pt x="6285" y="1686"/>
                </a:lnTo>
                <a:lnTo>
                  <a:pt x="6274" y="1687"/>
                </a:lnTo>
                <a:lnTo>
                  <a:pt x="6263" y="1687"/>
                </a:lnTo>
                <a:close/>
                <a:moveTo>
                  <a:pt x="7441" y="1422"/>
                </a:moveTo>
                <a:lnTo>
                  <a:pt x="7441" y="1407"/>
                </a:lnTo>
                <a:lnTo>
                  <a:pt x="7440" y="1393"/>
                </a:lnTo>
                <a:lnTo>
                  <a:pt x="7439" y="1379"/>
                </a:lnTo>
                <a:lnTo>
                  <a:pt x="7437" y="1365"/>
                </a:lnTo>
                <a:lnTo>
                  <a:pt x="7433" y="1352"/>
                </a:lnTo>
                <a:lnTo>
                  <a:pt x="7430" y="1340"/>
                </a:lnTo>
                <a:lnTo>
                  <a:pt x="7427" y="1328"/>
                </a:lnTo>
                <a:lnTo>
                  <a:pt x="7422" y="1316"/>
                </a:lnTo>
                <a:lnTo>
                  <a:pt x="7417" y="1305"/>
                </a:lnTo>
                <a:lnTo>
                  <a:pt x="7411" y="1295"/>
                </a:lnTo>
                <a:lnTo>
                  <a:pt x="7404" y="1284"/>
                </a:lnTo>
                <a:lnTo>
                  <a:pt x="7398" y="1274"/>
                </a:lnTo>
                <a:lnTo>
                  <a:pt x="7390" y="1265"/>
                </a:lnTo>
                <a:lnTo>
                  <a:pt x="7382" y="1256"/>
                </a:lnTo>
                <a:lnTo>
                  <a:pt x="7372" y="1248"/>
                </a:lnTo>
                <a:lnTo>
                  <a:pt x="7363" y="1240"/>
                </a:lnTo>
                <a:lnTo>
                  <a:pt x="7353" y="1233"/>
                </a:lnTo>
                <a:lnTo>
                  <a:pt x="7342" y="1226"/>
                </a:lnTo>
                <a:lnTo>
                  <a:pt x="7331" y="1220"/>
                </a:lnTo>
                <a:lnTo>
                  <a:pt x="7318" y="1214"/>
                </a:lnTo>
                <a:lnTo>
                  <a:pt x="7305" y="1208"/>
                </a:lnTo>
                <a:lnTo>
                  <a:pt x="7291" y="1203"/>
                </a:lnTo>
                <a:lnTo>
                  <a:pt x="7277" y="1199"/>
                </a:lnTo>
                <a:lnTo>
                  <a:pt x="7262" y="1194"/>
                </a:lnTo>
                <a:lnTo>
                  <a:pt x="7246" y="1191"/>
                </a:lnTo>
                <a:lnTo>
                  <a:pt x="7230" y="1188"/>
                </a:lnTo>
                <a:lnTo>
                  <a:pt x="7213" y="1185"/>
                </a:lnTo>
                <a:lnTo>
                  <a:pt x="7195" y="1183"/>
                </a:lnTo>
                <a:lnTo>
                  <a:pt x="7157" y="1179"/>
                </a:lnTo>
                <a:lnTo>
                  <a:pt x="7116" y="1178"/>
                </a:lnTo>
                <a:lnTo>
                  <a:pt x="7087" y="1179"/>
                </a:lnTo>
                <a:lnTo>
                  <a:pt x="7056" y="1180"/>
                </a:lnTo>
                <a:lnTo>
                  <a:pt x="7021" y="1183"/>
                </a:lnTo>
                <a:lnTo>
                  <a:pt x="6987" y="1186"/>
                </a:lnTo>
                <a:lnTo>
                  <a:pt x="6951" y="1190"/>
                </a:lnTo>
                <a:lnTo>
                  <a:pt x="6914" y="1197"/>
                </a:lnTo>
                <a:lnTo>
                  <a:pt x="6878" y="1203"/>
                </a:lnTo>
                <a:lnTo>
                  <a:pt x="6843" y="1211"/>
                </a:lnTo>
                <a:lnTo>
                  <a:pt x="6843" y="1335"/>
                </a:lnTo>
                <a:lnTo>
                  <a:pt x="6870" y="1327"/>
                </a:lnTo>
                <a:lnTo>
                  <a:pt x="6899" y="1318"/>
                </a:lnTo>
                <a:lnTo>
                  <a:pt x="6929" y="1312"/>
                </a:lnTo>
                <a:lnTo>
                  <a:pt x="6958" y="1307"/>
                </a:lnTo>
                <a:lnTo>
                  <a:pt x="6988" y="1302"/>
                </a:lnTo>
                <a:lnTo>
                  <a:pt x="7017" y="1299"/>
                </a:lnTo>
                <a:lnTo>
                  <a:pt x="7045" y="1297"/>
                </a:lnTo>
                <a:lnTo>
                  <a:pt x="7073" y="1297"/>
                </a:lnTo>
                <a:lnTo>
                  <a:pt x="7091" y="1297"/>
                </a:lnTo>
                <a:lnTo>
                  <a:pt x="7109" y="1297"/>
                </a:lnTo>
                <a:lnTo>
                  <a:pt x="7126" y="1299"/>
                </a:lnTo>
                <a:lnTo>
                  <a:pt x="7142" y="1300"/>
                </a:lnTo>
                <a:lnTo>
                  <a:pt x="7157" y="1303"/>
                </a:lnTo>
                <a:lnTo>
                  <a:pt x="7172" y="1308"/>
                </a:lnTo>
                <a:lnTo>
                  <a:pt x="7186" y="1312"/>
                </a:lnTo>
                <a:lnTo>
                  <a:pt x="7198" y="1318"/>
                </a:lnTo>
                <a:lnTo>
                  <a:pt x="7210" y="1327"/>
                </a:lnTo>
                <a:lnTo>
                  <a:pt x="7219" y="1335"/>
                </a:lnTo>
                <a:lnTo>
                  <a:pt x="7224" y="1341"/>
                </a:lnTo>
                <a:lnTo>
                  <a:pt x="7228" y="1347"/>
                </a:lnTo>
                <a:lnTo>
                  <a:pt x="7232" y="1354"/>
                </a:lnTo>
                <a:lnTo>
                  <a:pt x="7235" y="1360"/>
                </a:lnTo>
                <a:lnTo>
                  <a:pt x="7242" y="1375"/>
                </a:lnTo>
                <a:lnTo>
                  <a:pt x="7246" y="1392"/>
                </a:lnTo>
                <a:lnTo>
                  <a:pt x="7248" y="1412"/>
                </a:lnTo>
                <a:lnTo>
                  <a:pt x="7249" y="1434"/>
                </a:lnTo>
                <a:lnTo>
                  <a:pt x="7152" y="1434"/>
                </a:lnTo>
                <a:lnTo>
                  <a:pt x="7120" y="1435"/>
                </a:lnTo>
                <a:lnTo>
                  <a:pt x="7084" y="1436"/>
                </a:lnTo>
                <a:lnTo>
                  <a:pt x="7050" y="1438"/>
                </a:lnTo>
                <a:lnTo>
                  <a:pt x="7015" y="1440"/>
                </a:lnTo>
                <a:lnTo>
                  <a:pt x="6981" y="1444"/>
                </a:lnTo>
                <a:lnTo>
                  <a:pt x="6948" y="1450"/>
                </a:lnTo>
                <a:lnTo>
                  <a:pt x="6919" y="1455"/>
                </a:lnTo>
                <a:lnTo>
                  <a:pt x="6893" y="1463"/>
                </a:lnTo>
                <a:lnTo>
                  <a:pt x="6879" y="1467"/>
                </a:lnTo>
                <a:lnTo>
                  <a:pt x="6866" y="1473"/>
                </a:lnTo>
                <a:lnTo>
                  <a:pt x="6853" y="1479"/>
                </a:lnTo>
                <a:lnTo>
                  <a:pt x="6841" y="1486"/>
                </a:lnTo>
                <a:lnTo>
                  <a:pt x="6829" y="1493"/>
                </a:lnTo>
                <a:lnTo>
                  <a:pt x="6817" y="1501"/>
                </a:lnTo>
                <a:lnTo>
                  <a:pt x="6806" y="1511"/>
                </a:lnTo>
                <a:lnTo>
                  <a:pt x="6796" y="1520"/>
                </a:lnTo>
                <a:lnTo>
                  <a:pt x="6786" y="1531"/>
                </a:lnTo>
                <a:lnTo>
                  <a:pt x="6777" y="1543"/>
                </a:lnTo>
                <a:lnTo>
                  <a:pt x="6771" y="1554"/>
                </a:lnTo>
                <a:lnTo>
                  <a:pt x="6765" y="1567"/>
                </a:lnTo>
                <a:lnTo>
                  <a:pt x="6759" y="1581"/>
                </a:lnTo>
                <a:lnTo>
                  <a:pt x="6756" y="1596"/>
                </a:lnTo>
                <a:lnTo>
                  <a:pt x="6753" y="1611"/>
                </a:lnTo>
                <a:lnTo>
                  <a:pt x="6753" y="1628"/>
                </a:lnTo>
                <a:lnTo>
                  <a:pt x="6753" y="1641"/>
                </a:lnTo>
                <a:lnTo>
                  <a:pt x="6754" y="1654"/>
                </a:lnTo>
                <a:lnTo>
                  <a:pt x="6756" y="1667"/>
                </a:lnTo>
                <a:lnTo>
                  <a:pt x="6758" y="1678"/>
                </a:lnTo>
                <a:lnTo>
                  <a:pt x="6761" y="1690"/>
                </a:lnTo>
                <a:lnTo>
                  <a:pt x="6766" y="1701"/>
                </a:lnTo>
                <a:lnTo>
                  <a:pt x="6770" y="1710"/>
                </a:lnTo>
                <a:lnTo>
                  <a:pt x="6774" y="1720"/>
                </a:lnTo>
                <a:lnTo>
                  <a:pt x="6781" y="1730"/>
                </a:lnTo>
                <a:lnTo>
                  <a:pt x="6786" y="1738"/>
                </a:lnTo>
                <a:lnTo>
                  <a:pt x="6793" y="1747"/>
                </a:lnTo>
                <a:lnTo>
                  <a:pt x="6800" y="1755"/>
                </a:lnTo>
                <a:lnTo>
                  <a:pt x="6808" y="1762"/>
                </a:lnTo>
                <a:lnTo>
                  <a:pt x="6816" y="1769"/>
                </a:lnTo>
                <a:lnTo>
                  <a:pt x="6826" y="1776"/>
                </a:lnTo>
                <a:lnTo>
                  <a:pt x="6834" y="1782"/>
                </a:lnTo>
                <a:lnTo>
                  <a:pt x="6844" y="1787"/>
                </a:lnTo>
                <a:lnTo>
                  <a:pt x="6853" y="1793"/>
                </a:lnTo>
                <a:lnTo>
                  <a:pt x="6864" y="1797"/>
                </a:lnTo>
                <a:lnTo>
                  <a:pt x="6875" y="1802"/>
                </a:lnTo>
                <a:lnTo>
                  <a:pt x="6897" y="1810"/>
                </a:lnTo>
                <a:lnTo>
                  <a:pt x="6921" y="1816"/>
                </a:lnTo>
                <a:lnTo>
                  <a:pt x="6945" y="1820"/>
                </a:lnTo>
                <a:lnTo>
                  <a:pt x="6971" y="1824"/>
                </a:lnTo>
                <a:lnTo>
                  <a:pt x="6997" y="1826"/>
                </a:lnTo>
                <a:lnTo>
                  <a:pt x="7023" y="1826"/>
                </a:lnTo>
                <a:lnTo>
                  <a:pt x="7043" y="1826"/>
                </a:lnTo>
                <a:lnTo>
                  <a:pt x="7062" y="1825"/>
                </a:lnTo>
                <a:lnTo>
                  <a:pt x="7080" y="1824"/>
                </a:lnTo>
                <a:lnTo>
                  <a:pt x="7097" y="1821"/>
                </a:lnTo>
                <a:lnTo>
                  <a:pt x="7113" y="1819"/>
                </a:lnTo>
                <a:lnTo>
                  <a:pt x="7129" y="1816"/>
                </a:lnTo>
                <a:lnTo>
                  <a:pt x="7145" y="1812"/>
                </a:lnTo>
                <a:lnTo>
                  <a:pt x="7160" y="1808"/>
                </a:lnTo>
                <a:lnTo>
                  <a:pt x="7174" y="1802"/>
                </a:lnTo>
                <a:lnTo>
                  <a:pt x="7188" y="1797"/>
                </a:lnTo>
                <a:lnTo>
                  <a:pt x="7201" y="1790"/>
                </a:lnTo>
                <a:lnTo>
                  <a:pt x="7213" y="1784"/>
                </a:lnTo>
                <a:lnTo>
                  <a:pt x="7226" y="1777"/>
                </a:lnTo>
                <a:lnTo>
                  <a:pt x="7236" y="1768"/>
                </a:lnTo>
                <a:lnTo>
                  <a:pt x="7247" y="1758"/>
                </a:lnTo>
                <a:lnTo>
                  <a:pt x="7258" y="1749"/>
                </a:lnTo>
                <a:lnTo>
                  <a:pt x="7261" y="1749"/>
                </a:lnTo>
                <a:lnTo>
                  <a:pt x="7261" y="1812"/>
                </a:lnTo>
                <a:lnTo>
                  <a:pt x="7441" y="1812"/>
                </a:lnTo>
                <a:lnTo>
                  <a:pt x="7441" y="1422"/>
                </a:lnTo>
                <a:close/>
                <a:moveTo>
                  <a:pt x="7249" y="1645"/>
                </a:moveTo>
                <a:lnTo>
                  <a:pt x="7237" y="1654"/>
                </a:lnTo>
                <a:lnTo>
                  <a:pt x="7226" y="1661"/>
                </a:lnTo>
                <a:lnTo>
                  <a:pt x="7214" y="1669"/>
                </a:lnTo>
                <a:lnTo>
                  <a:pt x="7201" y="1675"/>
                </a:lnTo>
                <a:lnTo>
                  <a:pt x="7189" y="1680"/>
                </a:lnTo>
                <a:lnTo>
                  <a:pt x="7178" y="1686"/>
                </a:lnTo>
                <a:lnTo>
                  <a:pt x="7166" y="1690"/>
                </a:lnTo>
                <a:lnTo>
                  <a:pt x="7154" y="1694"/>
                </a:lnTo>
                <a:lnTo>
                  <a:pt x="7132" y="1701"/>
                </a:lnTo>
                <a:lnTo>
                  <a:pt x="7109" y="1705"/>
                </a:lnTo>
                <a:lnTo>
                  <a:pt x="7087" y="1707"/>
                </a:lnTo>
                <a:lnTo>
                  <a:pt x="7065" y="1709"/>
                </a:lnTo>
                <a:lnTo>
                  <a:pt x="7052" y="1709"/>
                </a:lnTo>
                <a:lnTo>
                  <a:pt x="7041" y="1708"/>
                </a:lnTo>
                <a:lnTo>
                  <a:pt x="7029" y="1707"/>
                </a:lnTo>
                <a:lnTo>
                  <a:pt x="7018" y="1706"/>
                </a:lnTo>
                <a:lnTo>
                  <a:pt x="7007" y="1703"/>
                </a:lnTo>
                <a:lnTo>
                  <a:pt x="6999" y="1701"/>
                </a:lnTo>
                <a:lnTo>
                  <a:pt x="6989" y="1696"/>
                </a:lnTo>
                <a:lnTo>
                  <a:pt x="6982" y="1692"/>
                </a:lnTo>
                <a:lnTo>
                  <a:pt x="6974" y="1687"/>
                </a:lnTo>
                <a:lnTo>
                  <a:pt x="6968" y="1680"/>
                </a:lnTo>
                <a:lnTo>
                  <a:pt x="6962" y="1674"/>
                </a:lnTo>
                <a:lnTo>
                  <a:pt x="6958" y="1665"/>
                </a:lnTo>
                <a:lnTo>
                  <a:pt x="6955" y="1657"/>
                </a:lnTo>
                <a:lnTo>
                  <a:pt x="6952" y="1647"/>
                </a:lnTo>
                <a:lnTo>
                  <a:pt x="6951" y="1637"/>
                </a:lnTo>
                <a:lnTo>
                  <a:pt x="6950" y="1625"/>
                </a:lnTo>
                <a:lnTo>
                  <a:pt x="6950" y="1618"/>
                </a:lnTo>
                <a:lnTo>
                  <a:pt x="6951" y="1611"/>
                </a:lnTo>
                <a:lnTo>
                  <a:pt x="6953" y="1606"/>
                </a:lnTo>
                <a:lnTo>
                  <a:pt x="6955" y="1599"/>
                </a:lnTo>
                <a:lnTo>
                  <a:pt x="6957" y="1594"/>
                </a:lnTo>
                <a:lnTo>
                  <a:pt x="6960" y="1589"/>
                </a:lnTo>
                <a:lnTo>
                  <a:pt x="6965" y="1584"/>
                </a:lnTo>
                <a:lnTo>
                  <a:pt x="6969" y="1579"/>
                </a:lnTo>
                <a:lnTo>
                  <a:pt x="6979" y="1570"/>
                </a:lnTo>
                <a:lnTo>
                  <a:pt x="6991" y="1564"/>
                </a:lnTo>
                <a:lnTo>
                  <a:pt x="7004" y="1558"/>
                </a:lnTo>
                <a:lnTo>
                  <a:pt x="7020" y="1552"/>
                </a:lnTo>
                <a:lnTo>
                  <a:pt x="7036" y="1548"/>
                </a:lnTo>
                <a:lnTo>
                  <a:pt x="7055" y="1545"/>
                </a:lnTo>
                <a:lnTo>
                  <a:pt x="7074" y="1542"/>
                </a:lnTo>
                <a:lnTo>
                  <a:pt x="7094" y="1539"/>
                </a:lnTo>
                <a:lnTo>
                  <a:pt x="7136" y="1537"/>
                </a:lnTo>
                <a:lnTo>
                  <a:pt x="7181" y="1536"/>
                </a:lnTo>
                <a:lnTo>
                  <a:pt x="7249" y="1536"/>
                </a:lnTo>
                <a:lnTo>
                  <a:pt x="7249" y="1645"/>
                </a:lnTo>
                <a:close/>
                <a:moveTo>
                  <a:pt x="1757" y="1011"/>
                </a:moveTo>
                <a:lnTo>
                  <a:pt x="1757" y="1498"/>
                </a:lnTo>
                <a:lnTo>
                  <a:pt x="1756" y="1518"/>
                </a:lnTo>
                <a:lnTo>
                  <a:pt x="1754" y="1537"/>
                </a:lnTo>
                <a:lnTo>
                  <a:pt x="1752" y="1554"/>
                </a:lnTo>
                <a:lnTo>
                  <a:pt x="1747" y="1571"/>
                </a:lnTo>
                <a:lnTo>
                  <a:pt x="1742" y="1588"/>
                </a:lnTo>
                <a:lnTo>
                  <a:pt x="1734" y="1602"/>
                </a:lnTo>
                <a:lnTo>
                  <a:pt x="1727" y="1615"/>
                </a:lnTo>
                <a:lnTo>
                  <a:pt x="1717" y="1628"/>
                </a:lnTo>
                <a:lnTo>
                  <a:pt x="1707" y="1639"/>
                </a:lnTo>
                <a:lnTo>
                  <a:pt x="1695" y="1648"/>
                </a:lnTo>
                <a:lnTo>
                  <a:pt x="1681" y="1657"/>
                </a:lnTo>
                <a:lnTo>
                  <a:pt x="1666" y="1663"/>
                </a:lnTo>
                <a:lnTo>
                  <a:pt x="1650" y="1669"/>
                </a:lnTo>
                <a:lnTo>
                  <a:pt x="1633" y="1673"/>
                </a:lnTo>
                <a:lnTo>
                  <a:pt x="1614" y="1676"/>
                </a:lnTo>
                <a:lnTo>
                  <a:pt x="1593" y="1677"/>
                </a:lnTo>
                <a:lnTo>
                  <a:pt x="1578" y="1677"/>
                </a:lnTo>
                <a:lnTo>
                  <a:pt x="1559" y="1676"/>
                </a:lnTo>
                <a:lnTo>
                  <a:pt x="1538" y="1676"/>
                </a:lnTo>
                <a:lnTo>
                  <a:pt x="1515" y="1674"/>
                </a:lnTo>
                <a:lnTo>
                  <a:pt x="1491" y="1672"/>
                </a:lnTo>
                <a:lnTo>
                  <a:pt x="1465" y="1670"/>
                </a:lnTo>
                <a:lnTo>
                  <a:pt x="1439" y="1665"/>
                </a:lnTo>
                <a:lnTo>
                  <a:pt x="1413" y="1660"/>
                </a:lnTo>
                <a:lnTo>
                  <a:pt x="1413" y="1813"/>
                </a:lnTo>
                <a:lnTo>
                  <a:pt x="1439" y="1816"/>
                </a:lnTo>
                <a:lnTo>
                  <a:pt x="1466" y="1819"/>
                </a:lnTo>
                <a:lnTo>
                  <a:pt x="1494" y="1821"/>
                </a:lnTo>
                <a:lnTo>
                  <a:pt x="1523" y="1824"/>
                </a:lnTo>
                <a:lnTo>
                  <a:pt x="1550" y="1825"/>
                </a:lnTo>
                <a:lnTo>
                  <a:pt x="1578" y="1826"/>
                </a:lnTo>
                <a:lnTo>
                  <a:pt x="1605" y="1826"/>
                </a:lnTo>
                <a:lnTo>
                  <a:pt x="1631" y="1826"/>
                </a:lnTo>
                <a:lnTo>
                  <a:pt x="1651" y="1826"/>
                </a:lnTo>
                <a:lnTo>
                  <a:pt x="1671" y="1825"/>
                </a:lnTo>
                <a:lnTo>
                  <a:pt x="1692" y="1823"/>
                </a:lnTo>
                <a:lnTo>
                  <a:pt x="1711" y="1820"/>
                </a:lnTo>
                <a:lnTo>
                  <a:pt x="1729" y="1817"/>
                </a:lnTo>
                <a:lnTo>
                  <a:pt x="1747" y="1814"/>
                </a:lnTo>
                <a:lnTo>
                  <a:pt x="1766" y="1810"/>
                </a:lnTo>
                <a:lnTo>
                  <a:pt x="1782" y="1804"/>
                </a:lnTo>
                <a:lnTo>
                  <a:pt x="1799" y="1799"/>
                </a:lnTo>
                <a:lnTo>
                  <a:pt x="1814" y="1793"/>
                </a:lnTo>
                <a:lnTo>
                  <a:pt x="1830" y="1786"/>
                </a:lnTo>
                <a:lnTo>
                  <a:pt x="1844" y="1779"/>
                </a:lnTo>
                <a:lnTo>
                  <a:pt x="1858" y="1771"/>
                </a:lnTo>
                <a:lnTo>
                  <a:pt x="1871" y="1763"/>
                </a:lnTo>
                <a:lnTo>
                  <a:pt x="1884" y="1753"/>
                </a:lnTo>
                <a:lnTo>
                  <a:pt x="1896" y="1743"/>
                </a:lnTo>
                <a:lnTo>
                  <a:pt x="1908" y="1734"/>
                </a:lnTo>
                <a:lnTo>
                  <a:pt x="1919" y="1723"/>
                </a:lnTo>
                <a:lnTo>
                  <a:pt x="1928" y="1711"/>
                </a:lnTo>
                <a:lnTo>
                  <a:pt x="1938" y="1701"/>
                </a:lnTo>
                <a:lnTo>
                  <a:pt x="1946" y="1688"/>
                </a:lnTo>
                <a:lnTo>
                  <a:pt x="1954" y="1675"/>
                </a:lnTo>
                <a:lnTo>
                  <a:pt x="1961" y="1662"/>
                </a:lnTo>
                <a:lnTo>
                  <a:pt x="1968" y="1648"/>
                </a:lnTo>
                <a:lnTo>
                  <a:pt x="1974" y="1635"/>
                </a:lnTo>
                <a:lnTo>
                  <a:pt x="1978" y="1621"/>
                </a:lnTo>
                <a:lnTo>
                  <a:pt x="1983" y="1606"/>
                </a:lnTo>
                <a:lnTo>
                  <a:pt x="1987" y="1590"/>
                </a:lnTo>
                <a:lnTo>
                  <a:pt x="1989" y="1574"/>
                </a:lnTo>
                <a:lnTo>
                  <a:pt x="1991" y="1558"/>
                </a:lnTo>
                <a:lnTo>
                  <a:pt x="1992" y="1542"/>
                </a:lnTo>
                <a:lnTo>
                  <a:pt x="1993" y="1524"/>
                </a:lnTo>
                <a:lnTo>
                  <a:pt x="1993" y="1011"/>
                </a:lnTo>
                <a:lnTo>
                  <a:pt x="1757" y="1011"/>
                </a:lnTo>
                <a:close/>
                <a:moveTo>
                  <a:pt x="5777" y="1178"/>
                </a:moveTo>
                <a:lnTo>
                  <a:pt x="5761" y="1179"/>
                </a:lnTo>
                <a:lnTo>
                  <a:pt x="5745" y="1179"/>
                </a:lnTo>
                <a:lnTo>
                  <a:pt x="5730" y="1182"/>
                </a:lnTo>
                <a:lnTo>
                  <a:pt x="5715" y="1184"/>
                </a:lnTo>
                <a:lnTo>
                  <a:pt x="5700" y="1187"/>
                </a:lnTo>
                <a:lnTo>
                  <a:pt x="5685" y="1190"/>
                </a:lnTo>
                <a:lnTo>
                  <a:pt x="5671" y="1194"/>
                </a:lnTo>
                <a:lnTo>
                  <a:pt x="5657" y="1201"/>
                </a:lnTo>
                <a:lnTo>
                  <a:pt x="5644" y="1207"/>
                </a:lnTo>
                <a:lnTo>
                  <a:pt x="5630" y="1215"/>
                </a:lnTo>
                <a:lnTo>
                  <a:pt x="5619" y="1223"/>
                </a:lnTo>
                <a:lnTo>
                  <a:pt x="5607" y="1233"/>
                </a:lnTo>
                <a:lnTo>
                  <a:pt x="5595" y="1245"/>
                </a:lnTo>
                <a:lnTo>
                  <a:pt x="5584" y="1256"/>
                </a:lnTo>
                <a:lnTo>
                  <a:pt x="5574" y="1270"/>
                </a:lnTo>
                <a:lnTo>
                  <a:pt x="5564" y="1286"/>
                </a:lnTo>
                <a:lnTo>
                  <a:pt x="5562" y="1286"/>
                </a:lnTo>
                <a:lnTo>
                  <a:pt x="5562" y="1191"/>
                </a:lnTo>
                <a:lnTo>
                  <a:pt x="5372" y="1191"/>
                </a:lnTo>
                <a:lnTo>
                  <a:pt x="5372" y="1812"/>
                </a:lnTo>
                <a:lnTo>
                  <a:pt x="5578" y="1812"/>
                </a:lnTo>
                <a:lnTo>
                  <a:pt x="5578" y="1508"/>
                </a:lnTo>
                <a:lnTo>
                  <a:pt x="5579" y="1485"/>
                </a:lnTo>
                <a:lnTo>
                  <a:pt x="5580" y="1465"/>
                </a:lnTo>
                <a:lnTo>
                  <a:pt x="5582" y="1445"/>
                </a:lnTo>
                <a:lnTo>
                  <a:pt x="5585" y="1429"/>
                </a:lnTo>
                <a:lnTo>
                  <a:pt x="5589" y="1414"/>
                </a:lnTo>
                <a:lnTo>
                  <a:pt x="5593" y="1403"/>
                </a:lnTo>
                <a:lnTo>
                  <a:pt x="5597" y="1391"/>
                </a:lnTo>
                <a:lnTo>
                  <a:pt x="5603" y="1382"/>
                </a:lnTo>
                <a:lnTo>
                  <a:pt x="5611" y="1369"/>
                </a:lnTo>
                <a:lnTo>
                  <a:pt x="5621" y="1357"/>
                </a:lnTo>
                <a:lnTo>
                  <a:pt x="5631" y="1347"/>
                </a:lnTo>
                <a:lnTo>
                  <a:pt x="5643" y="1338"/>
                </a:lnTo>
                <a:lnTo>
                  <a:pt x="5656" y="1330"/>
                </a:lnTo>
                <a:lnTo>
                  <a:pt x="5671" y="1325"/>
                </a:lnTo>
                <a:lnTo>
                  <a:pt x="5688" y="1319"/>
                </a:lnTo>
                <a:lnTo>
                  <a:pt x="5706" y="1316"/>
                </a:lnTo>
                <a:lnTo>
                  <a:pt x="5717" y="1315"/>
                </a:lnTo>
                <a:lnTo>
                  <a:pt x="5729" y="1315"/>
                </a:lnTo>
                <a:lnTo>
                  <a:pt x="5742" y="1315"/>
                </a:lnTo>
                <a:lnTo>
                  <a:pt x="5753" y="1316"/>
                </a:lnTo>
                <a:lnTo>
                  <a:pt x="5766" y="1318"/>
                </a:lnTo>
                <a:lnTo>
                  <a:pt x="5779" y="1321"/>
                </a:lnTo>
                <a:lnTo>
                  <a:pt x="5791" y="1326"/>
                </a:lnTo>
                <a:lnTo>
                  <a:pt x="5802" y="1331"/>
                </a:lnTo>
                <a:lnTo>
                  <a:pt x="5894" y="1201"/>
                </a:lnTo>
                <a:lnTo>
                  <a:pt x="5880" y="1195"/>
                </a:lnTo>
                <a:lnTo>
                  <a:pt x="5866" y="1191"/>
                </a:lnTo>
                <a:lnTo>
                  <a:pt x="5852" y="1187"/>
                </a:lnTo>
                <a:lnTo>
                  <a:pt x="5838" y="1184"/>
                </a:lnTo>
                <a:lnTo>
                  <a:pt x="5824" y="1182"/>
                </a:lnTo>
                <a:lnTo>
                  <a:pt x="5809" y="1180"/>
                </a:lnTo>
                <a:lnTo>
                  <a:pt x="5793" y="1179"/>
                </a:lnTo>
                <a:lnTo>
                  <a:pt x="5777" y="1178"/>
                </a:lnTo>
                <a:close/>
              </a:path>
            </a:pathLst>
          </a:custGeom>
          <a:solidFill>
            <a:schemeClr val="bg2"/>
          </a:solidFill>
          <a:ln w="9525" cap="flat" cmpd="sng">
            <a:noFill/>
            <a:prstDash val="solid"/>
            <a:round/>
            <a:headEnd type="none" w="med" len="med"/>
            <a:tailEnd type="none" w="med" len="med"/>
          </a:ln>
          <a:effectLst/>
        </p:spPr>
        <p:txBody>
          <a:bodyPr/>
          <a:lstStyle/>
          <a:p>
            <a:pPr>
              <a:defRPr/>
            </a:pPr>
            <a:endParaRPr lang="en-US"/>
          </a:p>
        </p:txBody>
      </p:sp>
      <p:sp>
        <p:nvSpPr>
          <p:cNvPr id="8" name="Freeform 6" hidden="1"/>
          <p:cNvSpPr>
            <a:spLocks noChangeAspect="1" noEditPoints="1"/>
          </p:cNvSpPr>
          <p:nvPr>
            <p:custDataLst>
              <p:tags r:id="rId5"/>
            </p:custDataLst>
          </p:nvPr>
        </p:nvSpPr>
        <p:spPr bwMode="gray">
          <a:xfrm>
            <a:off x="1169988" y="6862763"/>
            <a:ext cx="1362075" cy="328612"/>
          </a:xfrm>
          <a:custGeom>
            <a:avLst/>
            <a:gdLst/>
            <a:ahLst/>
            <a:cxnLst>
              <a:cxn ang="0">
                <a:pos x="8763" y="3704"/>
              </a:cxn>
              <a:cxn ang="0">
                <a:pos x="6904" y="4020"/>
              </a:cxn>
              <a:cxn ang="0">
                <a:pos x="6998" y="4015"/>
              </a:cxn>
              <a:cxn ang="0">
                <a:pos x="6499" y="3879"/>
              </a:cxn>
              <a:cxn ang="0">
                <a:pos x="5458" y="3879"/>
              </a:cxn>
              <a:cxn ang="0">
                <a:pos x="17347" y="2205"/>
              </a:cxn>
              <a:cxn ang="0">
                <a:pos x="16928" y="1736"/>
              </a:cxn>
              <a:cxn ang="0">
                <a:pos x="12727" y="1866"/>
              </a:cxn>
              <a:cxn ang="0">
                <a:pos x="9651" y="1806"/>
              </a:cxn>
              <a:cxn ang="0">
                <a:pos x="9352" y="1720"/>
              </a:cxn>
              <a:cxn ang="0">
                <a:pos x="8866" y="2310"/>
              </a:cxn>
              <a:cxn ang="0">
                <a:pos x="7913" y="1549"/>
              </a:cxn>
              <a:cxn ang="0">
                <a:pos x="8020" y="2356"/>
              </a:cxn>
              <a:cxn ang="0">
                <a:pos x="7832" y="2501"/>
              </a:cxn>
              <a:cxn ang="0">
                <a:pos x="6513" y="2077"/>
              </a:cxn>
              <a:cxn ang="0">
                <a:pos x="6047" y="1851"/>
              </a:cxn>
              <a:cxn ang="0">
                <a:pos x="1833" y="1311"/>
              </a:cxn>
              <a:cxn ang="0">
                <a:pos x="9115" y="3644"/>
              </a:cxn>
              <a:cxn ang="0">
                <a:pos x="9286" y="3708"/>
              </a:cxn>
              <a:cxn ang="0">
                <a:pos x="8897" y="3658"/>
              </a:cxn>
              <a:cxn ang="0">
                <a:pos x="8902" y="4095"/>
              </a:cxn>
              <a:cxn ang="0">
                <a:pos x="8378" y="3647"/>
              </a:cxn>
              <a:cxn ang="0">
                <a:pos x="8063" y="3718"/>
              </a:cxn>
              <a:cxn ang="0">
                <a:pos x="7659" y="3725"/>
              </a:cxn>
              <a:cxn ang="0">
                <a:pos x="7459" y="4100"/>
              </a:cxn>
              <a:cxn ang="0">
                <a:pos x="6742" y="3956"/>
              </a:cxn>
              <a:cxn ang="0">
                <a:pos x="6797" y="4192"/>
              </a:cxn>
              <a:cxn ang="0">
                <a:pos x="6523" y="3778"/>
              </a:cxn>
              <a:cxn ang="0">
                <a:pos x="6533" y="4036"/>
              </a:cxn>
              <a:cxn ang="0">
                <a:pos x="6013" y="3647"/>
              </a:cxn>
              <a:cxn ang="0">
                <a:pos x="5325" y="3704"/>
              </a:cxn>
              <a:cxn ang="0">
                <a:pos x="5288" y="4100"/>
              </a:cxn>
              <a:cxn ang="0">
                <a:pos x="4952" y="3561"/>
              </a:cxn>
              <a:cxn ang="0">
                <a:pos x="3784" y="3644"/>
              </a:cxn>
              <a:cxn ang="0">
                <a:pos x="3379" y="3638"/>
              </a:cxn>
              <a:cxn ang="0">
                <a:pos x="2949" y="4037"/>
              </a:cxn>
              <a:cxn ang="0">
                <a:pos x="3007" y="3633"/>
              </a:cxn>
              <a:cxn ang="0">
                <a:pos x="3103" y="4051"/>
              </a:cxn>
              <a:cxn ang="0">
                <a:pos x="2547" y="3864"/>
              </a:cxn>
              <a:cxn ang="0">
                <a:pos x="2586" y="3778"/>
              </a:cxn>
              <a:cxn ang="0">
                <a:pos x="1825" y="4095"/>
              </a:cxn>
              <a:cxn ang="0">
                <a:pos x="16702" y="2052"/>
              </a:cxn>
              <a:cxn ang="0">
                <a:pos x="17387" y="2493"/>
              </a:cxn>
              <a:cxn ang="0">
                <a:pos x="17591" y="2373"/>
              </a:cxn>
              <a:cxn ang="0">
                <a:pos x="15813" y="1867"/>
              </a:cxn>
              <a:cxn ang="0">
                <a:pos x="16499" y="2350"/>
              </a:cxn>
              <a:cxn ang="0">
                <a:pos x="14267" y="1822"/>
              </a:cxn>
              <a:cxn ang="0">
                <a:pos x="13879" y="1610"/>
              </a:cxn>
              <a:cxn ang="0">
                <a:pos x="14931" y="1624"/>
              </a:cxn>
              <a:cxn ang="0">
                <a:pos x="12944" y="1575"/>
              </a:cxn>
              <a:cxn ang="0">
                <a:pos x="12916" y="2356"/>
              </a:cxn>
              <a:cxn ang="0">
                <a:pos x="12733" y="2000"/>
              </a:cxn>
              <a:cxn ang="0">
                <a:pos x="7394" y="1538"/>
              </a:cxn>
              <a:cxn ang="0">
                <a:pos x="2278" y="1968"/>
              </a:cxn>
              <a:cxn ang="0">
                <a:pos x="2474" y="2248"/>
              </a:cxn>
              <a:cxn ang="0">
                <a:pos x="9046" y="2042"/>
              </a:cxn>
              <a:cxn ang="0">
                <a:pos x="8014" y="1721"/>
              </a:cxn>
              <a:cxn ang="0">
                <a:pos x="8124" y="2187"/>
              </a:cxn>
              <a:cxn ang="0">
                <a:pos x="5801" y="1759"/>
              </a:cxn>
              <a:cxn ang="0">
                <a:pos x="6676" y="2253"/>
              </a:cxn>
              <a:cxn ang="0">
                <a:pos x="10152" y="1765"/>
              </a:cxn>
              <a:cxn ang="0">
                <a:pos x="10674" y="1608"/>
              </a:cxn>
              <a:cxn ang="0">
                <a:pos x="3876" y="1531"/>
              </a:cxn>
            </a:cxnLst>
            <a:rect l="0" t="0" r="r" b="b"/>
            <a:pathLst>
              <a:path w="17600" h="4290">
                <a:moveTo>
                  <a:pt x="3587" y="1637"/>
                </a:moveTo>
                <a:lnTo>
                  <a:pt x="3587" y="1650"/>
                </a:lnTo>
                <a:lnTo>
                  <a:pt x="3585" y="1664"/>
                </a:lnTo>
                <a:lnTo>
                  <a:pt x="3583" y="1678"/>
                </a:lnTo>
                <a:lnTo>
                  <a:pt x="3578" y="1692"/>
                </a:lnTo>
                <a:lnTo>
                  <a:pt x="3573" y="1706"/>
                </a:lnTo>
                <a:lnTo>
                  <a:pt x="3565" y="1721"/>
                </a:lnTo>
                <a:lnTo>
                  <a:pt x="3556" y="1734"/>
                </a:lnTo>
                <a:lnTo>
                  <a:pt x="3545" y="1747"/>
                </a:lnTo>
                <a:lnTo>
                  <a:pt x="3532" y="1759"/>
                </a:lnTo>
                <a:lnTo>
                  <a:pt x="3517" y="1771"/>
                </a:lnTo>
                <a:lnTo>
                  <a:pt x="3508" y="1777"/>
                </a:lnTo>
                <a:lnTo>
                  <a:pt x="3499" y="1781"/>
                </a:lnTo>
                <a:lnTo>
                  <a:pt x="3489" y="1785"/>
                </a:lnTo>
                <a:lnTo>
                  <a:pt x="3478" y="1790"/>
                </a:lnTo>
                <a:lnTo>
                  <a:pt x="3467" y="1793"/>
                </a:lnTo>
                <a:lnTo>
                  <a:pt x="3455" y="1796"/>
                </a:lnTo>
                <a:lnTo>
                  <a:pt x="3443" y="1800"/>
                </a:lnTo>
                <a:lnTo>
                  <a:pt x="3429" y="1802"/>
                </a:lnTo>
                <a:lnTo>
                  <a:pt x="3414" y="1804"/>
                </a:lnTo>
                <a:lnTo>
                  <a:pt x="3400" y="1805"/>
                </a:lnTo>
                <a:lnTo>
                  <a:pt x="3384" y="1806"/>
                </a:lnTo>
                <a:lnTo>
                  <a:pt x="3367" y="1806"/>
                </a:lnTo>
                <a:lnTo>
                  <a:pt x="3148" y="1806"/>
                </a:lnTo>
                <a:lnTo>
                  <a:pt x="3148" y="1483"/>
                </a:lnTo>
                <a:lnTo>
                  <a:pt x="3367" y="1483"/>
                </a:lnTo>
                <a:lnTo>
                  <a:pt x="3400" y="1485"/>
                </a:lnTo>
                <a:lnTo>
                  <a:pt x="3429" y="1487"/>
                </a:lnTo>
                <a:lnTo>
                  <a:pt x="3455" y="1492"/>
                </a:lnTo>
                <a:lnTo>
                  <a:pt x="3478" y="1498"/>
                </a:lnTo>
                <a:lnTo>
                  <a:pt x="3499" y="1505"/>
                </a:lnTo>
                <a:lnTo>
                  <a:pt x="3517" y="1514"/>
                </a:lnTo>
                <a:lnTo>
                  <a:pt x="3532" y="1524"/>
                </a:lnTo>
                <a:lnTo>
                  <a:pt x="3545" y="1535"/>
                </a:lnTo>
                <a:lnTo>
                  <a:pt x="3556" y="1546"/>
                </a:lnTo>
                <a:lnTo>
                  <a:pt x="3565" y="1558"/>
                </a:lnTo>
                <a:lnTo>
                  <a:pt x="3573" y="1571"/>
                </a:lnTo>
                <a:lnTo>
                  <a:pt x="3578" y="1584"/>
                </a:lnTo>
                <a:lnTo>
                  <a:pt x="3583" y="1598"/>
                </a:lnTo>
                <a:lnTo>
                  <a:pt x="3585" y="1611"/>
                </a:lnTo>
                <a:lnTo>
                  <a:pt x="3587" y="1624"/>
                </a:lnTo>
                <a:lnTo>
                  <a:pt x="3587" y="1637"/>
                </a:lnTo>
                <a:close/>
                <a:moveTo>
                  <a:pt x="8670" y="3826"/>
                </a:moveTo>
                <a:lnTo>
                  <a:pt x="8671" y="3815"/>
                </a:lnTo>
                <a:lnTo>
                  <a:pt x="8674" y="3804"/>
                </a:lnTo>
                <a:lnTo>
                  <a:pt x="8676" y="3793"/>
                </a:lnTo>
                <a:lnTo>
                  <a:pt x="8680" y="3782"/>
                </a:lnTo>
                <a:lnTo>
                  <a:pt x="8685" y="3771"/>
                </a:lnTo>
                <a:lnTo>
                  <a:pt x="8689" y="3761"/>
                </a:lnTo>
                <a:lnTo>
                  <a:pt x="8696" y="3751"/>
                </a:lnTo>
                <a:lnTo>
                  <a:pt x="8702" y="3741"/>
                </a:lnTo>
                <a:lnTo>
                  <a:pt x="8710" y="3732"/>
                </a:lnTo>
                <a:lnTo>
                  <a:pt x="8719" y="3725"/>
                </a:lnTo>
                <a:lnTo>
                  <a:pt x="8727" y="3718"/>
                </a:lnTo>
                <a:lnTo>
                  <a:pt x="8738" y="3712"/>
                </a:lnTo>
                <a:lnTo>
                  <a:pt x="8751" y="3707"/>
                </a:lnTo>
                <a:lnTo>
                  <a:pt x="8763" y="3704"/>
                </a:lnTo>
                <a:lnTo>
                  <a:pt x="8776" y="3701"/>
                </a:lnTo>
                <a:lnTo>
                  <a:pt x="8791" y="3700"/>
                </a:lnTo>
                <a:lnTo>
                  <a:pt x="8804" y="3701"/>
                </a:lnTo>
                <a:lnTo>
                  <a:pt x="8817" y="3703"/>
                </a:lnTo>
                <a:lnTo>
                  <a:pt x="8828" y="3706"/>
                </a:lnTo>
                <a:lnTo>
                  <a:pt x="8839" y="3710"/>
                </a:lnTo>
                <a:lnTo>
                  <a:pt x="8848" y="3716"/>
                </a:lnTo>
                <a:lnTo>
                  <a:pt x="8858" y="3722"/>
                </a:lnTo>
                <a:lnTo>
                  <a:pt x="8866" y="3729"/>
                </a:lnTo>
                <a:lnTo>
                  <a:pt x="8874" y="3738"/>
                </a:lnTo>
                <a:lnTo>
                  <a:pt x="8880" y="3746"/>
                </a:lnTo>
                <a:lnTo>
                  <a:pt x="8887" y="3756"/>
                </a:lnTo>
                <a:lnTo>
                  <a:pt x="8891" y="3766"/>
                </a:lnTo>
                <a:lnTo>
                  <a:pt x="8896" y="3777"/>
                </a:lnTo>
                <a:lnTo>
                  <a:pt x="8899" y="3788"/>
                </a:lnTo>
                <a:lnTo>
                  <a:pt x="8901" y="3800"/>
                </a:lnTo>
                <a:lnTo>
                  <a:pt x="8902" y="3813"/>
                </a:lnTo>
                <a:lnTo>
                  <a:pt x="8903" y="3826"/>
                </a:lnTo>
                <a:lnTo>
                  <a:pt x="8670" y="3826"/>
                </a:lnTo>
                <a:close/>
                <a:moveTo>
                  <a:pt x="7370" y="3826"/>
                </a:moveTo>
                <a:lnTo>
                  <a:pt x="7371" y="3815"/>
                </a:lnTo>
                <a:lnTo>
                  <a:pt x="7373" y="3804"/>
                </a:lnTo>
                <a:lnTo>
                  <a:pt x="7377" y="3793"/>
                </a:lnTo>
                <a:lnTo>
                  <a:pt x="7380" y="3782"/>
                </a:lnTo>
                <a:lnTo>
                  <a:pt x="7384" y="3771"/>
                </a:lnTo>
                <a:lnTo>
                  <a:pt x="7390" y="3761"/>
                </a:lnTo>
                <a:lnTo>
                  <a:pt x="7395" y="3751"/>
                </a:lnTo>
                <a:lnTo>
                  <a:pt x="7403" y="3741"/>
                </a:lnTo>
                <a:lnTo>
                  <a:pt x="7410" y="3732"/>
                </a:lnTo>
                <a:lnTo>
                  <a:pt x="7418" y="3725"/>
                </a:lnTo>
                <a:lnTo>
                  <a:pt x="7428" y="3718"/>
                </a:lnTo>
                <a:lnTo>
                  <a:pt x="7439" y="3712"/>
                </a:lnTo>
                <a:lnTo>
                  <a:pt x="7450" y="3707"/>
                </a:lnTo>
                <a:lnTo>
                  <a:pt x="7462" y="3704"/>
                </a:lnTo>
                <a:lnTo>
                  <a:pt x="7477" y="3701"/>
                </a:lnTo>
                <a:lnTo>
                  <a:pt x="7491" y="3700"/>
                </a:lnTo>
                <a:lnTo>
                  <a:pt x="7504" y="3701"/>
                </a:lnTo>
                <a:lnTo>
                  <a:pt x="7516" y="3703"/>
                </a:lnTo>
                <a:lnTo>
                  <a:pt x="7528" y="3706"/>
                </a:lnTo>
                <a:lnTo>
                  <a:pt x="7539" y="3710"/>
                </a:lnTo>
                <a:lnTo>
                  <a:pt x="7549" y="3716"/>
                </a:lnTo>
                <a:lnTo>
                  <a:pt x="7558" y="3722"/>
                </a:lnTo>
                <a:lnTo>
                  <a:pt x="7567" y="3729"/>
                </a:lnTo>
                <a:lnTo>
                  <a:pt x="7575" y="3738"/>
                </a:lnTo>
                <a:lnTo>
                  <a:pt x="7581" y="3746"/>
                </a:lnTo>
                <a:lnTo>
                  <a:pt x="7587" y="3756"/>
                </a:lnTo>
                <a:lnTo>
                  <a:pt x="7592" y="3766"/>
                </a:lnTo>
                <a:lnTo>
                  <a:pt x="7597" y="3777"/>
                </a:lnTo>
                <a:lnTo>
                  <a:pt x="7599" y="3788"/>
                </a:lnTo>
                <a:lnTo>
                  <a:pt x="7602" y="3800"/>
                </a:lnTo>
                <a:lnTo>
                  <a:pt x="7603" y="3813"/>
                </a:lnTo>
                <a:lnTo>
                  <a:pt x="7603" y="3826"/>
                </a:lnTo>
                <a:lnTo>
                  <a:pt x="7370" y="3826"/>
                </a:lnTo>
                <a:close/>
                <a:moveTo>
                  <a:pt x="6944" y="4026"/>
                </a:moveTo>
                <a:lnTo>
                  <a:pt x="6930" y="4026"/>
                </a:lnTo>
                <a:lnTo>
                  <a:pt x="6917" y="4023"/>
                </a:lnTo>
                <a:lnTo>
                  <a:pt x="6904" y="4020"/>
                </a:lnTo>
                <a:lnTo>
                  <a:pt x="6892" y="4014"/>
                </a:lnTo>
                <a:lnTo>
                  <a:pt x="6881" y="4007"/>
                </a:lnTo>
                <a:lnTo>
                  <a:pt x="6871" y="3999"/>
                </a:lnTo>
                <a:lnTo>
                  <a:pt x="6861" y="3990"/>
                </a:lnTo>
                <a:lnTo>
                  <a:pt x="6852" y="3979"/>
                </a:lnTo>
                <a:lnTo>
                  <a:pt x="6844" y="3968"/>
                </a:lnTo>
                <a:lnTo>
                  <a:pt x="6838" y="3956"/>
                </a:lnTo>
                <a:lnTo>
                  <a:pt x="6832" y="3943"/>
                </a:lnTo>
                <a:lnTo>
                  <a:pt x="6828" y="3929"/>
                </a:lnTo>
                <a:lnTo>
                  <a:pt x="6823" y="3914"/>
                </a:lnTo>
                <a:lnTo>
                  <a:pt x="6821" y="3899"/>
                </a:lnTo>
                <a:lnTo>
                  <a:pt x="6819" y="3884"/>
                </a:lnTo>
                <a:lnTo>
                  <a:pt x="6819" y="3868"/>
                </a:lnTo>
                <a:lnTo>
                  <a:pt x="6819" y="3854"/>
                </a:lnTo>
                <a:lnTo>
                  <a:pt x="6821" y="3839"/>
                </a:lnTo>
                <a:lnTo>
                  <a:pt x="6823" y="3824"/>
                </a:lnTo>
                <a:lnTo>
                  <a:pt x="6827" y="3809"/>
                </a:lnTo>
                <a:lnTo>
                  <a:pt x="6831" y="3795"/>
                </a:lnTo>
                <a:lnTo>
                  <a:pt x="6837" y="3782"/>
                </a:lnTo>
                <a:lnTo>
                  <a:pt x="6843" y="3768"/>
                </a:lnTo>
                <a:lnTo>
                  <a:pt x="6850" y="3755"/>
                </a:lnTo>
                <a:lnTo>
                  <a:pt x="6859" y="3744"/>
                </a:lnTo>
                <a:lnTo>
                  <a:pt x="6867" y="3733"/>
                </a:lnTo>
                <a:lnTo>
                  <a:pt x="6878" y="3725"/>
                </a:lnTo>
                <a:lnTo>
                  <a:pt x="6889" y="3716"/>
                </a:lnTo>
                <a:lnTo>
                  <a:pt x="6901" y="3709"/>
                </a:lnTo>
                <a:lnTo>
                  <a:pt x="6915" y="3705"/>
                </a:lnTo>
                <a:lnTo>
                  <a:pt x="6929" y="3701"/>
                </a:lnTo>
                <a:lnTo>
                  <a:pt x="6944" y="3700"/>
                </a:lnTo>
                <a:lnTo>
                  <a:pt x="6961" y="3701"/>
                </a:lnTo>
                <a:lnTo>
                  <a:pt x="6975" y="3704"/>
                </a:lnTo>
                <a:lnTo>
                  <a:pt x="6989" y="3708"/>
                </a:lnTo>
                <a:lnTo>
                  <a:pt x="7003" y="3715"/>
                </a:lnTo>
                <a:lnTo>
                  <a:pt x="7014" y="3722"/>
                </a:lnTo>
                <a:lnTo>
                  <a:pt x="7025" y="3731"/>
                </a:lnTo>
                <a:lnTo>
                  <a:pt x="7035" y="3741"/>
                </a:lnTo>
                <a:lnTo>
                  <a:pt x="7043" y="3752"/>
                </a:lnTo>
                <a:lnTo>
                  <a:pt x="7051" y="3765"/>
                </a:lnTo>
                <a:lnTo>
                  <a:pt x="7058" y="3778"/>
                </a:lnTo>
                <a:lnTo>
                  <a:pt x="7063" y="3793"/>
                </a:lnTo>
                <a:lnTo>
                  <a:pt x="7068" y="3808"/>
                </a:lnTo>
                <a:lnTo>
                  <a:pt x="7072" y="3823"/>
                </a:lnTo>
                <a:lnTo>
                  <a:pt x="7074" y="3840"/>
                </a:lnTo>
                <a:lnTo>
                  <a:pt x="7075" y="3857"/>
                </a:lnTo>
                <a:lnTo>
                  <a:pt x="7076" y="3874"/>
                </a:lnTo>
                <a:lnTo>
                  <a:pt x="7075" y="3890"/>
                </a:lnTo>
                <a:lnTo>
                  <a:pt x="7074" y="3905"/>
                </a:lnTo>
                <a:lnTo>
                  <a:pt x="7071" y="3920"/>
                </a:lnTo>
                <a:lnTo>
                  <a:pt x="7066" y="3933"/>
                </a:lnTo>
                <a:lnTo>
                  <a:pt x="7061" y="3947"/>
                </a:lnTo>
                <a:lnTo>
                  <a:pt x="7055" y="3959"/>
                </a:lnTo>
                <a:lnTo>
                  <a:pt x="7048" y="3972"/>
                </a:lnTo>
                <a:lnTo>
                  <a:pt x="7040" y="3983"/>
                </a:lnTo>
                <a:lnTo>
                  <a:pt x="7030" y="3992"/>
                </a:lnTo>
                <a:lnTo>
                  <a:pt x="7020" y="4001"/>
                </a:lnTo>
                <a:lnTo>
                  <a:pt x="7009" y="4009"/>
                </a:lnTo>
                <a:lnTo>
                  <a:pt x="6998" y="4015"/>
                </a:lnTo>
                <a:lnTo>
                  <a:pt x="6985" y="4020"/>
                </a:lnTo>
                <a:lnTo>
                  <a:pt x="6973" y="4024"/>
                </a:lnTo>
                <a:lnTo>
                  <a:pt x="6959" y="4026"/>
                </a:lnTo>
                <a:lnTo>
                  <a:pt x="6944" y="4026"/>
                </a:lnTo>
                <a:close/>
                <a:moveTo>
                  <a:pt x="6526" y="3919"/>
                </a:moveTo>
                <a:lnTo>
                  <a:pt x="6525" y="3932"/>
                </a:lnTo>
                <a:lnTo>
                  <a:pt x="6524" y="3944"/>
                </a:lnTo>
                <a:lnTo>
                  <a:pt x="6521" y="3955"/>
                </a:lnTo>
                <a:lnTo>
                  <a:pt x="6518" y="3966"/>
                </a:lnTo>
                <a:lnTo>
                  <a:pt x="6513" y="3976"/>
                </a:lnTo>
                <a:lnTo>
                  <a:pt x="6508" y="3986"/>
                </a:lnTo>
                <a:lnTo>
                  <a:pt x="6501" y="3996"/>
                </a:lnTo>
                <a:lnTo>
                  <a:pt x="6494" y="4003"/>
                </a:lnTo>
                <a:lnTo>
                  <a:pt x="6486" y="4011"/>
                </a:lnTo>
                <a:lnTo>
                  <a:pt x="6476" y="4018"/>
                </a:lnTo>
                <a:lnTo>
                  <a:pt x="6466" y="4023"/>
                </a:lnTo>
                <a:lnTo>
                  <a:pt x="6455" y="4029"/>
                </a:lnTo>
                <a:lnTo>
                  <a:pt x="6443" y="4032"/>
                </a:lnTo>
                <a:lnTo>
                  <a:pt x="6430" y="4035"/>
                </a:lnTo>
                <a:lnTo>
                  <a:pt x="6415" y="4037"/>
                </a:lnTo>
                <a:lnTo>
                  <a:pt x="6400" y="4037"/>
                </a:lnTo>
                <a:lnTo>
                  <a:pt x="6393" y="4037"/>
                </a:lnTo>
                <a:lnTo>
                  <a:pt x="6386" y="4036"/>
                </a:lnTo>
                <a:lnTo>
                  <a:pt x="6378" y="4035"/>
                </a:lnTo>
                <a:lnTo>
                  <a:pt x="6371" y="4033"/>
                </a:lnTo>
                <a:lnTo>
                  <a:pt x="6364" y="4030"/>
                </a:lnTo>
                <a:lnTo>
                  <a:pt x="6357" y="4026"/>
                </a:lnTo>
                <a:lnTo>
                  <a:pt x="6350" y="4023"/>
                </a:lnTo>
                <a:lnTo>
                  <a:pt x="6344" y="4019"/>
                </a:lnTo>
                <a:lnTo>
                  <a:pt x="6338" y="4014"/>
                </a:lnTo>
                <a:lnTo>
                  <a:pt x="6333" y="4009"/>
                </a:lnTo>
                <a:lnTo>
                  <a:pt x="6328" y="4002"/>
                </a:lnTo>
                <a:lnTo>
                  <a:pt x="6324" y="3996"/>
                </a:lnTo>
                <a:lnTo>
                  <a:pt x="6321" y="3989"/>
                </a:lnTo>
                <a:lnTo>
                  <a:pt x="6318" y="3981"/>
                </a:lnTo>
                <a:lnTo>
                  <a:pt x="6316" y="3973"/>
                </a:lnTo>
                <a:lnTo>
                  <a:pt x="6316" y="3964"/>
                </a:lnTo>
                <a:lnTo>
                  <a:pt x="6316" y="3957"/>
                </a:lnTo>
                <a:lnTo>
                  <a:pt x="6317" y="3951"/>
                </a:lnTo>
                <a:lnTo>
                  <a:pt x="6318" y="3944"/>
                </a:lnTo>
                <a:lnTo>
                  <a:pt x="6321" y="3938"/>
                </a:lnTo>
                <a:lnTo>
                  <a:pt x="6324" y="3932"/>
                </a:lnTo>
                <a:lnTo>
                  <a:pt x="6327" y="3927"/>
                </a:lnTo>
                <a:lnTo>
                  <a:pt x="6331" y="3922"/>
                </a:lnTo>
                <a:lnTo>
                  <a:pt x="6334" y="3918"/>
                </a:lnTo>
                <a:lnTo>
                  <a:pt x="6344" y="3909"/>
                </a:lnTo>
                <a:lnTo>
                  <a:pt x="6354" y="3902"/>
                </a:lnTo>
                <a:lnTo>
                  <a:pt x="6366" y="3896"/>
                </a:lnTo>
                <a:lnTo>
                  <a:pt x="6378" y="3891"/>
                </a:lnTo>
                <a:lnTo>
                  <a:pt x="6390" y="3887"/>
                </a:lnTo>
                <a:lnTo>
                  <a:pt x="6403" y="3885"/>
                </a:lnTo>
                <a:lnTo>
                  <a:pt x="6416" y="3882"/>
                </a:lnTo>
                <a:lnTo>
                  <a:pt x="6430" y="3880"/>
                </a:lnTo>
                <a:lnTo>
                  <a:pt x="6453" y="3878"/>
                </a:lnTo>
                <a:lnTo>
                  <a:pt x="6472" y="3878"/>
                </a:lnTo>
                <a:lnTo>
                  <a:pt x="6486" y="3878"/>
                </a:lnTo>
                <a:lnTo>
                  <a:pt x="6499" y="3879"/>
                </a:lnTo>
                <a:lnTo>
                  <a:pt x="6512" y="3879"/>
                </a:lnTo>
                <a:lnTo>
                  <a:pt x="6526" y="3879"/>
                </a:lnTo>
                <a:lnTo>
                  <a:pt x="6526" y="3919"/>
                </a:lnTo>
                <a:close/>
                <a:moveTo>
                  <a:pt x="5471" y="3919"/>
                </a:moveTo>
                <a:lnTo>
                  <a:pt x="5471" y="3932"/>
                </a:lnTo>
                <a:lnTo>
                  <a:pt x="5470" y="3944"/>
                </a:lnTo>
                <a:lnTo>
                  <a:pt x="5467" y="3955"/>
                </a:lnTo>
                <a:lnTo>
                  <a:pt x="5464" y="3966"/>
                </a:lnTo>
                <a:lnTo>
                  <a:pt x="5459" y="3976"/>
                </a:lnTo>
                <a:lnTo>
                  <a:pt x="5454" y="3986"/>
                </a:lnTo>
                <a:lnTo>
                  <a:pt x="5447" y="3996"/>
                </a:lnTo>
                <a:lnTo>
                  <a:pt x="5440" y="4003"/>
                </a:lnTo>
                <a:lnTo>
                  <a:pt x="5432" y="4011"/>
                </a:lnTo>
                <a:lnTo>
                  <a:pt x="5422" y="4018"/>
                </a:lnTo>
                <a:lnTo>
                  <a:pt x="5412" y="4023"/>
                </a:lnTo>
                <a:lnTo>
                  <a:pt x="5401" y="4029"/>
                </a:lnTo>
                <a:lnTo>
                  <a:pt x="5389" y="4032"/>
                </a:lnTo>
                <a:lnTo>
                  <a:pt x="5376" y="4035"/>
                </a:lnTo>
                <a:lnTo>
                  <a:pt x="5361" y="4037"/>
                </a:lnTo>
                <a:lnTo>
                  <a:pt x="5346" y="4037"/>
                </a:lnTo>
                <a:lnTo>
                  <a:pt x="5339" y="4037"/>
                </a:lnTo>
                <a:lnTo>
                  <a:pt x="5332" y="4036"/>
                </a:lnTo>
                <a:lnTo>
                  <a:pt x="5324" y="4035"/>
                </a:lnTo>
                <a:lnTo>
                  <a:pt x="5317" y="4033"/>
                </a:lnTo>
                <a:lnTo>
                  <a:pt x="5310" y="4030"/>
                </a:lnTo>
                <a:lnTo>
                  <a:pt x="5303" y="4026"/>
                </a:lnTo>
                <a:lnTo>
                  <a:pt x="5297" y="4023"/>
                </a:lnTo>
                <a:lnTo>
                  <a:pt x="5290" y="4019"/>
                </a:lnTo>
                <a:lnTo>
                  <a:pt x="5284" y="4014"/>
                </a:lnTo>
                <a:lnTo>
                  <a:pt x="5279" y="4009"/>
                </a:lnTo>
                <a:lnTo>
                  <a:pt x="5275" y="4002"/>
                </a:lnTo>
                <a:lnTo>
                  <a:pt x="5270" y="3996"/>
                </a:lnTo>
                <a:lnTo>
                  <a:pt x="5267" y="3989"/>
                </a:lnTo>
                <a:lnTo>
                  <a:pt x="5265" y="3981"/>
                </a:lnTo>
                <a:lnTo>
                  <a:pt x="5262" y="3973"/>
                </a:lnTo>
                <a:lnTo>
                  <a:pt x="5262" y="3964"/>
                </a:lnTo>
                <a:lnTo>
                  <a:pt x="5262" y="3957"/>
                </a:lnTo>
                <a:lnTo>
                  <a:pt x="5264" y="3951"/>
                </a:lnTo>
                <a:lnTo>
                  <a:pt x="5265" y="3944"/>
                </a:lnTo>
                <a:lnTo>
                  <a:pt x="5267" y="3938"/>
                </a:lnTo>
                <a:lnTo>
                  <a:pt x="5270" y="3932"/>
                </a:lnTo>
                <a:lnTo>
                  <a:pt x="5272" y="3927"/>
                </a:lnTo>
                <a:lnTo>
                  <a:pt x="5277" y="3922"/>
                </a:lnTo>
                <a:lnTo>
                  <a:pt x="5280" y="3918"/>
                </a:lnTo>
                <a:lnTo>
                  <a:pt x="5290" y="3909"/>
                </a:lnTo>
                <a:lnTo>
                  <a:pt x="5300" y="3902"/>
                </a:lnTo>
                <a:lnTo>
                  <a:pt x="5312" y="3896"/>
                </a:lnTo>
                <a:lnTo>
                  <a:pt x="5324" y="3891"/>
                </a:lnTo>
                <a:lnTo>
                  <a:pt x="5336" y="3887"/>
                </a:lnTo>
                <a:lnTo>
                  <a:pt x="5349" y="3885"/>
                </a:lnTo>
                <a:lnTo>
                  <a:pt x="5363" y="3882"/>
                </a:lnTo>
                <a:lnTo>
                  <a:pt x="5376" y="3880"/>
                </a:lnTo>
                <a:lnTo>
                  <a:pt x="5399" y="3878"/>
                </a:lnTo>
                <a:lnTo>
                  <a:pt x="5419" y="3878"/>
                </a:lnTo>
                <a:lnTo>
                  <a:pt x="5432" y="3878"/>
                </a:lnTo>
                <a:lnTo>
                  <a:pt x="5445" y="3879"/>
                </a:lnTo>
                <a:lnTo>
                  <a:pt x="5458" y="3879"/>
                </a:lnTo>
                <a:lnTo>
                  <a:pt x="5471" y="3879"/>
                </a:lnTo>
                <a:lnTo>
                  <a:pt x="5471" y="3919"/>
                </a:lnTo>
                <a:close/>
                <a:moveTo>
                  <a:pt x="3302" y="3826"/>
                </a:moveTo>
                <a:lnTo>
                  <a:pt x="3303" y="3815"/>
                </a:lnTo>
                <a:lnTo>
                  <a:pt x="3306" y="3804"/>
                </a:lnTo>
                <a:lnTo>
                  <a:pt x="3309" y="3793"/>
                </a:lnTo>
                <a:lnTo>
                  <a:pt x="3312" y="3782"/>
                </a:lnTo>
                <a:lnTo>
                  <a:pt x="3317" y="3771"/>
                </a:lnTo>
                <a:lnTo>
                  <a:pt x="3322" y="3761"/>
                </a:lnTo>
                <a:lnTo>
                  <a:pt x="3328" y="3751"/>
                </a:lnTo>
                <a:lnTo>
                  <a:pt x="3334" y="3741"/>
                </a:lnTo>
                <a:lnTo>
                  <a:pt x="3342" y="3732"/>
                </a:lnTo>
                <a:lnTo>
                  <a:pt x="3351" y="3725"/>
                </a:lnTo>
                <a:lnTo>
                  <a:pt x="3361" y="3718"/>
                </a:lnTo>
                <a:lnTo>
                  <a:pt x="3372" y="3712"/>
                </a:lnTo>
                <a:lnTo>
                  <a:pt x="3383" y="3707"/>
                </a:lnTo>
                <a:lnTo>
                  <a:pt x="3395" y="3704"/>
                </a:lnTo>
                <a:lnTo>
                  <a:pt x="3409" y="3701"/>
                </a:lnTo>
                <a:lnTo>
                  <a:pt x="3423" y="3700"/>
                </a:lnTo>
                <a:lnTo>
                  <a:pt x="3436" y="3701"/>
                </a:lnTo>
                <a:lnTo>
                  <a:pt x="3449" y="3703"/>
                </a:lnTo>
                <a:lnTo>
                  <a:pt x="3461" y="3706"/>
                </a:lnTo>
                <a:lnTo>
                  <a:pt x="3471" y="3710"/>
                </a:lnTo>
                <a:lnTo>
                  <a:pt x="3482" y="3716"/>
                </a:lnTo>
                <a:lnTo>
                  <a:pt x="3490" y="3722"/>
                </a:lnTo>
                <a:lnTo>
                  <a:pt x="3499" y="3729"/>
                </a:lnTo>
                <a:lnTo>
                  <a:pt x="3506" y="3738"/>
                </a:lnTo>
                <a:lnTo>
                  <a:pt x="3513" y="3746"/>
                </a:lnTo>
                <a:lnTo>
                  <a:pt x="3519" y="3756"/>
                </a:lnTo>
                <a:lnTo>
                  <a:pt x="3523" y="3766"/>
                </a:lnTo>
                <a:lnTo>
                  <a:pt x="3528" y="3777"/>
                </a:lnTo>
                <a:lnTo>
                  <a:pt x="3531" y="3788"/>
                </a:lnTo>
                <a:lnTo>
                  <a:pt x="3533" y="3800"/>
                </a:lnTo>
                <a:lnTo>
                  <a:pt x="3535" y="3813"/>
                </a:lnTo>
                <a:lnTo>
                  <a:pt x="3535" y="3826"/>
                </a:lnTo>
                <a:lnTo>
                  <a:pt x="3302" y="3826"/>
                </a:lnTo>
                <a:close/>
                <a:moveTo>
                  <a:pt x="2254" y="3866"/>
                </a:moveTo>
                <a:lnTo>
                  <a:pt x="2009" y="3866"/>
                </a:lnTo>
                <a:lnTo>
                  <a:pt x="2131" y="3561"/>
                </a:lnTo>
                <a:lnTo>
                  <a:pt x="2254" y="3866"/>
                </a:lnTo>
                <a:close/>
                <a:moveTo>
                  <a:pt x="17460" y="1969"/>
                </a:moveTo>
                <a:lnTo>
                  <a:pt x="17459" y="1994"/>
                </a:lnTo>
                <a:lnTo>
                  <a:pt x="17457" y="2020"/>
                </a:lnTo>
                <a:lnTo>
                  <a:pt x="17452" y="2046"/>
                </a:lnTo>
                <a:lnTo>
                  <a:pt x="17444" y="2071"/>
                </a:lnTo>
                <a:lnTo>
                  <a:pt x="17439" y="2084"/>
                </a:lnTo>
                <a:lnTo>
                  <a:pt x="17434" y="2096"/>
                </a:lnTo>
                <a:lnTo>
                  <a:pt x="17428" y="2108"/>
                </a:lnTo>
                <a:lnTo>
                  <a:pt x="17422" y="2120"/>
                </a:lnTo>
                <a:lnTo>
                  <a:pt x="17415" y="2132"/>
                </a:lnTo>
                <a:lnTo>
                  <a:pt x="17408" y="2143"/>
                </a:lnTo>
                <a:lnTo>
                  <a:pt x="17400" y="2155"/>
                </a:lnTo>
                <a:lnTo>
                  <a:pt x="17390" y="2165"/>
                </a:lnTo>
                <a:lnTo>
                  <a:pt x="17381" y="2176"/>
                </a:lnTo>
                <a:lnTo>
                  <a:pt x="17370" y="2186"/>
                </a:lnTo>
                <a:lnTo>
                  <a:pt x="17359" y="2196"/>
                </a:lnTo>
                <a:lnTo>
                  <a:pt x="17347" y="2205"/>
                </a:lnTo>
                <a:lnTo>
                  <a:pt x="17335" y="2213"/>
                </a:lnTo>
                <a:lnTo>
                  <a:pt x="17322" y="2221"/>
                </a:lnTo>
                <a:lnTo>
                  <a:pt x="17307" y="2228"/>
                </a:lnTo>
                <a:lnTo>
                  <a:pt x="17293" y="2234"/>
                </a:lnTo>
                <a:lnTo>
                  <a:pt x="17278" y="2241"/>
                </a:lnTo>
                <a:lnTo>
                  <a:pt x="17261" y="2247"/>
                </a:lnTo>
                <a:lnTo>
                  <a:pt x="17244" y="2251"/>
                </a:lnTo>
                <a:lnTo>
                  <a:pt x="17226" y="2254"/>
                </a:lnTo>
                <a:lnTo>
                  <a:pt x="17207" y="2258"/>
                </a:lnTo>
                <a:lnTo>
                  <a:pt x="17188" y="2260"/>
                </a:lnTo>
                <a:lnTo>
                  <a:pt x="17167" y="2261"/>
                </a:lnTo>
                <a:lnTo>
                  <a:pt x="17146" y="2262"/>
                </a:lnTo>
                <a:lnTo>
                  <a:pt x="17125" y="2261"/>
                </a:lnTo>
                <a:lnTo>
                  <a:pt x="17106" y="2260"/>
                </a:lnTo>
                <a:lnTo>
                  <a:pt x="17087" y="2258"/>
                </a:lnTo>
                <a:lnTo>
                  <a:pt x="17069" y="2255"/>
                </a:lnTo>
                <a:lnTo>
                  <a:pt x="17052" y="2251"/>
                </a:lnTo>
                <a:lnTo>
                  <a:pt x="17036" y="2247"/>
                </a:lnTo>
                <a:lnTo>
                  <a:pt x="17020" y="2242"/>
                </a:lnTo>
                <a:lnTo>
                  <a:pt x="17005" y="2236"/>
                </a:lnTo>
                <a:lnTo>
                  <a:pt x="16992" y="2230"/>
                </a:lnTo>
                <a:lnTo>
                  <a:pt x="16979" y="2222"/>
                </a:lnTo>
                <a:lnTo>
                  <a:pt x="16965" y="2215"/>
                </a:lnTo>
                <a:lnTo>
                  <a:pt x="16954" y="2207"/>
                </a:lnTo>
                <a:lnTo>
                  <a:pt x="16942" y="2198"/>
                </a:lnTo>
                <a:lnTo>
                  <a:pt x="16932" y="2188"/>
                </a:lnTo>
                <a:lnTo>
                  <a:pt x="16922" y="2178"/>
                </a:lnTo>
                <a:lnTo>
                  <a:pt x="16914" y="2169"/>
                </a:lnTo>
                <a:lnTo>
                  <a:pt x="16905" y="2159"/>
                </a:lnTo>
                <a:lnTo>
                  <a:pt x="16897" y="2148"/>
                </a:lnTo>
                <a:lnTo>
                  <a:pt x="16889" y="2136"/>
                </a:lnTo>
                <a:lnTo>
                  <a:pt x="16883" y="2125"/>
                </a:lnTo>
                <a:lnTo>
                  <a:pt x="16877" y="2113"/>
                </a:lnTo>
                <a:lnTo>
                  <a:pt x="16872" y="2101"/>
                </a:lnTo>
                <a:lnTo>
                  <a:pt x="16867" y="2087"/>
                </a:lnTo>
                <a:lnTo>
                  <a:pt x="16863" y="2075"/>
                </a:lnTo>
                <a:lnTo>
                  <a:pt x="16859" y="2062"/>
                </a:lnTo>
                <a:lnTo>
                  <a:pt x="16856" y="2049"/>
                </a:lnTo>
                <a:lnTo>
                  <a:pt x="16853" y="2036"/>
                </a:lnTo>
                <a:lnTo>
                  <a:pt x="16851" y="2023"/>
                </a:lnTo>
                <a:lnTo>
                  <a:pt x="16849" y="1996"/>
                </a:lnTo>
                <a:lnTo>
                  <a:pt x="16848" y="1969"/>
                </a:lnTo>
                <a:lnTo>
                  <a:pt x="16848" y="1947"/>
                </a:lnTo>
                <a:lnTo>
                  <a:pt x="16850" y="1923"/>
                </a:lnTo>
                <a:lnTo>
                  <a:pt x="16853" y="1897"/>
                </a:lnTo>
                <a:lnTo>
                  <a:pt x="16858" y="1872"/>
                </a:lnTo>
                <a:lnTo>
                  <a:pt x="16861" y="1859"/>
                </a:lnTo>
                <a:lnTo>
                  <a:pt x="16864" y="1846"/>
                </a:lnTo>
                <a:lnTo>
                  <a:pt x="16869" y="1833"/>
                </a:lnTo>
                <a:lnTo>
                  <a:pt x="16874" y="1821"/>
                </a:lnTo>
                <a:lnTo>
                  <a:pt x="16880" y="1807"/>
                </a:lnTo>
                <a:lnTo>
                  <a:pt x="16885" y="1795"/>
                </a:lnTo>
                <a:lnTo>
                  <a:pt x="16893" y="1782"/>
                </a:lnTo>
                <a:lnTo>
                  <a:pt x="16900" y="1770"/>
                </a:lnTo>
                <a:lnTo>
                  <a:pt x="16908" y="1759"/>
                </a:lnTo>
                <a:lnTo>
                  <a:pt x="16918" y="1747"/>
                </a:lnTo>
                <a:lnTo>
                  <a:pt x="16928" y="1736"/>
                </a:lnTo>
                <a:lnTo>
                  <a:pt x="16939" y="1726"/>
                </a:lnTo>
                <a:lnTo>
                  <a:pt x="16951" y="1716"/>
                </a:lnTo>
                <a:lnTo>
                  <a:pt x="16964" y="1706"/>
                </a:lnTo>
                <a:lnTo>
                  <a:pt x="16977" y="1699"/>
                </a:lnTo>
                <a:lnTo>
                  <a:pt x="16993" y="1690"/>
                </a:lnTo>
                <a:lnTo>
                  <a:pt x="17008" y="1683"/>
                </a:lnTo>
                <a:lnTo>
                  <a:pt x="17026" y="1677"/>
                </a:lnTo>
                <a:lnTo>
                  <a:pt x="17045" y="1671"/>
                </a:lnTo>
                <a:lnTo>
                  <a:pt x="17063" y="1667"/>
                </a:lnTo>
                <a:lnTo>
                  <a:pt x="17084" y="1662"/>
                </a:lnTo>
                <a:lnTo>
                  <a:pt x="17106" y="1660"/>
                </a:lnTo>
                <a:lnTo>
                  <a:pt x="17129" y="1658"/>
                </a:lnTo>
                <a:lnTo>
                  <a:pt x="17153" y="1658"/>
                </a:lnTo>
                <a:lnTo>
                  <a:pt x="17173" y="1658"/>
                </a:lnTo>
                <a:lnTo>
                  <a:pt x="17192" y="1659"/>
                </a:lnTo>
                <a:lnTo>
                  <a:pt x="17210" y="1660"/>
                </a:lnTo>
                <a:lnTo>
                  <a:pt x="17227" y="1662"/>
                </a:lnTo>
                <a:lnTo>
                  <a:pt x="17244" y="1666"/>
                </a:lnTo>
                <a:lnTo>
                  <a:pt x="17259" y="1669"/>
                </a:lnTo>
                <a:lnTo>
                  <a:pt x="17274" y="1672"/>
                </a:lnTo>
                <a:lnTo>
                  <a:pt x="17290" y="1677"/>
                </a:lnTo>
                <a:lnTo>
                  <a:pt x="17304" y="1682"/>
                </a:lnTo>
                <a:lnTo>
                  <a:pt x="17317" y="1688"/>
                </a:lnTo>
                <a:lnTo>
                  <a:pt x="17331" y="1694"/>
                </a:lnTo>
                <a:lnTo>
                  <a:pt x="17343" y="1701"/>
                </a:lnTo>
                <a:lnTo>
                  <a:pt x="17354" y="1709"/>
                </a:lnTo>
                <a:lnTo>
                  <a:pt x="17365" y="1717"/>
                </a:lnTo>
                <a:lnTo>
                  <a:pt x="17376" y="1726"/>
                </a:lnTo>
                <a:lnTo>
                  <a:pt x="17386" y="1735"/>
                </a:lnTo>
                <a:lnTo>
                  <a:pt x="17394" y="1746"/>
                </a:lnTo>
                <a:lnTo>
                  <a:pt x="17403" y="1756"/>
                </a:lnTo>
                <a:lnTo>
                  <a:pt x="17411" y="1768"/>
                </a:lnTo>
                <a:lnTo>
                  <a:pt x="17419" y="1779"/>
                </a:lnTo>
                <a:lnTo>
                  <a:pt x="17425" y="1792"/>
                </a:lnTo>
                <a:lnTo>
                  <a:pt x="17432" y="1805"/>
                </a:lnTo>
                <a:lnTo>
                  <a:pt x="17437" y="1818"/>
                </a:lnTo>
                <a:lnTo>
                  <a:pt x="17442" y="1833"/>
                </a:lnTo>
                <a:lnTo>
                  <a:pt x="17446" y="1848"/>
                </a:lnTo>
                <a:lnTo>
                  <a:pt x="17450" y="1863"/>
                </a:lnTo>
                <a:lnTo>
                  <a:pt x="17454" y="1880"/>
                </a:lnTo>
                <a:lnTo>
                  <a:pt x="17456" y="1896"/>
                </a:lnTo>
                <a:lnTo>
                  <a:pt x="17458" y="1914"/>
                </a:lnTo>
                <a:lnTo>
                  <a:pt x="17459" y="1931"/>
                </a:lnTo>
                <a:lnTo>
                  <a:pt x="17460" y="1950"/>
                </a:lnTo>
                <a:lnTo>
                  <a:pt x="17460" y="1969"/>
                </a:lnTo>
                <a:close/>
                <a:moveTo>
                  <a:pt x="15281" y="1396"/>
                </a:moveTo>
                <a:lnTo>
                  <a:pt x="15281" y="1264"/>
                </a:lnTo>
                <a:lnTo>
                  <a:pt x="15415" y="1264"/>
                </a:lnTo>
                <a:lnTo>
                  <a:pt x="15421" y="1264"/>
                </a:lnTo>
                <a:lnTo>
                  <a:pt x="15421" y="1396"/>
                </a:lnTo>
                <a:lnTo>
                  <a:pt x="15281" y="1396"/>
                </a:lnTo>
                <a:close/>
                <a:moveTo>
                  <a:pt x="13289" y="1912"/>
                </a:moveTo>
                <a:lnTo>
                  <a:pt x="12720" y="1912"/>
                </a:lnTo>
                <a:lnTo>
                  <a:pt x="12720" y="1901"/>
                </a:lnTo>
                <a:lnTo>
                  <a:pt x="12723" y="1889"/>
                </a:lnTo>
                <a:lnTo>
                  <a:pt x="12724" y="1878"/>
                </a:lnTo>
                <a:lnTo>
                  <a:pt x="12727" y="1866"/>
                </a:lnTo>
                <a:lnTo>
                  <a:pt x="12729" y="1855"/>
                </a:lnTo>
                <a:lnTo>
                  <a:pt x="12734" y="1842"/>
                </a:lnTo>
                <a:lnTo>
                  <a:pt x="12738" y="1832"/>
                </a:lnTo>
                <a:lnTo>
                  <a:pt x="12742" y="1821"/>
                </a:lnTo>
                <a:lnTo>
                  <a:pt x="12748" y="1810"/>
                </a:lnTo>
                <a:lnTo>
                  <a:pt x="12755" y="1799"/>
                </a:lnTo>
                <a:lnTo>
                  <a:pt x="12761" y="1788"/>
                </a:lnTo>
                <a:lnTo>
                  <a:pt x="12769" y="1778"/>
                </a:lnTo>
                <a:lnTo>
                  <a:pt x="12777" y="1767"/>
                </a:lnTo>
                <a:lnTo>
                  <a:pt x="12785" y="1757"/>
                </a:lnTo>
                <a:lnTo>
                  <a:pt x="12794" y="1748"/>
                </a:lnTo>
                <a:lnTo>
                  <a:pt x="12803" y="1738"/>
                </a:lnTo>
                <a:lnTo>
                  <a:pt x="12814" y="1729"/>
                </a:lnTo>
                <a:lnTo>
                  <a:pt x="12824" y="1722"/>
                </a:lnTo>
                <a:lnTo>
                  <a:pt x="12835" y="1713"/>
                </a:lnTo>
                <a:lnTo>
                  <a:pt x="12847" y="1705"/>
                </a:lnTo>
                <a:lnTo>
                  <a:pt x="12859" y="1699"/>
                </a:lnTo>
                <a:lnTo>
                  <a:pt x="12872" y="1692"/>
                </a:lnTo>
                <a:lnTo>
                  <a:pt x="12885" y="1685"/>
                </a:lnTo>
                <a:lnTo>
                  <a:pt x="12899" y="1680"/>
                </a:lnTo>
                <a:lnTo>
                  <a:pt x="12913" y="1674"/>
                </a:lnTo>
                <a:lnTo>
                  <a:pt x="12927" y="1670"/>
                </a:lnTo>
                <a:lnTo>
                  <a:pt x="12943" y="1667"/>
                </a:lnTo>
                <a:lnTo>
                  <a:pt x="12958" y="1664"/>
                </a:lnTo>
                <a:lnTo>
                  <a:pt x="12975" y="1661"/>
                </a:lnTo>
                <a:lnTo>
                  <a:pt x="12991" y="1659"/>
                </a:lnTo>
                <a:lnTo>
                  <a:pt x="13008" y="1658"/>
                </a:lnTo>
                <a:lnTo>
                  <a:pt x="13025" y="1658"/>
                </a:lnTo>
                <a:lnTo>
                  <a:pt x="13043" y="1658"/>
                </a:lnTo>
                <a:lnTo>
                  <a:pt x="13059" y="1659"/>
                </a:lnTo>
                <a:lnTo>
                  <a:pt x="13076" y="1661"/>
                </a:lnTo>
                <a:lnTo>
                  <a:pt x="13091" y="1664"/>
                </a:lnTo>
                <a:lnTo>
                  <a:pt x="13105" y="1667"/>
                </a:lnTo>
                <a:lnTo>
                  <a:pt x="13120" y="1670"/>
                </a:lnTo>
                <a:lnTo>
                  <a:pt x="13134" y="1674"/>
                </a:lnTo>
                <a:lnTo>
                  <a:pt x="13146" y="1680"/>
                </a:lnTo>
                <a:lnTo>
                  <a:pt x="13158" y="1685"/>
                </a:lnTo>
                <a:lnTo>
                  <a:pt x="13170" y="1692"/>
                </a:lnTo>
                <a:lnTo>
                  <a:pt x="13181" y="1699"/>
                </a:lnTo>
                <a:lnTo>
                  <a:pt x="13192" y="1705"/>
                </a:lnTo>
                <a:lnTo>
                  <a:pt x="13202" y="1713"/>
                </a:lnTo>
                <a:lnTo>
                  <a:pt x="13211" y="1722"/>
                </a:lnTo>
                <a:lnTo>
                  <a:pt x="13220" y="1729"/>
                </a:lnTo>
                <a:lnTo>
                  <a:pt x="13228" y="1738"/>
                </a:lnTo>
                <a:lnTo>
                  <a:pt x="13235" y="1748"/>
                </a:lnTo>
                <a:lnTo>
                  <a:pt x="13243" y="1757"/>
                </a:lnTo>
                <a:lnTo>
                  <a:pt x="13250" y="1767"/>
                </a:lnTo>
                <a:lnTo>
                  <a:pt x="13255" y="1778"/>
                </a:lnTo>
                <a:lnTo>
                  <a:pt x="13266" y="1799"/>
                </a:lnTo>
                <a:lnTo>
                  <a:pt x="13274" y="1821"/>
                </a:lnTo>
                <a:lnTo>
                  <a:pt x="13280" y="1842"/>
                </a:lnTo>
                <a:lnTo>
                  <a:pt x="13285" y="1866"/>
                </a:lnTo>
                <a:lnTo>
                  <a:pt x="13288" y="1889"/>
                </a:lnTo>
                <a:lnTo>
                  <a:pt x="13289" y="1912"/>
                </a:lnTo>
                <a:close/>
                <a:moveTo>
                  <a:pt x="9653" y="1844"/>
                </a:moveTo>
                <a:lnTo>
                  <a:pt x="9653" y="1824"/>
                </a:lnTo>
                <a:lnTo>
                  <a:pt x="9651" y="1806"/>
                </a:lnTo>
                <a:lnTo>
                  <a:pt x="9649" y="1788"/>
                </a:lnTo>
                <a:lnTo>
                  <a:pt x="9647" y="1770"/>
                </a:lnTo>
                <a:lnTo>
                  <a:pt x="9644" y="1754"/>
                </a:lnTo>
                <a:lnTo>
                  <a:pt x="9639" y="1737"/>
                </a:lnTo>
                <a:lnTo>
                  <a:pt x="9634" y="1722"/>
                </a:lnTo>
                <a:lnTo>
                  <a:pt x="9628" y="1707"/>
                </a:lnTo>
                <a:lnTo>
                  <a:pt x="9622" y="1692"/>
                </a:lnTo>
                <a:lnTo>
                  <a:pt x="9614" y="1679"/>
                </a:lnTo>
                <a:lnTo>
                  <a:pt x="9605" y="1666"/>
                </a:lnTo>
                <a:lnTo>
                  <a:pt x="9596" y="1653"/>
                </a:lnTo>
                <a:lnTo>
                  <a:pt x="9587" y="1640"/>
                </a:lnTo>
                <a:lnTo>
                  <a:pt x="9576" y="1629"/>
                </a:lnTo>
                <a:lnTo>
                  <a:pt x="9565" y="1618"/>
                </a:lnTo>
                <a:lnTo>
                  <a:pt x="9551" y="1609"/>
                </a:lnTo>
                <a:lnTo>
                  <a:pt x="9538" y="1599"/>
                </a:lnTo>
                <a:lnTo>
                  <a:pt x="9524" y="1590"/>
                </a:lnTo>
                <a:lnTo>
                  <a:pt x="9510" y="1581"/>
                </a:lnTo>
                <a:lnTo>
                  <a:pt x="9493" y="1573"/>
                </a:lnTo>
                <a:lnTo>
                  <a:pt x="9477" y="1567"/>
                </a:lnTo>
                <a:lnTo>
                  <a:pt x="9459" y="1560"/>
                </a:lnTo>
                <a:lnTo>
                  <a:pt x="9440" y="1554"/>
                </a:lnTo>
                <a:lnTo>
                  <a:pt x="9420" y="1548"/>
                </a:lnTo>
                <a:lnTo>
                  <a:pt x="9401" y="1544"/>
                </a:lnTo>
                <a:lnTo>
                  <a:pt x="9379" y="1539"/>
                </a:lnTo>
                <a:lnTo>
                  <a:pt x="9357" y="1536"/>
                </a:lnTo>
                <a:lnTo>
                  <a:pt x="9334" y="1534"/>
                </a:lnTo>
                <a:lnTo>
                  <a:pt x="9309" y="1532"/>
                </a:lnTo>
                <a:lnTo>
                  <a:pt x="9284" y="1530"/>
                </a:lnTo>
                <a:lnTo>
                  <a:pt x="9258" y="1528"/>
                </a:lnTo>
                <a:lnTo>
                  <a:pt x="9231" y="1528"/>
                </a:lnTo>
                <a:lnTo>
                  <a:pt x="9194" y="1528"/>
                </a:lnTo>
                <a:lnTo>
                  <a:pt x="9152" y="1531"/>
                </a:lnTo>
                <a:lnTo>
                  <a:pt x="9109" y="1534"/>
                </a:lnTo>
                <a:lnTo>
                  <a:pt x="9064" y="1537"/>
                </a:lnTo>
                <a:lnTo>
                  <a:pt x="9017" y="1544"/>
                </a:lnTo>
                <a:lnTo>
                  <a:pt x="8969" y="1552"/>
                </a:lnTo>
                <a:lnTo>
                  <a:pt x="8923" y="1560"/>
                </a:lnTo>
                <a:lnTo>
                  <a:pt x="8877" y="1571"/>
                </a:lnTo>
                <a:lnTo>
                  <a:pt x="8877" y="1732"/>
                </a:lnTo>
                <a:lnTo>
                  <a:pt x="8913" y="1721"/>
                </a:lnTo>
                <a:lnTo>
                  <a:pt x="8951" y="1710"/>
                </a:lnTo>
                <a:lnTo>
                  <a:pt x="8988" y="1701"/>
                </a:lnTo>
                <a:lnTo>
                  <a:pt x="9027" y="1694"/>
                </a:lnTo>
                <a:lnTo>
                  <a:pt x="9065" y="1689"/>
                </a:lnTo>
                <a:lnTo>
                  <a:pt x="9103" y="1684"/>
                </a:lnTo>
                <a:lnTo>
                  <a:pt x="9140" y="1682"/>
                </a:lnTo>
                <a:lnTo>
                  <a:pt x="9175" y="1681"/>
                </a:lnTo>
                <a:lnTo>
                  <a:pt x="9198" y="1681"/>
                </a:lnTo>
                <a:lnTo>
                  <a:pt x="9221" y="1682"/>
                </a:lnTo>
                <a:lnTo>
                  <a:pt x="9244" y="1683"/>
                </a:lnTo>
                <a:lnTo>
                  <a:pt x="9265" y="1687"/>
                </a:lnTo>
                <a:lnTo>
                  <a:pt x="9285" y="1690"/>
                </a:lnTo>
                <a:lnTo>
                  <a:pt x="9304" y="1695"/>
                </a:lnTo>
                <a:lnTo>
                  <a:pt x="9321" y="1702"/>
                </a:lnTo>
                <a:lnTo>
                  <a:pt x="9338" y="1710"/>
                </a:lnTo>
                <a:lnTo>
                  <a:pt x="9346" y="1714"/>
                </a:lnTo>
                <a:lnTo>
                  <a:pt x="9352" y="1720"/>
                </a:lnTo>
                <a:lnTo>
                  <a:pt x="9359" y="1725"/>
                </a:lnTo>
                <a:lnTo>
                  <a:pt x="9365" y="1732"/>
                </a:lnTo>
                <a:lnTo>
                  <a:pt x="9371" y="1739"/>
                </a:lnTo>
                <a:lnTo>
                  <a:pt x="9376" y="1746"/>
                </a:lnTo>
                <a:lnTo>
                  <a:pt x="9382" y="1755"/>
                </a:lnTo>
                <a:lnTo>
                  <a:pt x="9386" y="1763"/>
                </a:lnTo>
                <a:lnTo>
                  <a:pt x="9391" y="1772"/>
                </a:lnTo>
                <a:lnTo>
                  <a:pt x="9394" y="1783"/>
                </a:lnTo>
                <a:lnTo>
                  <a:pt x="9397" y="1793"/>
                </a:lnTo>
                <a:lnTo>
                  <a:pt x="9400" y="1805"/>
                </a:lnTo>
                <a:lnTo>
                  <a:pt x="9402" y="1817"/>
                </a:lnTo>
                <a:lnTo>
                  <a:pt x="9403" y="1830"/>
                </a:lnTo>
                <a:lnTo>
                  <a:pt x="9404" y="1845"/>
                </a:lnTo>
                <a:lnTo>
                  <a:pt x="9404" y="1859"/>
                </a:lnTo>
                <a:lnTo>
                  <a:pt x="9277" y="1859"/>
                </a:lnTo>
                <a:lnTo>
                  <a:pt x="9236" y="1859"/>
                </a:lnTo>
                <a:lnTo>
                  <a:pt x="9191" y="1861"/>
                </a:lnTo>
                <a:lnTo>
                  <a:pt x="9145" y="1863"/>
                </a:lnTo>
                <a:lnTo>
                  <a:pt x="9099" y="1868"/>
                </a:lnTo>
                <a:lnTo>
                  <a:pt x="9055" y="1873"/>
                </a:lnTo>
                <a:lnTo>
                  <a:pt x="9013" y="1879"/>
                </a:lnTo>
                <a:lnTo>
                  <a:pt x="8994" y="1883"/>
                </a:lnTo>
                <a:lnTo>
                  <a:pt x="8975" y="1886"/>
                </a:lnTo>
                <a:lnTo>
                  <a:pt x="8957" y="1892"/>
                </a:lnTo>
                <a:lnTo>
                  <a:pt x="8942" y="1896"/>
                </a:lnTo>
                <a:lnTo>
                  <a:pt x="8924" y="1903"/>
                </a:lnTo>
                <a:lnTo>
                  <a:pt x="8907" y="1909"/>
                </a:lnTo>
                <a:lnTo>
                  <a:pt x="8890" y="1917"/>
                </a:lnTo>
                <a:lnTo>
                  <a:pt x="8874" y="1926"/>
                </a:lnTo>
                <a:lnTo>
                  <a:pt x="8858" y="1936"/>
                </a:lnTo>
                <a:lnTo>
                  <a:pt x="8843" y="1947"/>
                </a:lnTo>
                <a:lnTo>
                  <a:pt x="8829" y="1959"/>
                </a:lnTo>
                <a:lnTo>
                  <a:pt x="8815" y="1971"/>
                </a:lnTo>
                <a:lnTo>
                  <a:pt x="8803" y="1985"/>
                </a:lnTo>
                <a:lnTo>
                  <a:pt x="8792" y="2000"/>
                </a:lnTo>
                <a:lnTo>
                  <a:pt x="8784" y="2016"/>
                </a:lnTo>
                <a:lnTo>
                  <a:pt x="8775" y="2032"/>
                </a:lnTo>
                <a:lnTo>
                  <a:pt x="8768" y="2050"/>
                </a:lnTo>
                <a:lnTo>
                  <a:pt x="8764" y="2070"/>
                </a:lnTo>
                <a:lnTo>
                  <a:pt x="8760" y="2090"/>
                </a:lnTo>
                <a:lnTo>
                  <a:pt x="8759" y="2110"/>
                </a:lnTo>
                <a:lnTo>
                  <a:pt x="8760" y="2128"/>
                </a:lnTo>
                <a:lnTo>
                  <a:pt x="8762" y="2146"/>
                </a:lnTo>
                <a:lnTo>
                  <a:pt x="8764" y="2161"/>
                </a:lnTo>
                <a:lnTo>
                  <a:pt x="8767" y="2176"/>
                </a:lnTo>
                <a:lnTo>
                  <a:pt x="8771" y="2191"/>
                </a:lnTo>
                <a:lnTo>
                  <a:pt x="8776" y="2205"/>
                </a:lnTo>
                <a:lnTo>
                  <a:pt x="8781" y="2218"/>
                </a:lnTo>
                <a:lnTo>
                  <a:pt x="8788" y="2231"/>
                </a:lnTo>
                <a:lnTo>
                  <a:pt x="8796" y="2243"/>
                </a:lnTo>
                <a:lnTo>
                  <a:pt x="8803" y="2254"/>
                </a:lnTo>
                <a:lnTo>
                  <a:pt x="8812" y="2265"/>
                </a:lnTo>
                <a:lnTo>
                  <a:pt x="8822" y="2275"/>
                </a:lnTo>
                <a:lnTo>
                  <a:pt x="8832" y="2285"/>
                </a:lnTo>
                <a:lnTo>
                  <a:pt x="8843" y="2294"/>
                </a:lnTo>
                <a:lnTo>
                  <a:pt x="8854" y="2303"/>
                </a:lnTo>
                <a:lnTo>
                  <a:pt x="8866" y="2310"/>
                </a:lnTo>
                <a:lnTo>
                  <a:pt x="8878" y="2318"/>
                </a:lnTo>
                <a:lnTo>
                  <a:pt x="8891" y="2325"/>
                </a:lnTo>
                <a:lnTo>
                  <a:pt x="8905" y="2331"/>
                </a:lnTo>
                <a:lnTo>
                  <a:pt x="8918" y="2337"/>
                </a:lnTo>
                <a:lnTo>
                  <a:pt x="8932" y="2342"/>
                </a:lnTo>
                <a:lnTo>
                  <a:pt x="8947" y="2346"/>
                </a:lnTo>
                <a:lnTo>
                  <a:pt x="8962" y="2351"/>
                </a:lnTo>
                <a:lnTo>
                  <a:pt x="8978" y="2354"/>
                </a:lnTo>
                <a:lnTo>
                  <a:pt x="9010" y="2361"/>
                </a:lnTo>
                <a:lnTo>
                  <a:pt x="9043" y="2364"/>
                </a:lnTo>
                <a:lnTo>
                  <a:pt x="9076" y="2367"/>
                </a:lnTo>
                <a:lnTo>
                  <a:pt x="9111" y="2367"/>
                </a:lnTo>
                <a:lnTo>
                  <a:pt x="9137" y="2367"/>
                </a:lnTo>
                <a:lnTo>
                  <a:pt x="9161" y="2366"/>
                </a:lnTo>
                <a:lnTo>
                  <a:pt x="9184" y="2364"/>
                </a:lnTo>
                <a:lnTo>
                  <a:pt x="9207" y="2362"/>
                </a:lnTo>
                <a:lnTo>
                  <a:pt x="9228" y="2359"/>
                </a:lnTo>
                <a:lnTo>
                  <a:pt x="9249" y="2354"/>
                </a:lnTo>
                <a:lnTo>
                  <a:pt x="9269" y="2350"/>
                </a:lnTo>
                <a:lnTo>
                  <a:pt x="9288" y="2344"/>
                </a:lnTo>
                <a:lnTo>
                  <a:pt x="9307" y="2338"/>
                </a:lnTo>
                <a:lnTo>
                  <a:pt x="9325" y="2330"/>
                </a:lnTo>
                <a:lnTo>
                  <a:pt x="9341" y="2322"/>
                </a:lnTo>
                <a:lnTo>
                  <a:pt x="9358" y="2312"/>
                </a:lnTo>
                <a:lnTo>
                  <a:pt x="9373" y="2303"/>
                </a:lnTo>
                <a:lnTo>
                  <a:pt x="9387" y="2293"/>
                </a:lnTo>
                <a:lnTo>
                  <a:pt x="9402" y="2281"/>
                </a:lnTo>
                <a:lnTo>
                  <a:pt x="9415" y="2269"/>
                </a:lnTo>
                <a:lnTo>
                  <a:pt x="9419" y="2269"/>
                </a:lnTo>
                <a:lnTo>
                  <a:pt x="9419" y="2349"/>
                </a:lnTo>
                <a:lnTo>
                  <a:pt x="9653" y="2349"/>
                </a:lnTo>
                <a:lnTo>
                  <a:pt x="9653" y="1844"/>
                </a:lnTo>
                <a:close/>
                <a:moveTo>
                  <a:pt x="8363" y="1545"/>
                </a:moveTo>
                <a:lnTo>
                  <a:pt x="8363" y="1622"/>
                </a:lnTo>
                <a:lnTo>
                  <a:pt x="8359" y="1622"/>
                </a:lnTo>
                <a:lnTo>
                  <a:pt x="8348" y="1612"/>
                </a:lnTo>
                <a:lnTo>
                  <a:pt x="8337" y="1602"/>
                </a:lnTo>
                <a:lnTo>
                  <a:pt x="8325" y="1593"/>
                </a:lnTo>
                <a:lnTo>
                  <a:pt x="8311" y="1584"/>
                </a:lnTo>
                <a:lnTo>
                  <a:pt x="8297" y="1576"/>
                </a:lnTo>
                <a:lnTo>
                  <a:pt x="8282" y="1568"/>
                </a:lnTo>
                <a:lnTo>
                  <a:pt x="8265" y="1561"/>
                </a:lnTo>
                <a:lnTo>
                  <a:pt x="8248" y="1555"/>
                </a:lnTo>
                <a:lnTo>
                  <a:pt x="8229" y="1548"/>
                </a:lnTo>
                <a:lnTo>
                  <a:pt x="8209" y="1544"/>
                </a:lnTo>
                <a:lnTo>
                  <a:pt x="8188" y="1539"/>
                </a:lnTo>
                <a:lnTo>
                  <a:pt x="8166" y="1535"/>
                </a:lnTo>
                <a:lnTo>
                  <a:pt x="8143" y="1533"/>
                </a:lnTo>
                <a:lnTo>
                  <a:pt x="8118" y="1531"/>
                </a:lnTo>
                <a:lnTo>
                  <a:pt x="8092" y="1528"/>
                </a:lnTo>
                <a:lnTo>
                  <a:pt x="8063" y="1528"/>
                </a:lnTo>
                <a:lnTo>
                  <a:pt x="8036" y="1528"/>
                </a:lnTo>
                <a:lnTo>
                  <a:pt x="8009" y="1531"/>
                </a:lnTo>
                <a:lnTo>
                  <a:pt x="7984" y="1534"/>
                </a:lnTo>
                <a:lnTo>
                  <a:pt x="7960" y="1538"/>
                </a:lnTo>
                <a:lnTo>
                  <a:pt x="7935" y="1544"/>
                </a:lnTo>
                <a:lnTo>
                  <a:pt x="7913" y="1549"/>
                </a:lnTo>
                <a:lnTo>
                  <a:pt x="7891" y="1557"/>
                </a:lnTo>
                <a:lnTo>
                  <a:pt x="7871" y="1566"/>
                </a:lnTo>
                <a:lnTo>
                  <a:pt x="7851" y="1575"/>
                </a:lnTo>
                <a:lnTo>
                  <a:pt x="7832" y="1584"/>
                </a:lnTo>
                <a:lnTo>
                  <a:pt x="7813" y="1595"/>
                </a:lnTo>
                <a:lnTo>
                  <a:pt x="7797" y="1608"/>
                </a:lnTo>
                <a:lnTo>
                  <a:pt x="7780" y="1620"/>
                </a:lnTo>
                <a:lnTo>
                  <a:pt x="7765" y="1633"/>
                </a:lnTo>
                <a:lnTo>
                  <a:pt x="7751" y="1647"/>
                </a:lnTo>
                <a:lnTo>
                  <a:pt x="7737" y="1661"/>
                </a:lnTo>
                <a:lnTo>
                  <a:pt x="7724" y="1677"/>
                </a:lnTo>
                <a:lnTo>
                  <a:pt x="7713" y="1692"/>
                </a:lnTo>
                <a:lnTo>
                  <a:pt x="7702" y="1709"/>
                </a:lnTo>
                <a:lnTo>
                  <a:pt x="7691" y="1725"/>
                </a:lnTo>
                <a:lnTo>
                  <a:pt x="7682" y="1741"/>
                </a:lnTo>
                <a:lnTo>
                  <a:pt x="7674" y="1759"/>
                </a:lnTo>
                <a:lnTo>
                  <a:pt x="7666" y="1777"/>
                </a:lnTo>
                <a:lnTo>
                  <a:pt x="7659" y="1794"/>
                </a:lnTo>
                <a:lnTo>
                  <a:pt x="7654" y="1813"/>
                </a:lnTo>
                <a:lnTo>
                  <a:pt x="7648" y="1830"/>
                </a:lnTo>
                <a:lnTo>
                  <a:pt x="7644" y="1849"/>
                </a:lnTo>
                <a:lnTo>
                  <a:pt x="7641" y="1868"/>
                </a:lnTo>
                <a:lnTo>
                  <a:pt x="7638" y="1886"/>
                </a:lnTo>
                <a:lnTo>
                  <a:pt x="7636" y="1905"/>
                </a:lnTo>
                <a:lnTo>
                  <a:pt x="7635" y="1924"/>
                </a:lnTo>
                <a:lnTo>
                  <a:pt x="7635" y="1942"/>
                </a:lnTo>
                <a:lnTo>
                  <a:pt x="7635" y="1963"/>
                </a:lnTo>
                <a:lnTo>
                  <a:pt x="7636" y="1985"/>
                </a:lnTo>
                <a:lnTo>
                  <a:pt x="7638" y="2006"/>
                </a:lnTo>
                <a:lnTo>
                  <a:pt x="7641" y="2026"/>
                </a:lnTo>
                <a:lnTo>
                  <a:pt x="7645" y="2046"/>
                </a:lnTo>
                <a:lnTo>
                  <a:pt x="7649" y="2065"/>
                </a:lnTo>
                <a:lnTo>
                  <a:pt x="7654" y="2085"/>
                </a:lnTo>
                <a:lnTo>
                  <a:pt x="7660" y="2104"/>
                </a:lnTo>
                <a:lnTo>
                  <a:pt x="7667" y="2121"/>
                </a:lnTo>
                <a:lnTo>
                  <a:pt x="7675" y="2139"/>
                </a:lnTo>
                <a:lnTo>
                  <a:pt x="7682" y="2157"/>
                </a:lnTo>
                <a:lnTo>
                  <a:pt x="7691" y="2173"/>
                </a:lnTo>
                <a:lnTo>
                  <a:pt x="7701" y="2188"/>
                </a:lnTo>
                <a:lnTo>
                  <a:pt x="7712" y="2204"/>
                </a:lnTo>
                <a:lnTo>
                  <a:pt x="7724" y="2219"/>
                </a:lnTo>
                <a:lnTo>
                  <a:pt x="7736" y="2233"/>
                </a:lnTo>
                <a:lnTo>
                  <a:pt x="7750" y="2247"/>
                </a:lnTo>
                <a:lnTo>
                  <a:pt x="7764" y="2259"/>
                </a:lnTo>
                <a:lnTo>
                  <a:pt x="7778" y="2272"/>
                </a:lnTo>
                <a:lnTo>
                  <a:pt x="7794" y="2283"/>
                </a:lnTo>
                <a:lnTo>
                  <a:pt x="7810" y="2294"/>
                </a:lnTo>
                <a:lnTo>
                  <a:pt x="7828" y="2304"/>
                </a:lnTo>
                <a:lnTo>
                  <a:pt x="7845" y="2312"/>
                </a:lnTo>
                <a:lnTo>
                  <a:pt x="7865" y="2321"/>
                </a:lnTo>
                <a:lnTo>
                  <a:pt x="7884" y="2329"/>
                </a:lnTo>
                <a:lnTo>
                  <a:pt x="7905" y="2336"/>
                </a:lnTo>
                <a:lnTo>
                  <a:pt x="7927" y="2341"/>
                </a:lnTo>
                <a:lnTo>
                  <a:pt x="7949" y="2346"/>
                </a:lnTo>
                <a:lnTo>
                  <a:pt x="7972" y="2350"/>
                </a:lnTo>
                <a:lnTo>
                  <a:pt x="7996" y="2353"/>
                </a:lnTo>
                <a:lnTo>
                  <a:pt x="8020" y="2356"/>
                </a:lnTo>
                <a:lnTo>
                  <a:pt x="8045" y="2357"/>
                </a:lnTo>
                <a:lnTo>
                  <a:pt x="8072" y="2357"/>
                </a:lnTo>
                <a:lnTo>
                  <a:pt x="8097" y="2356"/>
                </a:lnTo>
                <a:lnTo>
                  <a:pt x="8121" y="2354"/>
                </a:lnTo>
                <a:lnTo>
                  <a:pt x="8146" y="2350"/>
                </a:lnTo>
                <a:lnTo>
                  <a:pt x="8168" y="2345"/>
                </a:lnTo>
                <a:lnTo>
                  <a:pt x="8190" y="2340"/>
                </a:lnTo>
                <a:lnTo>
                  <a:pt x="8210" y="2333"/>
                </a:lnTo>
                <a:lnTo>
                  <a:pt x="8230" y="2326"/>
                </a:lnTo>
                <a:lnTo>
                  <a:pt x="8249" y="2318"/>
                </a:lnTo>
                <a:lnTo>
                  <a:pt x="8267" y="2309"/>
                </a:lnTo>
                <a:lnTo>
                  <a:pt x="8283" y="2299"/>
                </a:lnTo>
                <a:lnTo>
                  <a:pt x="8298" y="2290"/>
                </a:lnTo>
                <a:lnTo>
                  <a:pt x="8313" y="2281"/>
                </a:lnTo>
                <a:lnTo>
                  <a:pt x="8326" y="2272"/>
                </a:lnTo>
                <a:lnTo>
                  <a:pt x="8337" y="2262"/>
                </a:lnTo>
                <a:lnTo>
                  <a:pt x="8348" y="2253"/>
                </a:lnTo>
                <a:lnTo>
                  <a:pt x="8351" y="2253"/>
                </a:lnTo>
                <a:lnTo>
                  <a:pt x="8351" y="2255"/>
                </a:lnTo>
                <a:lnTo>
                  <a:pt x="8351" y="2263"/>
                </a:lnTo>
                <a:lnTo>
                  <a:pt x="8351" y="2274"/>
                </a:lnTo>
                <a:lnTo>
                  <a:pt x="8351" y="2286"/>
                </a:lnTo>
                <a:lnTo>
                  <a:pt x="8351" y="2309"/>
                </a:lnTo>
                <a:lnTo>
                  <a:pt x="8349" y="2332"/>
                </a:lnTo>
                <a:lnTo>
                  <a:pt x="8345" y="2355"/>
                </a:lnTo>
                <a:lnTo>
                  <a:pt x="8340" y="2377"/>
                </a:lnTo>
                <a:lnTo>
                  <a:pt x="8336" y="2388"/>
                </a:lnTo>
                <a:lnTo>
                  <a:pt x="8333" y="2398"/>
                </a:lnTo>
                <a:lnTo>
                  <a:pt x="8328" y="2408"/>
                </a:lnTo>
                <a:lnTo>
                  <a:pt x="8323" y="2418"/>
                </a:lnTo>
                <a:lnTo>
                  <a:pt x="8317" y="2428"/>
                </a:lnTo>
                <a:lnTo>
                  <a:pt x="8311" y="2438"/>
                </a:lnTo>
                <a:lnTo>
                  <a:pt x="8303" y="2446"/>
                </a:lnTo>
                <a:lnTo>
                  <a:pt x="8295" y="2455"/>
                </a:lnTo>
                <a:lnTo>
                  <a:pt x="8287" y="2464"/>
                </a:lnTo>
                <a:lnTo>
                  <a:pt x="8278" y="2472"/>
                </a:lnTo>
                <a:lnTo>
                  <a:pt x="8268" y="2479"/>
                </a:lnTo>
                <a:lnTo>
                  <a:pt x="8257" y="2486"/>
                </a:lnTo>
                <a:lnTo>
                  <a:pt x="8245" y="2493"/>
                </a:lnTo>
                <a:lnTo>
                  <a:pt x="8232" y="2499"/>
                </a:lnTo>
                <a:lnTo>
                  <a:pt x="8218" y="2505"/>
                </a:lnTo>
                <a:lnTo>
                  <a:pt x="8204" y="2510"/>
                </a:lnTo>
                <a:lnTo>
                  <a:pt x="8188" y="2514"/>
                </a:lnTo>
                <a:lnTo>
                  <a:pt x="8172" y="2519"/>
                </a:lnTo>
                <a:lnTo>
                  <a:pt x="8154" y="2522"/>
                </a:lnTo>
                <a:lnTo>
                  <a:pt x="8136" y="2525"/>
                </a:lnTo>
                <a:lnTo>
                  <a:pt x="8116" y="2528"/>
                </a:lnTo>
                <a:lnTo>
                  <a:pt x="8096" y="2530"/>
                </a:lnTo>
                <a:lnTo>
                  <a:pt x="8074" y="2531"/>
                </a:lnTo>
                <a:lnTo>
                  <a:pt x="8051" y="2531"/>
                </a:lnTo>
                <a:lnTo>
                  <a:pt x="8012" y="2530"/>
                </a:lnTo>
                <a:lnTo>
                  <a:pt x="7973" y="2528"/>
                </a:lnTo>
                <a:lnTo>
                  <a:pt x="7933" y="2523"/>
                </a:lnTo>
                <a:lnTo>
                  <a:pt x="7893" y="2517"/>
                </a:lnTo>
                <a:lnTo>
                  <a:pt x="7873" y="2512"/>
                </a:lnTo>
                <a:lnTo>
                  <a:pt x="7852" y="2507"/>
                </a:lnTo>
                <a:lnTo>
                  <a:pt x="7832" y="2501"/>
                </a:lnTo>
                <a:lnTo>
                  <a:pt x="7811" y="2495"/>
                </a:lnTo>
                <a:lnTo>
                  <a:pt x="7791" y="2488"/>
                </a:lnTo>
                <a:lnTo>
                  <a:pt x="7770" y="2480"/>
                </a:lnTo>
                <a:lnTo>
                  <a:pt x="7751" y="2472"/>
                </a:lnTo>
                <a:lnTo>
                  <a:pt x="7730" y="2463"/>
                </a:lnTo>
                <a:lnTo>
                  <a:pt x="7730" y="2648"/>
                </a:lnTo>
                <a:lnTo>
                  <a:pt x="7750" y="2655"/>
                </a:lnTo>
                <a:lnTo>
                  <a:pt x="7770" y="2662"/>
                </a:lnTo>
                <a:lnTo>
                  <a:pt x="7790" y="2666"/>
                </a:lnTo>
                <a:lnTo>
                  <a:pt x="7811" y="2672"/>
                </a:lnTo>
                <a:lnTo>
                  <a:pt x="7854" y="2679"/>
                </a:lnTo>
                <a:lnTo>
                  <a:pt x="7898" y="2686"/>
                </a:lnTo>
                <a:lnTo>
                  <a:pt x="7943" y="2691"/>
                </a:lnTo>
                <a:lnTo>
                  <a:pt x="7990" y="2695"/>
                </a:lnTo>
                <a:lnTo>
                  <a:pt x="8039" y="2697"/>
                </a:lnTo>
                <a:lnTo>
                  <a:pt x="8088" y="2697"/>
                </a:lnTo>
                <a:lnTo>
                  <a:pt x="8127" y="2697"/>
                </a:lnTo>
                <a:lnTo>
                  <a:pt x="8163" y="2695"/>
                </a:lnTo>
                <a:lnTo>
                  <a:pt x="8198" y="2691"/>
                </a:lnTo>
                <a:lnTo>
                  <a:pt x="8231" y="2687"/>
                </a:lnTo>
                <a:lnTo>
                  <a:pt x="8262" y="2681"/>
                </a:lnTo>
                <a:lnTo>
                  <a:pt x="8292" y="2675"/>
                </a:lnTo>
                <a:lnTo>
                  <a:pt x="8319" y="2667"/>
                </a:lnTo>
                <a:lnTo>
                  <a:pt x="8346" y="2658"/>
                </a:lnTo>
                <a:lnTo>
                  <a:pt x="8371" y="2648"/>
                </a:lnTo>
                <a:lnTo>
                  <a:pt x="8394" y="2637"/>
                </a:lnTo>
                <a:lnTo>
                  <a:pt x="8416" y="2626"/>
                </a:lnTo>
                <a:lnTo>
                  <a:pt x="8436" y="2614"/>
                </a:lnTo>
                <a:lnTo>
                  <a:pt x="8455" y="2601"/>
                </a:lnTo>
                <a:lnTo>
                  <a:pt x="8472" y="2587"/>
                </a:lnTo>
                <a:lnTo>
                  <a:pt x="8489" y="2572"/>
                </a:lnTo>
                <a:lnTo>
                  <a:pt x="8504" y="2556"/>
                </a:lnTo>
                <a:lnTo>
                  <a:pt x="8518" y="2541"/>
                </a:lnTo>
                <a:lnTo>
                  <a:pt x="8531" y="2524"/>
                </a:lnTo>
                <a:lnTo>
                  <a:pt x="8542" y="2507"/>
                </a:lnTo>
                <a:lnTo>
                  <a:pt x="8553" y="2489"/>
                </a:lnTo>
                <a:lnTo>
                  <a:pt x="8561" y="2472"/>
                </a:lnTo>
                <a:lnTo>
                  <a:pt x="8570" y="2453"/>
                </a:lnTo>
                <a:lnTo>
                  <a:pt x="8578" y="2433"/>
                </a:lnTo>
                <a:lnTo>
                  <a:pt x="8583" y="2415"/>
                </a:lnTo>
                <a:lnTo>
                  <a:pt x="8589" y="2395"/>
                </a:lnTo>
                <a:lnTo>
                  <a:pt x="8593" y="2375"/>
                </a:lnTo>
                <a:lnTo>
                  <a:pt x="8598" y="2355"/>
                </a:lnTo>
                <a:lnTo>
                  <a:pt x="8601" y="2336"/>
                </a:lnTo>
                <a:lnTo>
                  <a:pt x="8603" y="2315"/>
                </a:lnTo>
                <a:lnTo>
                  <a:pt x="8604" y="2295"/>
                </a:lnTo>
                <a:lnTo>
                  <a:pt x="8605" y="2274"/>
                </a:lnTo>
                <a:lnTo>
                  <a:pt x="8605" y="2254"/>
                </a:lnTo>
                <a:lnTo>
                  <a:pt x="8605" y="1545"/>
                </a:lnTo>
                <a:lnTo>
                  <a:pt x="8363" y="1545"/>
                </a:lnTo>
                <a:close/>
                <a:moveTo>
                  <a:pt x="6536" y="1946"/>
                </a:moveTo>
                <a:lnTo>
                  <a:pt x="6535" y="1975"/>
                </a:lnTo>
                <a:lnTo>
                  <a:pt x="6533" y="2003"/>
                </a:lnTo>
                <a:lnTo>
                  <a:pt x="6529" y="2029"/>
                </a:lnTo>
                <a:lnTo>
                  <a:pt x="6521" y="2053"/>
                </a:lnTo>
                <a:lnTo>
                  <a:pt x="6518" y="2065"/>
                </a:lnTo>
                <a:lnTo>
                  <a:pt x="6513" y="2077"/>
                </a:lnTo>
                <a:lnTo>
                  <a:pt x="6508" y="2088"/>
                </a:lnTo>
                <a:lnTo>
                  <a:pt x="6502" y="2098"/>
                </a:lnTo>
                <a:lnTo>
                  <a:pt x="6496" y="2109"/>
                </a:lnTo>
                <a:lnTo>
                  <a:pt x="6489" y="2119"/>
                </a:lnTo>
                <a:lnTo>
                  <a:pt x="6482" y="2128"/>
                </a:lnTo>
                <a:lnTo>
                  <a:pt x="6475" y="2137"/>
                </a:lnTo>
                <a:lnTo>
                  <a:pt x="6467" y="2146"/>
                </a:lnTo>
                <a:lnTo>
                  <a:pt x="6458" y="2153"/>
                </a:lnTo>
                <a:lnTo>
                  <a:pt x="6449" y="2161"/>
                </a:lnTo>
                <a:lnTo>
                  <a:pt x="6439" y="2168"/>
                </a:lnTo>
                <a:lnTo>
                  <a:pt x="6430" y="2174"/>
                </a:lnTo>
                <a:lnTo>
                  <a:pt x="6420" y="2181"/>
                </a:lnTo>
                <a:lnTo>
                  <a:pt x="6409" y="2186"/>
                </a:lnTo>
                <a:lnTo>
                  <a:pt x="6397" y="2191"/>
                </a:lnTo>
                <a:lnTo>
                  <a:pt x="6384" y="2195"/>
                </a:lnTo>
                <a:lnTo>
                  <a:pt x="6372" y="2199"/>
                </a:lnTo>
                <a:lnTo>
                  <a:pt x="6359" y="2203"/>
                </a:lnTo>
                <a:lnTo>
                  <a:pt x="6345" y="2205"/>
                </a:lnTo>
                <a:lnTo>
                  <a:pt x="6332" y="2207"/>
                </a:lnTo>
                <a:lnTo>
                  <a:pt x="6316" y="2209"/>
                </a:lnTo>
                <a:lnTo>
                  <a:pt x="6302" y="2210"/>
                </a:lnTo>
                <a:lnTo>
                  <a:pt x="6285" y="2210"/>
                </a:lnTo>
                <a:lnTo>
                  <a:pt x="6270" y="2210"/>
                </a:lnTo>
                <a:lnTo>
                  <a:pt x="6256" y="2209"/>
                </a:lnTo>
                <a:lnTo>
                  <a:pt x="6240" y="2207"/>
                </a:lnTo>
                <a:lnTo>
                  <a:pt x="6227" y="2205"/>
                </a:lnTo>
                <a:lnTo>
                  <a:pt x="6213" y="2203"/>
                </a:lnTo>
                <a:lnTo>
                  <a:pt x="6200" y="2199"/>
                </a:lnTo>
                <a:lnTo>
                  <a:pt x="6188" y="2195"/>
                </a:lnTo>
                <a:lnTo>
                  <a:pt x="6175" y="2191"/>
                </a:lnTo>
                <a:lnTo>
                  <a:pt x="6164" y="2186"/>
                </a:lnTo>
                <a:lnTo>
                  <a:pt x="6153" y="2181"/>
                </a:lnTo>
                <a:lnTo>
                  <a:pt x="6142" y="2174"/>
                </a:lnTo>
                <a:lnTo>
                  <a:pt x="6133" y="2168"/>
                </a:lnTo>
                <a:lnTo>
                  <a:pt x="6123" y="2161"/>
                </a:lnTo>
                <a:lnTo>
                  <a:pt x="6114" y="2153"/>
                </a:lnTo>
                <a:lnTo>
                  <a:pt x="6105" y="2146"/>
                </a:lnTo>
                <a:lnTo>
                  <a:pt x="6097" y="2137"/>
                </a:lnTo>
                <a:lnTo>
                  <a:pt x="6090" y="2128"/>
                </a:lnTo>
                <a:lnTo>
                  <a:pt x="6082" y="2119"/>
                </a:lnTo>
                <a:lnTo>
                  <a:pt x="6076" y="2109"/>
                </a:lnTo>
                <a:lnTo>
                  <a:pt x="6070" y="2098"/>
                </a:lnTo>
                <a:lnTo>
                  <a:pt x="6064" y="2088"/>
                </a:lnTo>
                <a:lnTo>
                  <a:pt x="6059" y="2077"/>
                </a:lnTo>
                <a:lnTo>
                  <a:pt x="6054" y="2065"/>
                </a:lnTo>
                <a:lnTo>
                  <a:pt x="6050" y="2053"/>
                </a:lnTo>
                <a:lnTo>
                  <a:pt x="6047" y="2041"/>
                </a:lnTo>
                <a:lnTo>
                  <a:pt x="6043" y="2029"/>
                </a:lnTo>
                <a:lnTo>
                  <a:pt x="6041" y="2016"/>
                </a:lnTo>
                <a:lnTo>
                  <a:pt x="6039" y="2003"/>
                </a:lnTo>
                <a:lnTo>
                  <a:pt x="6036" y="1975"/>
                </a:lnTo>
                <a:lnTo>
                  <a:pt x="6035" y="1946"/>
                </a:lnTo>
                <a:lnTo>
                  <a:pt x="6036" y="1917"/>
                </a:lnTo>
                <a:lnTo>
                  <a:pt x="6039" y="1890"/>
                </a:lnTo>
                <a:lnTo>
                  <a:pt x="6041" y="1877"/>
                </a:lnTo>
                <a:lnTo>
                  <a:pt x="6043" y="1863"/>
                </a:lnTo>
                <a:lnTo>
                  <a:pt x="6047" y="1851"/>
                </a:lnTo>
                <a:lnTo>
                  <a:pt x="6050" y="1838"/>
                </a:lnTo>
                <a:lnTo>
                  <a:pt x="6054" y="1827"/>
                </a:lnTo>
                <a:lnTo>
                  <a:pt x="6059" y="1815"/>
                </a:lnTo>
                <a:lnTo>
                  <a:pt x="6064" y="1804"/>
                </a:lnTo>
                <a:lnTo>
                  <a:pt x="6070" y="1793"/>
                </a:lnTo>
                <a:lnTo>
                  <a:pt x="6076" y="1783"/>
                </a:lnTo>
                <a:lnTo>
                  <a:pt x="6082" y="1773"/>
                </a:lnTo>
                <a:lnTo>
                  <a:pt x="6090" y="1763"/>
                </a:lnTo>
                <a:lnTo>
                  <a:pt x="6097" y="1755"/>
                </a:lnTo>
                <a:lnTo>
                  <a:pt x="6105" y="1746"/>
                </a:lnTo>
                <a:lnTo>
                  <a:pt x="6114" y="1738"/>
                </a:lnTo>
                <a:lnTo>
                  <a:pt x="6123" y="1730"/>
                </a:lnTo>
                <a:lnTo>
                  <a:pt x="6133" y="1724"/>
                </a:lnTo>
                <a:lnTo>
                  <a:pt x="6142" y="1717"/>
                </a:lnTo>
                <a:lnTo>
                  <a:pt x="6153" y="1711"/>
                </a:lnTo>
                <a:lnTo>
                  <a:pt x="6164" y="1705"/>
                </a:lnTo>
                <a:lnTo>
                  <a:pt x="6175" y="1701"/>
                </a:lnTo>
                <a:lnTo>
                  <a:pt x="6188" y="1696"/>
                </a:lnTo>
                <a:lnTo>
                  <a:pt x="6200" y="1692"/>
                </a:lnTo>
                <a:lnTo>
                  <a:pt x="6213" y="1689"/>
                </a:lnTo>
                <a:lnTo>
                  <a:pt x="6227" y="1687"/>
                </a:lnTo>
                <a:lnTo>
                  <a:pt x="6240" y="1684"/>
                </a:lnTo>
                <a:lnTo>
                  <a:pt x="6256" y="1682"/>
                </a:lnTo>
                <a:lnTo>
                  <a:pt x="6270" y="1681"/>
                </a:lnTo>
                <a:lnTo>
                  <a:pt x="6285" y="1681"/>
                </a:lnTo>
                <a:lnTo>
                  <a:pt x="6302" y="1681"/>
                </a:lnTo>
                <a:lnTo>
                  <a:pt x="6316" y="1682"/>
                </a:lnTo>
                <a:lnTo>
                  <a:pt x="6332" y="1684"/>
                </a:lnTo>
                <a:lnTo>
                  <a:pt x="6345" y="1687"/>
                </a:lnTo>
                <a:lnTo>
                  <a:pt x="6359" y="1689"/>
                </a:lnTo>
                <a:lnTo>
                  <a:pt x="6372" y="1692"/>
                </a:lnTo>
                <a:lnTo>
                  <a:pt x="6384" y="1696"/>
                </a:lnTo>
                <a:lnTo>
                  <a:pt x="6397" y="1701"/>
                </a:lnTo>
                <a:lnTo>
                  <a:pt x="6409" y="1705"/>
                </a:lnTo>
                <a:lnTo>
                  <a:pt x="6420" y="1711"/>
                </a:lnTo>
                <a:lnTo>
                  <a:pt x="6430" y="1717"/>
                </a:lnTo>
                <a:lnTo>
                  <a:pt x="6439" y="1724"/>
                </a:lnTo>
                <a:lnTo>
                  <a:pt x="6449" y="1730"/>
                </a:lnTo>
                <a:lnTo>
                  <a:pt x="6458" y="1738"/>
                </a:lnTo>
                <a:lnTo>
                  <a:pt x="6467" y="1746"/>
                </a:lnTo>
                <a:lnTo>
                  <a:pt x="6475" y="1755"/>
                </a:lnTo>
                <a:lnTo>
                  <a:pt x="6482" y="1763"/>
                </a:lnTo>
                <a:lnTo>
                  <a:pt x="6489" y="1773"/>
                </a:lnTo>
                <a:lnTo>
                  <a:pt x="6496" y="1783"/>
                </a:lnTo>
                <a:lnTo>
                  <a:pt x="6502" y="1793"/>
                </a:lnTo>
                <a:lnTo>
                  <a:pt x="6508" y="1804"/>
                </a:lnTo>
                <a:lnTo>
                  <a:pt x="6513" y="1815"/>
                </a:lnTo>
                <a:lnTo>
                  <a:pt x="6518" y="1827"/>
                </a:lnTo>
                <a:lnTo>
                  <a:pt x="6521" y="1838"/>
                </a:lnTo>
                <a:lnTo>
                  <a:pt x="6529" y="1863"/>
                </a:lnTo>
                <a:lnTo>
                  <a:pt x="6533" y="1890"/>
                </a:lnTo>
                <a:lnTo>
                  <a:pt x="6535" y="1917"/>
                </a:lnTo>
                <a:lnTo>
                  <a:pt x="6536" y="1946"/>
                </a:lnTo>
                <a:close/>
                <a:moveTo>
                  <a:pt x="1833" y="624"/>
                </a:moveTo>
                <a:lnTo>
                  <a:pt x="1313" y="624"/>
                </a:lnTo>
                <a:lnTo>
                  <a:pt x="1313" y="1829"/>
                </a:lnTo>
                <a:lnTo>
                  <a:pt x="1833" y="1311"/>
                </a:lnTo>
                <a:lnTo>
                  <a:pt x="1833" y="624"/>
                </a:lnTo>
                <a:close/>
                <a:moveTo>
                  <a:pt x="9904" y="3711"/>
                </a:moveTo>
                <a:lnTo>
                  <a:pt x="9786" y="3711"/>
                </a:lnTo>
                <a:lnTo>
                  <a:pt x="9786" y="3957"/>
                </a:lnTo>
                <a:lnTo>
                  <a:pt x="9786" y="3967"/>
                </a:lnTo>
                <a:lnTo>
                  <a:pt x="9787" y="3976"/>
                </a:lnTo>
                <a:lnTo>
                  <a:pt x="9789" y="3984"/>
                </a:lnTo>
                <a:lnTo>
                  <a:pt x="9791" y="3991"/>
                </a:lnTo>
                <a:lnTo>
                  <a:pt x="9794" y="3999"/>
                </a:lnTo>
                <a:lnTo>
                  <a:pt x="9798" y="4006"/>
                </a:lnTo>
                <a:lnTo>
                  <a:pt x="9801" y="4011"/>
                </a:lnTo>
                <a:lnTo>
                  <a:pt x="9807" y="4017"/>
                </a:lnTo>
                <a:lnTo>
                  <a:pt x="9811" y="4022"/>
                </a:lnTo>
                <a:lnTo>
                  <a:pt x="9816" y="4025"/>
                </a:lnTo>
                <a:lnTo>
                  <a:pt x="9822" y="4030"/>
                </a:lnTo>
                <a:lnTo>
                  <a:pt x="9829" y="4032"/>
                </a:lnTo>
                <a:lnTo>
                  <a:pt x="9835" y="4034"/>
                </a:lnTo>
                <a:lnTo>
                  <a:pt x="9842" y="4036"/>
                </a:lnTo>
                <a:lnTo>
                  <a:pt x="9848" y="4037"/>
                </a:lnTo>
                <a:lnTo>
                  <a:pt x="9855" y="4037"/>
                </a:lnTo>
                <a:lnTo>
                  <a:pt x="9865" y="4037"/>
                </a:lnTo>
                <a:lnTo>
                  <a:pt x="9874" y="4036"/>
                </a:lnTo>
                <a:lnTo>
                  <a:pt x="9881" y="4034"/>
                </a:lnTo>
                <a:lnTo>
                  <a:pt x="9889" y="4033"/>
                </a:lnTo>
                <a:lnTo>
                  <a:pt x="9901" y="4028"/>
                </a:lnTo>
                <a:lnTo>
                  <a:pt x="9912" y="4022"/>
                </a:lnTo>
                <a:lnTo>
                  <a:pt x="9912" y="4092"/>
                </a:lnTo>
                <a:lnTo>
                  <a:pt x="9897" y="4097"/>
                </a:lnTo>
                <a:lnTo>
                  <a:pt x="9879" y="4100"/>
                </a:lnTo>
                <a:lnTo>
                  <a:pt x="9860" y="4103"/>
                </a:lnTo>
                <a:lnTo>
                  <a:pt x="9842" y="4104"/>
                </a:lnTo>
                <a:lnTo>
                  <a:pt x="9825" y="4104"/>
                </a:lnTo>
                <a:lnTo>
                  <a:pt x="9811" y="4103"/>
                </a:lnTo>
                <a:lnTo>
                  <a:pt x="9797" y="4100"/>
                </a:lnTo>
                <a:lnTo>
                  <a:pt x="9783" y="4097"/>
                </a:lnTo>
                <a:lnTo>
                  <a:pt x="9771" y="4092"/>
                </a:lnTo>
                <a:lnTo>
                  <a:pt x="9759" y="4087"/>
                </a:lnTo>
                <a:lnTo>
                  <a:pt x="9749" y="4080"/>
                </a:lnTo>
                <a:lnTo>
                  <a:pt x="9739" y="4073"/>
                </a:lnTo>
                <a:lnTo>
                  <a:pt x="9731" y="4065"/>
                </a:lnTo>
                <a:lnTo>
                  <a:pt x="9724" y="4055"/>
                </a:lnTo>
                <a:lnTo>
                  <a:pt x="9717" y="4044"/>
                </a:lnTo>
                <a:lnTo>
                  <a:pt x="9712" y="4032"/>
                </a:lnTo>
                <a:lnTo>
                  <a:pt x="9708" y="4020"/>
                </a:lnTo>
                <a:lnTo>
                  <a:pt x="9704" y="4006"/>
                </a:lnTo>
                <a:lnTo>
                  <a:pt x="9703" y="3990"/>
                </a:lnTo>
                <a:lnTo>
                  <a:pt x="9702" y="3974"/>
                </a:lnTo>
                <a:lnTo>
                  <a:pt x="9702" y="3711"/>
                </a:lnTo>
                <a:lnTo>
                  <a:pt x="9601" y="3711"/>
                </a:lnTo>
                <a:lnTo>
                  <a:pt x="9601" y="3644"/>
                </a:lnTo>
                <a:lnTo>
                  <a:pt x="9702" y="3644"/>
                </a:lnTo>
                <a:lnTo>
                  <a:pt x="9702" y="3540"/>
                </a:lnTo>
                <a:lnTo>
                  <a:pt x="9786" y="3514"/>
                </a:lnTo>
                <a:lnTo>
                  <a:pt x="9786" y="3644"/>
                </a:lnTo>
                <a:lnTo>
                  <a:pt x="9904" y="3644"/>
                </a:lnTo>
                <a:lnTo>
                  <a:pt x="9904" y="3711"/>
                </a:lnTo>
                <a:close/>
                <a:moveTo>
                  <a:pt x="9115" y="3644"/>
                </a:moveTo>
                <a:lnTo>
                  <a:pt x="9194" y="3644"/>
                </a:lnTo>
                <a:lnTo>
                  <a:pt x="9194" y="3716"/>
                </a:lnTo>
                <a:lnTo>
                  <a:pt x="9196" y="3716"/>
                </a:lnTo>
                <a:lnTo>
                  <a:pt x="9202" y="3706"/>
                </a:lnTo>
                <a:lnTo>
                  <a:pt x="9207" y="3697"/>
                </a:lnTo>
                <a:lnTo>
                  <a:pt x="9214" y="3689"/>
                </a:lnTo>
                <a:lnTo>
                  <a:pt x="9221" y="3681"/>
                </a:lnTo>
                <a:lnTo>
                  <a:pt x="9229" y="3674"/>
                </a:lnTo>
                <a:lnTo>
                  <a:pt x="9238" y="3667"/>
                </a:lnTo>
                <a:lnTo>
                  <a:pt x="9247" y="3661"/>
                </a:lnTo>
                <a:lnTo>
                  <a:pt x="9255" y="3655"/>
                </a:lnTo>
                <a:lnTo>
                  <a:pt x="9265" y="3650"/>
                </a:lnTo>
                <a:lnTo>
                  <a:pt x="9276" y="3645"/>
                </a:lnTo>
                <a:lnTo>
                  <a:pt x="9287" y="3642"/>
                </a:lnTo>
                <a:lnTo>
                  <a:pt x="9298" y="3639"/>
                </a:lnTo>
                <a:lnTo>
                  <a:pt x="9309" y="3637"/>
                </a:lnTo>
                <a:lnTo>
                  <a:pt x="9320" y="3634"/>
                </a:lnTo>
                <a:lnTo>
                  <a:pt x="9332" y="3633"/>
                </a:lnTo>
                <a:lnTo>
                  <a:pt x="9345" y="3633"/>
                </a:lnTo>
                <a:lnTo>
                  <a:pt x="9365" y="3634"/>
                </a:lnTo>
                <a:lnTo>
                  <a:pt x="9385" y="3637"/>
                </a:lnTo>
                <a:lnTo>
                  <a:pt x="9403" y="3641"/>
                </a:lnTo>
                <a:lnTo>
                  <a:pt x="9419" y="3647"/>
                </a:lnTo>
                <a:lnTo>
                  <a:pt x="9435" y="3654"/>
                </a:lnTo>
                <a:lnTo>
                  <a:pt x="9449" y="3663"/>
                </a:lnTo>
                <a:lnTo>
                  <a:pt x="9461" y="3673"/>
                </a:lnTo>
                <a:lnTo>
                  <a:pt x="9472" y="3685"/>
                </a:lnTo>
                <a:lnTo>
                  <a:pt x="9482" y="3698"/>
                </a:lnTo>
                <a:lnTo>
                  <a:pt x="9490" y="3712"/>
                </a:lnTo>
                <a:lnTo>
                  <a:pt x="9497" y="3728"/>
                </a:lnTo>
                <a:lnTo>
                  <a:pt x="9503" y="3745"/>
                </a:lnTo>
                <a:lnTo>
                  <a:pt x="9507" y="3764"/>
                </a:lnTo>
                <a:lnTo>
                  <a:pt x="9511" y="3784"/>
                </a:lnTo>
                <a:lnTo>
                  <a:pt x="9512" y="3805"/>
                </a:lnTo>
                <a:lnTo>
                  <a:pt x="9513" y="3827"/>
                </a:lnTo>
                <a:lnTo>
                  <a:pt x="9513" y="4095"/>
                </a:lnTo>
                <a:lnTo>
                  <a:pt x="9429" y="4095"/>
                </a:lnTo>
                <a:lnTo>
                  <a:pt x="9429" y="3861"/>
                </a:lnTo>
                <a:lnTo>
                  <a:pt x="9429" y="3842"/>
                </a:lnTo>
                <a:lnTo>
                  <a:pt x="9428" y="3824"/>
                </a:lnTo>
                <a:lnTo>
                  <a:pt x="9427" y="3808"/>
                </a:lnTo>
                <a:lnTo>
                  <a:pt x="9425" y="3793"/>
                </a:lnTo>
                <a:lnTo>
                  <a:pt x="9423" y="3778"/>
                </a:lnTo>
                <a:lnTo>
                  <a:pt x="9418" y="3765"/>
                </a:lnTo>
                <a:lnTo>
                  <a:pt x="9414" y="3753"/>
                </a:lnTo>
                <a:lnTo>
                  <a:pt x="9409" y="3743"/>
                </a:lnTo>
                <a:lnTo>
                  <a:pt x="9403" y="3733"/>
                </a:lnTo>
                <a:lnTo>
                  <a:pt x="9396" y="3726"/>
                </a:lnTo>
                <a:lnTo>
                  <a:pt x="9389" y="3719"/>
                </a:lnTo>
                <a:lnTo>
                  <a:pt x="9380" y="3712"/>
                </a:lnTo>
                <a:lnTo>
                  <a:pt x="9370" y="3708"/>
                </a:lnTo>
                <a:lnTo>
                  <a:pt x="9359" y="3705"/>
                </a:lnTo>
                <a:lnTo>
                  <a:pt x="9347" y="3701"/>
                </a:lnTo>
                <a:lnTo>
                  <a:pt x="9335" y="3700"/>
                </a:lnTo>
                <a:lnTo>
                  <a:pt x="9317" y="3701"/>
                </a:lnTo>
                <a:lnTo>
                  <a:pt x="9302" y="3704"/>
                </a:lnTo>
                <a:lnTo>
                  <a:pt x="9286" y="3708"/>
                </a:lnTo>
                <a:lnTo>
                  <a:pt x="9273" y="3714"/>
                </a:lnTo>
                <a:lnTo>
                  <a:pt x="9261" y="3721"/>
                </a:lnTo>
                <a:lnTo>
                  <a:pt x="9249" y="3730"/>
                </a:lnTo>
                <a:lnTo>
                  <a:pt x="9239" y="3741"/>
                </a:lnTo>
                <a:lnTo>
                  <a:pt x="9230" y="3752"/>
                </a:lnTo>
                <a:lnTo>
                  <a:pt x="9222" y="3765"/>
                </a:lnTo>
                <a:lnTo>
                  <a:pt x="9216" y="3779"/>
                </a:lnTo>
                <a:lnTo>
                  <a:pt x="9210" y="3795"/>
                </a:lnTo>
                <a:lnTo>
                  <a:pt x="9205" y="3810"/>
                </a:lnTo>
                <a:lnTo>
                  <a:pt x="9202" y="3828"/>
                </a:lnTo>
                <a:lnTo>
                  <a:pt x="9199" y="3846"/>
                </a:lnTo>
                <a:lnTo>
                  <a:pt x="9198" y="3865"/>
                </a:lnTo>
                <a:lnTo>
                  <a:pt x="9197" y="3886"/>
                </a:lnTo>
                <a:lnTo>
                  <a:pt x="9197" y="4095"/>
                </a:lnTo>
                <a:lnTo>
                  <a:pt x="9115" y="4095"/>
                </a:lnTo>
                <a:lnTo>
                  <a:pt x="9115" y="3644"/>
                </a:lnTo>
                <a:close/>
                <a:moveTo>
                  <a:pt x="8957" y="3992"/>
                </a:moveTo>
                <a:lnTo>
                  <a:pt x="8947" y="3999"/>
                </a:lnTo>
                <a:lnTo>
                  <a:pt x="8934" y="4007"/>
                </a:lnTo>
                <a:lnTo>
                  <a:pt x="8919" y="4014"/>
                </a:lnTo>
                <a:lnTo>
                  <a:pt x="8900" y="4021"/>
                </a:lnTo>
                <a:lnTo>
                  <a:pt x="8880" y="4028"/>
                </a:lnTo>
                <a:lnTo>
                  <a:pt x="8861" y="4033"/>
                </a:lnTo>
                <a:lnTo>
                  <a:pt x="8839" y="4036"/>
                </a:lnTo>
                <a:lnTo>
                  <a:pt x="8819" y="4037"/>
                </a:lnTo>
                <a:lnTo>
                  <a:pt x="8803" y="4036"/>
                </a:lnTo>
                <a:lnTo>
                  <a:pt x="8789" y="4035"/>
                </a:lnTo>
                <a:lnTo>
                  <a:pt x="8776" y="4031"/>
                </a:lnTo>
                <a:lnTo>
                  <a:pt x="8762" y="4026"/>
                </a:lnTo>
                <a:lnTo>
                  <a:pt x="8749" y="4021"/>
                </a:lnTo>
                <a:lnTo>
                  <a:pt x="8736" y="4013"/>
                </a:lnTo>
                <a:lnTo>
                  <a:pt x="8725" y="4006"/>
                </a:lnTo>
                <a:lnTo>
                  <a:pt x="8714" y="3996"/>
                </a:lnTo>
                <a:lnTo>
                  <a:pt x="8704" y="3986"/>
                </a:lnTo>
                <a:lnTo>
                  <a:pt x="8696" y="3974"/>
                </a:lnTo>
                <a:lnTo>
                  <a:pt x="8688" y="3962"/>
                </a:lnTo>
                <a:lnTo>
                  <a:pt x="8682" y="3949"/>
                </a:lnTo>
                <a:lnTo>
                  <a:pt x="8677" y="3934"/>
                </a:lnTo>
                <a:lnTo>
                  <a:pt x="8672" y="3920"/>
                </a:lnTo>
                <a:lnTo>
                  <a:pt x="8670" y="3903"/>
                </a:lnTo>
                <a:lnTo>
                  <a:pt x="8670" y="3887"/>
                </a:lnTo>
                <a:lnTo>
                  <a:pt x="8991" y="3887"/>
                </a:lnTo>
                <a:lnTo>
                  <a:pt x="8991" y="3861"/>
                </a:lnTo>
                <a:lnTo>
                  <a:pt x="8989" y="3835"/>
                </a:lnTo>
                <a:lnTo>
                  <a:pt x="8986" y="3810"/>
                </a:lnTo>
                <a:lnTo>
                  <a:pt x="8982" y="3787"/>
                </a:lnTo>
                <a:lnTo>
                  <a:pt x="8976" y="3764"/>
                </a:lnTo>
                <a:lnTo>
                  <a:pt x="8968" y="3743"/>
                </a:lnTo>
                <a:lnTo>
                  <a:pt x="8960" y="3725"/>
                </a:lnTo>
                <a:lnTo>
                  <a:pt x="8949" y="3706"/>
                </a:lnTo>
                <a:lnTo>
                  <a:pt x="8942" y="3698"/>
                </a:lnTo>
                <a:lnTo>
                  <a:pt x="8936" y="3690"/>
                </a:lnTo>
                <a:lnTo>
                  <a:pt x="8929" y="3683"/>
                </a:lnTo>
                <a:lnTo>
                  <a:pt x="8922" y="3676"/>
                </a:lnTo>
                <a:lnTo>
                  <a:pt x="8913" y="3670"/>
                </a:lnTo>
                <a:lnTo>
                  <a:pt x="8906" y="3663"/>
                </a:lnTo>
                <a:lnTo>
                  <a:pt x="8897" y="3658"/>
                </a:lnTo>
                <a:lnTo>
                  <a:pt x="8887" y="3653"/>
                </a:lnTo>
                <a:lnTo>
                  <a:pt x="8877" y="3649"/>
                </a:lnTo>
                <a:lnTo>
                  <a:pt x="8867" y="3644"/>
                </a:lnTo>
                <a:lnTo>
                  <a:pt x="8856" y="3641"/>
                </a:lnTo>
                <a:lnTo>
                  <a:pt x="8844" y="3639"/>
                </a:lnTo>
                <a:lnTo>
                  <a:pt x="8832" y="3637"/>
                </a:lnTo>
                <a:lnTo>
                  <a:pt x="8820" y="3634"/>
                </a:lnTo>
                <a:lnTo>
                  <a:pt x="8807" y="3633"/>
                </a:lnTo>
                <a:lnTo>
                  <a:pt x="8792" y="3633"/>
                </a:lnTo>
                <a:lnTo>
                  <a:pt x="8769" y="3634"/>
                </a:lnTo>
                <a:lnTo>
                  <a:pt x="8747" y="3638"/>
                </a:lnTo>
                <a:lnTo>
                  <a:pt x="8725" y="3643"/>
                </a:lnTo>
                <a:lnTo>
                  <a:pt x="8705" y="3650"/>
                </a:lnTo>
                <a:lnTo>
                  <a:pt x="8687" y="3660"/>
                </a:lnTo>
                <a:lnTo>
                  <a:pt x="8670" y="3671"/>
                </a:lnTo>
                <a:lnTo>
                  <a:pt x="8654" y="3683"/>
                </a:lnTo>
                <a:lnTo>
                  <a:pt x="8639" y="3697"/>
                </a:lnTo>
                <a:lnTo>
                  <a:pt x="8626" y="3714"/>
                </a:lnTo>
                <a:lnTo>
                  <a:pt x="8614" y="3730"/>
                </a:lnTo>
                <a:lnTo>
                  <a:pt x="8604" y="3750"/>
                </a:lnTo>
                <a:lnTo>
                  <a:pt x="8597" y="3770"/>
                </a:lnTo>
                <a:lnTo>
                  <a:pt x="8590" y="3790"/>
                </a:lnTo>
                <a:lnTo>
                  <a:pt x="8586" y="3813"/>
                </a:lnTo>
                <a:lnTo>
                  <a:pt x="8582" y="3837"/>
                </a:lnTo>
                <a:lnTo>
                  <a:pt x="8581" y="3861"/>
                </a:lnTo>
                <a:lnTo>
                  <a:pt x="8582" y="3888"/>
                </a:lnTo>
                <a:lnTo>
                  <a:pt x="8584" y="3913"/>
                </a:lnTo>
                <a:lnTo>
                  <a:pt x="8589" y="3938"/>
                </a:lnTo>
                <a:lnTo>
                  <a:pt x="8595" y="3961"/>
                </a:lnTo>
                <a:lnTo>
                  <a:pt x="8599" y="3972"/>
                </a:lnTo>
                <a:lnTo>
                  <a:pt x="8603" y="3983"/>
                </a:lnTo>
                <a:lnTo>
                  <a:pt x="8608" y="3992"/>
                </a:lnTo>
                <a:lnTo>
                  <a:pt x="8613" y="4002"/>
                </a:lnTo>
                <a:lnTo>
                  <a:pt x="8619" y="4012"/>
                </a:lnTo>
                <a:lnTo>
                  <a:pt x="8625" y="4021"/>
                </a:lnTo>
                <a:lnTo>
                  <a:pt x="8631" y="4030"/>
                </a:lnTo>
                <a:lnTo>
                  <a:pt x="8638" y="4037"/>
                </a:lnTo>
                <a:lnTo>
                  <a:pt x="8646" y="4045"/>
                </a:lnTo>
                <a:lnTo>
                  <a:pt x="8654" y="4053"/>
                </a:lnTo>
                <a:lnTo>
                  <a:pt x="8661" y="4059"/>
                </a:lnTo>
                <a:lnTo>
                  <a:pt x="8670" y="4066"/>
                </a:lnTo>
                <a:lnTo>
                  <a:pt x="8680" y="4073"/>
                </a:lnTo>
                <a:lnTo>
                  <a:pt x="8690" y="4078"/>
                </a:lnTo>
                <a:lnTo>
                  <a:pt x="8700" y="4082"/>
                </a:lnTo>
                <a:lnTo>
                  <a:pt x="8711" y="4087"/>
                </a:lnTo>
                <a:lnTo>
                  <a:pt x="8722" y="4091"/>
                </a:lnTo>
                <a:lnTo>
                  <a:pt x="8734" y="4095"/>
                </a:lnTo>
                <a:lnTo>
                  <a:pt x="8746" y="4098"/>
                </a:lnTo>
                <a:lnTo>
                  <a:pt x="8759" y="4100"/>
                </a:lnTo>
                <a:lnTo>
                  <a:pt x="8773" y="4102"/>
                </a:lnTo>
                <a:lnTo>
                  <a:pt x="8786" y="4103"/>
                </a:lnTo>
                <a:lnTo>
                  <a:pt x="8800" y="4104"/>
                </a:lnTo>
                <a:lnTo>
                  <a:pt x="8815" y="4104"/>
                </a:lnTo>
                <a:lnTo>
                  <a:pt x="8841" y="4104"/>
                </a:lnTo>
                <a:lnTo>
                  <a:pt x="8864" y="4102"/>
                </a:lnTo>
                <a:lnTo>
                  <a:pt x="8884" y="4099"/>
                </a:lnTo>
                <a:lnTo>
                  <a:pt x="8902" y="4095"/>
                </a:lnTo>
                <a:lnTo>
                  <a:pt x="8932" y="4085"/>
                </a:lnTo>
                <a:lnTo>
                  <a:pt x="8957" y="4076"/>
                </a:lnTo>
                <a:lnTo>
                  <a:pt x="8957" y="3992"/>
                </a:lnTo>
                <a:close/>
                <a:moveTo>
                  <a:pt x="7813" y="3644"/>
                </a:moveTo>
                <a:lnTo>
                  <a:pt x="7891" y="3644"/>
                </a:lnTo>
                <a:lnTo>
                  <a:pt x="7891" y="3709"/>
                </a:lnTo>
                <a:lnTo>
                  <a:pt x="7893" y="3709"/>
                </a:lnTo>
                <a:lnTo>
                  <a:pt x="7899" y="3700"/>
                </a:lnTo>
                <a:lnTo>
                  <a:pt x="7906" y="3692"/>
                </a:lnTo>
                <a:lnTo>
                  <a:pt x="7912" y="3683"/>
                </a:lnTo>
                <a:lnTo>
                  <a:pt x="7920" y="3675"/>
                </a:lnTo>
                <a:lnTo>
                  <a:pt x="7927" y="3669"/>
                </a:lnTo>
                <a:lnTo>
                  <a:pt x="7934" y="3663"/>
                </a:lnTo>
                <a:lnTo>
                  <a:pt x="7943" y="3656"/>
                </a:lnTo>
                <a:lnTo>
                  <a:pt x="7952" y="3652"/>
                </a:lnTo>
                <a:lnTo>
                  <a:pt x="7961" y="3648"/>
                </a:lnTo>
                <a:lnTo>
                  <a:pt x="7971" y="3643"/>
                </a:lnTo>
                <a:lnTo>
                  <a:pt x="7981" y="3641"/>
                </a:lnTo>
                <a:lnTo>
                  <a:pt x="7990" y="3638"/>
                </a:lnTo>
                <a:lnTo>
                  <a:pt x="8001" y="3636"/>
                </a:lnTo>
                <a:lnTo>
                  <a:pt x="8012" y="3634"/>
                </a:lnTo>
                <a:lnTo>
                  <a:pt x="8025" y="3633"/>
                </a:lnTo>
                <a:lnTo>
                  <a:pt x="8037" y="3633"/>
                </a:lnTo>
                <a:lnTo>
                  <a:pt x="8047" y="3633"/>
                </a:lnTo>
                <a:lnTo>
                  <a:pt x="8055" y="3634"/>
                </a:lnTo>
                <a:lnTo>
                  <a:pt x="8065" y="3637"/>
                </a:lnTo>
                <a:lnTo>
                  <a:pt x="8075" y="3639"/>
                </a:lnTo>
                <a:lnTo>
                  <a:pt x="8084" y="3641"/>
                </a:lnTo>
                <a:lnTo>
                  <a:pt x="8094" y="3645"/>
                </a:lnTo>
                <a:lnTo>
                  <a:pt x="8103" y="3649"/>
                </a:lnTo>
                <a:lnTo>
                  <a:pt x="8111" y="3654"/>
                </a:lnTo>
                <a:lnTo>
                  <a:pt x="8119" y="3660"/>
                </a:lnTo>
                <a:lnTo>
                  <a:pt x="8127" y="3666"/>
                </a:lnTo>
                <a:lnTo>
                  <a:pt x="8135" y="3674"/>
                </a:lnTo>
                <a:lnTo>
                  <a:pt x="8142" y="3682"/>
                </a:lnTo>
                <a:lnTo>
                  <a:pt x="8148" y="3690"/>
                </a:lnTo>
                <a:lnTo>
                  <a:pt x="8154" y="3699"/>
                </a:lnTo>
                <a:lnTo>
                  <a:pt x="8160" y="3710"/>
                </a:lnTo>
                <a:lnTo>
                  <a:pt x="8164" y="3721"/>
                </a:lnTo>
                <a:lnTo>
                  <a:pt x="8171" y="3709"/>
                </a:lnTo>
                <a:lnTo>
                  <a:pt x="8177" y="3698"/>
                </a:lnTo>
                <a:lnTo>
                  <a:pt x="8185" y="3688"/>
                </a:lnTo>
                <a:lnTo>
                  <a:pt x="8194" y="3679"/>
                </a:lnTo>
                <a:lnTo>
                  <a:pt x="8203" y="3672"/>
                </a:lnTo>
                <a:lnTo>
                  <a:pt x="8212" y="3665"/>
                </a:lnTo>
                <a:lnTo>
                  <a:pt x="8221" y="3659"/>
                </a:lnTo>
                <a:lnTo>
                  <a:pt x="8230" y="3653"/>
                </a:lnTo>
                <a:lnTo>
                  <a:pt x="8240" y="3648"/>
                </a:lnTo>
                <a:lnTo>
                  <a:pt x="8250" y="3644"/>
                </a:lnTo>
                <a:lnTo>
                  <a:pt x="8260" y="3641"/>
                </a:lnTo>
                <a:lnTo>
                  <a:pt x="8270" y="3638"/>
                </a:lnTo>
                <a:lnTo>
                  <a:pt x="8287" y="3634"/>
                </a:lnTo>
                <a:lnTo>
                  <a:pt x="8304" y="3633"/>
                </a:lnTo>
                <a:lnTo>
                  <a:pt x="8325" y="3634"/>
                </a:lnTo>
                <a:lnTo>
                  <a:pt x="8344" y="3637"/>
                </a:lnTo>
                <a:lnTo>
                  <a:pt x="8361" y="3641"/>
                </a:lnTo>
                <a:lnTo>
                  <a:pt x="8378" y="3647"/>
                </a:lnTo>
                <a:lnTo>
                  <a:pt x="8392" y="3653"/>
                </a:lnTo>
                <a:lnTo>
                  <a:pt x="8404" y="3662"/>
                </a:lnTo>
                <a:lnTo>
                  <a:pt x="8415" y="3672"/>
                </a:lnTo>
                <a:lnTo>
                  <a:pt x="8426" y="3683"/>
                </a:lnTo>
                <a:lnTo>
                  <a:pt x="8434" y="3695"/>
                </a:lnTo>
                <a:lnTo>
                  <a:pt x="8441" y="3708"/>
                </a:lnTo>
                <a:lnTo>
                  <a:pt x="8448" y="3722"/>
                </a:lnTo>
                <a:lnTo>
                  <a:pt x="8452" y="3738"/>
                </a:lnTo>
                <a:lnTo>
                  <a:pt x="8456" y="3753"/>
                </a:lnTo>
                <a:lnTo>
                  <a:pt x="8459" y="3770"/>
                </a:lnTo>
                <a:lnTo>
                  <a:pt x="8460" y="3787"/>
                </a:lnTo>
                <a:lnTo>
                  <a:pt x="8461" y="3806"/>
                </a:lnTo>
                <a:lnTo>
                  <a:pt x="8461" y="4095"/>
                </a:lnTo>
                <a:lnTo>
                  <a:pt x="8378" y="4095"/>
                </a:lnTo>
                <a:lnTo>
                  <a:pt x="8378" y="3826"/>
                </a:lnTo>
                <a:lnTo>
                  <a:pt x="8377" y="3805"/>
                </a:lnTo>
                <a:lnTo>
                  <a:pt x="8374" y="3783"/>
                </a:lnTo>
                <a:lnTo>
                  <a:pt x="8372" y="3772"/>
                </a:lnTo>
                <a:lnTo>
                  <a:pt x="8370" y="3762"/>
                </a:lnTo>
                <a:lnTo>
                  <a:pt x="8367" y="3752"/>
                </a:lnTo>
                <a:lnTo>
                  <a:pt x="8362" y="3742"/>
                </a:lnTo>
                <a:lnTo>
                  <a:pt x="8358" y="3733"/>
                </a:lnTo>
                <a:lnTo>
                  <a:pt x="8352" y="3726"/>
                </a:lnTo>
                <a:lnTo>
                  <a:pt x="8346" y="3718"/>
                </a:lnTo>
                <a:lnTo>
                  <a:pt x="8338" y="3712"/>
                </a:lnTo>
                <a:lnTo>
                  <a:pt x="8329" y="3707"/>
                </a:lnTo>
                <a:lnTo>
                  <a:pt x="8320" y="3704"/>
                </a:lnTo>
                <a:lnTo>
                  <a:pt x="8309" y="3701"/>
                </a:lnTo>
                <a:lnTo>
                  <a:pt x="8297" y="3700"/>
                </a:lnTo>
                <a:lnTo>
                  <a:pt x="8282" y="3701"/>
                </a:lnTo>
                <a:lnTo>
                  <a:pt x="8268" y="3705"/>
                </a:lnTo>
                <a:lnTo>
                  <a:pt x="8254" y="3709"/>
                </a:lnTo>
                <a:lnTo>
                  <a:pt x="8242" y="3715"/>
                </a:lnTo>
                <a:lnTo>
                  <a:pt x="8232" y="3722"/>
                </a:lnTo>
                <a:lnTo>
                  <a:pt x="8223" y="3731"/>
                </a:lnTo>
                <a:lnTo>
                  <a:pt x="8214" y="3741"/>
                </a:lnTo>
                <a:lnTo>
                  <a:pt x="8206" y="3752"/>
                </a:lnTo>
                <a:lnTo>
                  <a:pt x="8199" y="3764"/>
                </a:lnTo>
                <a:lnTo>
                  <a:pt x="8194" y="3777"/>
                </a:lnTo>
                <a:lnTo>
                  <a:pt x="8190" y="3791"/>
                </a:lnTo>
                <a:lnTo>
                  <a:pt x="8185" y="3806"/>
                </a:lnTo>
                <a:lnTo>
                  <a:pt x="8182" y="3821"/>
                </a:lnTo>
                <a:lnTo>
                  <a:pt x="8181" y="3835"/>
                </a:lnTo>
                <a:lnTo>
                  <a:pt x="8180" y="3852"/>
                </a:lnTo>
                <a:lnTo>
                  <a:pt x="8179" y="3867"/>
                </a:lnTo>
                <a:lnTo>
                  <a:pt x="8179" y="4095"/>
                </a:lnTo>
                <a:lnTo>
                  <a:pt x="8096" y="4095"/>
                </a:lnTo>
                <a:lnTo>
                  <a:pt x="8096" y="3826"/>
                </a:lnTo>
                <a:lnTo>
                  <a:pt x="8095" y="3805"/>
                </a:lnTo>
                <a:lnTo>
                  <a:pt x="8093" y="3783"/>
                </a:lnTo>
                <a:lnTo>
                  <a:pt x="8091" y="3772"/>
                </a:lnTo>
                <a:lnTo>
                  <a:pt x="8087" y="3762"/>
                </a:lnTo>
                <a:lnTo>
                  <a:pt x="8085" y="3752"/>
                </a:lnTo>
                <a:lnTo>
                  <a:pt x="8081" y="3742"/>
                </a:lnTo>
                <a:lnTo>
                  <a:pt x="8076" y="3733"/>
                </a:lnTo>
                <a:lnTo>
                  <a:pt x="8070" y="3726"/>
                </a:lnTo>
                <a:lnTo>
                  <a:pt x="8063" y="3718"/>
                </a:lnTo>
                <a:lnTo>
                  <a:pt x="8056" y="3712"/>
                </a:lnTo>
                <a:lnTo>
                  <a:pt x="8048" y="3707"/>
                </a:lnTo>
                <a:lnTo>
                  <a:pt x="8038" y="3704"/>
                </a:lnTo>
                <a:lnTo>
                  <a:pt x="8027" y="3701"/>
                </a:lnTo>
                <a:lnTo>
                  <a:pt x="8016" y="3700"/>
                </a:lnTo>
                <a:lnTo>
                  <a:pt x="8000" y="3701"/>
                </a:lnTo>
                <a:lnTo>
                  <a:pt x="7986" y="3705"/>
                </a:lnTo>
                <a:lnTo>
                  <a:pt x="7973" y="3709"/>
                </a:lnTo>
                <a:lnTo>
                  <a:pt x="7961" y="3715"/>
                </a:lnTo>
                <a:lnTo>
                  <a:pt x="7950" y="3722"/>
                </a:lnTo>
                <a:lnTo>
                  <a:pt x="7940" y="3731"/>
                </a:lnTo>
                <a:lnTo>
                  <a:pt x="7932" y="3741"/>
                </a:lnTo>
                <a:lnTo>
                  <a:pt x="7924" y="3752"/>
                </a:lnTo>
                <a:lnTo>
                  <a:pt x="7918" y="3764"/>
                </a:lnTo>
                <a:lnTo>
                  <a:pt x="7911" y="3777"/>
                </a:lnTo>
                <a:lnTo>
                  <a:pt x="7907" y="3791"/>
                </a:lnTo>
                <a:lnTo>
                  <a:pt x="7904" y="3806"/>
                </a:lnTo>
                <a:lnTo>
                  <a:pt x="7900" y="3821"/>
                </a:lnTo>
                <a:lnTo>
                  <a:pt x="7898" y="3835"/>
                </a:lnTo>
                <a:lnTo>
                  <a:pt x="7897" y="3852"/>
                </a:lnTo>
                <a:lnTo>
                  <a:pt x="7897" y="3867"/>
                </a:lnTo>
                <a:lnTo>
                  <a:pt x="7897" y="4095"/>
                </a:lnTo>
                <a:lnTo>
                  <a:pt x="7813" y="4095"/>
                </a:lnTo>
                <a:lnTo>
                  <a:pt x="7813" y="3644"/>
                </a:lnTo>
                <a:close/>
                <a:moveTo>
                  <a:pt x="7657" y="3992"/>
                </a:moveTo>
                <a:lnTo>
                  <a:pt x="7648" y="3999"/>
                </a:lnTo>
                <a:lnTo>
                  <a:pt x="7635" y="4007"/>
                </a:lnTo>
                <a:lnTo>
                  <a:pt x="7619" y="4014"/>
                </a:lnTo>
                <a:lnTo>
                  <a:pt x="7601" y="4021"/>
                </a:lnTo>
                <a:lnTo>
                  <a:pt x="7581" y="4028"/>
                </a:lnTo>
                <a:lnTo>
                  <a:pt x="7560" y="4033"/>
                </a:lnTo>
                <a:lnTo>
                  <a:pt x="7539" y="4036"/>
                </a:lnTo>
                <a:lnTo>
                  <a:pt x="7519" y="4037"/>
                </a:lnTo>
                <a:lnTo>
                  <a:pt x="7504" y="4036"/>
                </a:lnTo>
                <a:lnTo>
                  <a:pt x="7490" y="4035"/>
                </a:lnTo>
                <a:lnTo>
                  <a:pt x="7476" y="4031"/>
                </a:lnTo>
                <a:lnTo>
                  <a:pt x="7462" y="4026"/>
                </a:lnTo>
                <a:lnTo>
                  <a:pt x="7449" y="4021"/>
                </a:lnTo>
                <a:lnTo>
                  <a:pt x="7437" y="4013"/>
                </a:lnTo>
                <a:lnTo>
                  <a:pt x="7425" y="4006"/>
                </a:lnTo>
                <a:lnTo>
                  <a:pt x="7415" y="3996"/>
                </a:lnTo>
                <a:lnTo>
                  <a:pt x="7405" y="3986"/>
                </a:lnTo>
                <a:lnTo>
                  <a:pt x="7396" y="3974"/>
                </a:lnTo>
                <a:lnTo>
                  <a:pt x="7389" y="3962"/>
                </a:lnTo>
                <a:lnTo>
                  <a:pt x="7382" y="3949"/>
                </a:lnTo>
                <a:lnTo>
                  <a:pt x="7377" y="3934"/>
                </a:lnTo>
                <a:lnTo>
                  <a:pt x="7373" y="3920"/>
                </a:lnTo>
                <a:lnTo>
                  <a:pt x="7371" y="3903"/>
                </a:lnTo>
                <a:lnTo>
                  <a:pt x="7370" y="3887"/>
                </a:lnTo>
                <a:lnTo>
                  <a:pt x="7692" y="3887"/>
                </a:lnTo>
                <a:lnTo>
                  <a:pt x="7691" y="3861"/>
                </a:lnTo>
                <a:lnTo>
                  <a:pt x="7690" y="3835"/>
                </a:lnTo>
                <a:lnTo>
                  <a:pt x="7687" y="3810"/>
                </a:lnTo>
                <a:lnTo>
                  <a:pt x="7682" y="3787"/>
                </a:lnTo>
                <a:lnTo>
                  <a:pt x="7676" y="3764"/>
                </a:lnTo>
                <a:lnTo>
                  <a:pt x="7668" y="3743"/>
                </a:lnTo>
                <a:lnTo>
                  <a:pt x="7659" y="3725"/>
                </a:lnTo>
                <a:lnTo>
                  <a:pt x="7648" y="3706"/>
                </a:lnTo>
                <a:lnTo>
                  <a:pt x="7643" y="3698"/>
                </a:lnTo>
                <a:lnTo>
                  <a:pt x="7636" y="3690"/>
                </a:lnTo>
                <a:lnTo>
                  <a:pt x="7630" y="3683"/>
                </a:lnTo>
                <a:lnTo>
                  <a:pt x="7622" y="3676"/>
                </a:lnTo>
                <a:lnTo>
                  <a:pt x="7614" y="3670"/>
                </a:lnTo>
                <a:lnTo>
                  <a:pt x="7605" y="3663"/>
                </a:lnTo>
                <a:lnTo>
                  <a:pt x="7597" y="3658"/>
                </a:lnTo>
                <a:lnTo>
                  <a:pt x="7588" y="3653"/>
                </a:lnTo>
                <a:lnTo>
                  <a:pt x="7578" y="3649"/>
                </a:lnTo>
                <a:lnTo>
                  <a:pt x="7567" y="3644"/>
                </a:lnTo>
                <a:lnTo>
                  <a:pt x="7556" y="3641"/>
                </a:lnTo>
                <a:lnTo>
                  <a:pt x="7545" y="3639"/>
                </a:lnTo>
                <a:lnTo>
                  <a:pt x="7533" y="3637"/>
                </a:lnTo>
                <a:lnTo>
                  <a:pt x="7520" y="3634"/>
                </a:lnTo>
                <a:lnTo>
                  <a:pt x="7506" y="3633"/>
                </a:lnTo>
                <a:lnTo>
                  <a:pt x="7493" y="3633"/>
                </a:lnTo>
                <a:lnTo>
                  <a:pt x="7470" y="3634"/>
                </a:lnTo>
                <a:lnTo>
                  <a:pt x="7447" y="3638"/>
                </a:lnTo>
                <a:lnTo>
                  <a:pt x="7426" y="3643"/>
                </a:lnTo>
                <a:lnTo>
                  <a:pt x="7406" y="3650"/>
                </a:lnTo>
                <a:lnTo>
                  <a:pt x="7388" y="3660"/>
                </a:lnTo>
                <a:lnTo>
                  <a:pt x="7370" y="3671"/>
                </a:lnTo>
                <a:lnTo>
                  <a:pt x="7355" y="3683"/>
                </a:lnTo>
                <a:lnTo>
                  <a:pt x="7339" y="3697"/>
                </a:lnTo>
                <a:lnTo>
                  <a:pt x="7326" y="3714"/>
                </a:lnTo>
                <a:lnTo>
                  <a:pt x="7315" y="3730"/>
                </a:lnTo>
                <a:lnTo>
                  <a:pt x="7305" y="3750"/>
                </a:lnTo>
                <a:lnTo>
                  <a:pt x="7297" y="3770"/>
                </a:lnTo>
                <a:lnTo>
                  <a:pt x="7291" y="3790"/>
                </a:lnTo>
                <a:lnTo>
                  <a:pt x="7285" y="3813"/>
                </a:lnTo>
                <a:lnTo>
                  <a:pt x="7283" y="3837"/>
                </a:lnTo>
                <a:lnTo>
                  <a:pt x="7282" y="3861"/>
                </a:lnTo>
                <a:lnTo>
                  <a:pt x="7283" y="3888"/>
                </a:lnTo>
                <a:lnTo>
                  <a:pt x="7285" y="3913"/>
                </a:lnTo>
                <a:lnTo>
                  <a:pt x="7290" y="3938"/>
                </a:lnTo>
                <a:lnTo>
                  <a:pt x="7296" y="3961"/>
                </a:lnTo>
                <a:lnTo>
                  <a:pt x="7300" y="3972"/>
                </a:lnTo>
                <a:lnTo>
                  <a:pt x="7304" y="3983"/>
                </a:lnTo>
                <a:lnTo>
                  <a:pt x="7308" y="3992"/>
                </a:lnTo>
                <a:lnTo>
                  <a:pt x="7314" y="4002"/>
                </a:lnTo>
                <a:lnTo>
                  <a:pt x="7319" y="4012"/>
                </a:lnTo>
                <a:lnTo>
                  <a:pt x="7325" y="4021"/>
                </a:lnTo>
                <a:lnTo>
                  <a:pt x="7332" y="4030"/>
                </a:lnTo>
                <a:lnTo>
                  <a:pt x="7338" y="4037"/>
                </a:lnTo>
                <a:lnTo>
                  <a:pt x="7346" y="4045"/>
                </a:lnTo>
                <a:lnTo>
                  <a:pt x="7354" y="4053"/>
                </a:lnTo>
                <a:lnTo>
                  <a:pt x="7362" y="4059"/>
                </a:lnTo>
                <a:lnTo>
                  <a:pt x="7371" y="4066"/>
                </a:lnTo>
                <a:lnTo>
                  <a:pt x="7380" y="4073"/>
                </a:lnTo>
                <a:lnTo>
                  <a:pt x="7390" y="4078"/>
                </a:lnTo>
                <a:lnTo>
                  <a:pt x="7401" y="4082"/>
                </a:lnTo>
                <a:lnTo>
                  <a:pt x="7411" y="4087"/>
                </a:lnTo>
                <a:lnTo>
                  <a:pt x="7423" y="4091"/>
                </a:lnTo>
                <a:lnTo>
                  <a:pt x="7434" y="4095"/>
                </a:lnTo>
                <a:lnTo>
                  <a:pt x="7446" y="4098"/>
                </a:lnTo>
                <a:lnTo>
                  <a:pt x="7459" y="4100"/>
                </a:lnTo>
                <a:lnTo>
                  <a:pt x="7472" y="4102"/>
                </a:lnTo>
                <a:lnTo>
                  <a:pt x="7486" y="4103"/>
                </a:lnTo>
                <a:lnTo>
                  <a:pt x="7500" y="4104"/>
                </a:lnTo>
                <a:lnTo>
                  <a:pt x="7515" y="4104"/>
                </a:lnTo>
                <a:lnTo>
                  <a:pt x="7542" y="4104"/>
                </a:lnTo>
                <a:lnTo>
                  <a:pt x="7564" y="4102"/>
                </a:lnTo>
                <a:lnTo>
                  <a:pt x="7585" y="4099"/>
                </a:lnTo>
                <a:lnTo>
                  <a:pt x="7602" y="4095"/>
                </a:lnTo>
                <a:lnTo>
                  <a:pt x="7632" y="4085"/>
                </a:lnTo>
                <a:lnTo>
                  <a:pt x="7657" y="4076"/>
                </a:lnTo>
                <a:lnTo>
                  <a:pt x="7657" y="3992"/>
                </a:lnTo>
                <a:close/>
                <a:moveTo>
                  <a:pt x="7159" y="3644"/>
                </a:moveTo>
                <a:lnTo>
                  <a:pt x="7082" y="3644"/>
                </a:lnTo>
                <a:lnTo>
                  <a:pt x="7082" y="3711"/>
                </a:lnTo>
                <a:lnTo>
                  <a:pt x="7081" y="3711"/>
                </a:lnTo>
                <a:lnTo>
                  <a:pt x="7076" y="3703"/>
                </a:lnTo>
                <a:lnTo>
                  <a:pt x="7071" y="3694"/>
                </a:lnTo>
                <a:lnTo>
                  <a:pt x="7064" y="3686"/>
                </a:lnTo>
                <a:lnTo>
                  <a:pt x="7058" y="3678"/>
                </a:lnTo>
                <a:lnTo>
                  <a:pt x="7051" y="3672"/>
                </a:lnTo>
                <a:lnTo>
                  <a:pt x="7043" y="3665"/>
                </a:lnTo>
                <a:lnTo>
                  <a:pt x="7036" y="3660"/>
                </a:lnTo>
                <a:lnTo>
                  <a:pt x="7027" y="3654"/>
                </a:lnTo>
                <a:lnTo>
                  <a:pt x="7017" y="3650"/>
                </a:lnTo>
                <a:lnTo>
                  <a:pt x="7007" y="3645"/>
                </a:lnTo>
                <a:lnTo>
                  <a:pt x="6997" y="3642"/>
                </a:lnTo>
                <a:lnTo>
                  <a:pt x="6985" y="3639"/>
                </a:lnTo>
                <a:lnTo>
                  <a:pt x="6973" y="3637"/>
                </a:lnTo>
                <a:lnTo>
                  <a:pt x="6960" y="3634"/>
                </a:lnTo>
                <a:lnTo>
                  <a:pt x="6947" y="3633"/>
                </a:lnTo>
                <a:lnTo>
                  <a:pt x="6932" y="3633"/>
                </a:lnTo>
                <a:lnTo>
                  <a:pt x="6919" y="3633"/>
                </a:lnTo>
                <a:lnTo>
                  <a:pt x="6907" y="3634"/>
                </a:lnTo>
                <a:lnTo>
                  <a:pt x="6896" y="3637"/>
                </a:lnTo>
                <a:lnTo>
                  <a:pt x="6884" y="3639"/>
                </a:lnTo>
                <a:lnTo>
                  <a:pt x="6873" y="3642"/>
                </a:lnTo>
                <a:lnTo>
                  <a:pt x="6863" y="3645"/>
                </a:lnTo>
                <a:lnTo>
                  <a:pt x="6853" y="3650"/>
                </a:lnTo>
                <a:lnTo>
                  <a:pt x="6843" y="3654"/>
                </a:lnTo>
                <a:lnTo>
                  <a:pt x="6834" y="3660"/>
                </a:lnTo>
                <a:lnTo>
                  <a:pt x="6824" y="3665"/>
                </a:lnTo>
                <a:lnTo>
                  <a:pt x="6817" y="3672"/>
                </a:lnTo>
                <a:lnTo>
                  <a:pt x="6808" y="3678"/>
                </a:lnTo>
                <a:lnTo>
                  <a:pt x="6794" y="3694"/>
                </a:lnTo>
                <a:lnTo>
                  <a:pt x="6780" y="3709"/>
                </a:lnTo>
                <a:lnTo>
                  <a:pt x="6768" y="3728"/>
                </a:lnTo>
                <a:lnTo>
                  <a:pt x="6758" y="3746"/>
                </a:lnTo>
                <a:lnTo>
                  <a:pt x="6750" y="3766"/>
                </a:lnTo>
                <a:lnTo>
                  <a:pt x="6743" y="3786"/>
                </a:lnTo>
                <a:lnTo>
                  <a:pt x="6738" y="3808"/>
                </a:lnTo>
                <a:lnTo>
                  <a:pt x="6733" y="3829"/>
                </a:lnTo>
                <a:lnTo>
                  <a:pt x="6731" y="3851"/>
                </a:lnTo>
                <a:lnTo>
                  <a:pt x="6731" y="3873"/>
                </a:lnTo>
                <a:lnTo>
                  <a:pt x="6731" y="3894"/>
                </a:lnTo>
                <a:lnTo>
                  <a:pt x="6733" y="3916"/>
                </a:lnTo>
                <a:lnTo>
                  <a:pt x="6738" y="3936"/>
                </a:lnTo>
                <a:lnTo>
                  <a:pt x="6742" y="3956"/>
                </a:lnTo>
                <a:lnTo>
                  <a:pt x="6750" y="3976"/>
                </a:lnTo>
                <a:lnTo>
                  <a:pt x="6757" y="3994"/>
                </a:lnTo>
                <a:lnTo>
                  <a:pt x="6767" y="4011"/>
                </a:lnTo>
                <a:lnTo>
                  <a:pt x="6778" y="4026"/>
                </a:lnTo>
                <a:lnTo>
                  <a:pt x="6791" y="4042"/>
                </a:lnTo>
                <a:lnTo>
                  <a:pt x="6806" y="4055"/>
                </a:lnTo>
                <a:lnTo>
                  <a:pt x="6813" y="4061"/>
                </a:lnTo>
                <a:lnTo>
                  <a:pt x="6821" y="4066"/>
                </a:lnTo>
                <a:lnTo>
                  <a:pt x="6830" y="4071"/>
                </a:lnTo>
                <a:lnTo>
                  <a:pt x="6839" y="4076"/>
                </a:lnTo>
                <a:lnTo>
                  <a:pt x="6848" y="4080"/>
                </a:lnTo>
                <a:lnTo>
                  <a:pt x="6857" y="4084"/>
                </a:lnTo>
                <a:lnTo>
                  <a:pt x="6867" y="4087"/>
                </a:lnTo>
                <a:lnTo>
                  <a:pt x="6878" y="4089"/>
                </a:lnTo>
                <a:lnTo>
                  <a:pt x="6888" y="4091"/>
                </a:lnTo>
                <a:lnTo>
                  <a:pt x="6899" y="4093"/>
                </a:lnTo>
                <a:lnTo>
                  <a:pt x="6911" y="4093"/>
                </a:lnTo>
                <a:lnTo>
                  <a:pt x="6923" y="4095"/>
                </a:lnTo>
                <a:lnTo>
                  <a:pt x="6944" y="4093"/>
                </a:lnTo>
                <a:lnTo>
                  <a:pt x="6966" y="4090"/>
                </a:lnTo>
                <a:lnTo>
                  <a:pt x="6976" y="4088"/>
                </a:lnTo>
                <a:lnTo>
                  <a:pt x="6987" y="4085"/>
                </a:lnTo>
                <a:lnTo>
                  <a:pt x="6997" y="4081"/>
                </a:lnTo>
                <a:lnTo>
                  <a:pt x="7007" y="4077"/>
                </a:lnTo>
                <a:lnTo>
                  <a:pt x="7017" y="4073"/>
                </a:lnTo>
                <a:lnTo>
                  <a:pt x="7026" y="4067"/>
                </a:lnTo>
                <a:lnTo>
                  <a:pt x="7036" y="4062"/>
                </a:lnTo>
                <a:lnTo>
                  <a:pt x="7044" y="4055"/>
                </a:lnTo>
                <a:lnTo>
                  <a:pt x="7052" y="4048"/>
                </a:lnTo>
                <a:lnTo>
                  <a:pt x="7060" y="4041"/>
                </a:lnTo>
                <a:lnTo>
                  <a:pt x="7068" y="4033"/>
                </a:lnTo>
                <a:lnTo>
                  <a:pt x="7074" y="4024"/>
                </a:lnTo>
                <a:lnTo>
                  <a:pt x="7076" y="4024"/>
                </a:lnTo>
                <a:lnTo>
                  <a:pt x="7076" y="4068"/>
                </a:lnTo>
                <a:lnTo>
                  <a:pt x="7075" y="4086"/>
                </a:lnTo>
                <a:lnTo>
                  <a:pt x="7074" y="4102"/>
                </a:lnTo>
                <a:lnTo>
                  <a:pt x="7071" y="4118"/>
                </a:lnTo>
                <a:lnTo>
                  <a:pt x="7066" y="4133"/>
                </a:lnTo>
                <a:lnTo>
                  <a:pt x="7061" y="4146"/>
                </a:lnTo>
                <a:lnTo>
                  <a:pt x="7055" y="4159"/>
                </a:lnTo>
                <a:lnTo>
                  <a:pt x="7048" y="4170"/>
                </a:lnTo>
                <a:lnTo>
                  <a:pt x="7039" y="4181"/>
                </a:lnTo>
                <a:lnTo>
                  <a:pt x="7030" y="4191"/>
                </a:lnTo>
                <a:lnTo>
                  <a:pt x="7019" y="4199"/>
                </a:lnTo>
                <a:lnTo>
                  <a:pt x="7008" y="4207"/>
                </a:lnTo>
                <a:lnTo>
                  <a:pt x="6995" y="4212"/>
                </a:lnTo>
                <a:lnTo>
                  <a:pt x="6982" y="4216"/>
                </a:lnTo>
                <a:lnTo>
                  <a:pt x="6967" y="4220"/>
                </a:lnTo>
                <a:lnTo>
                  <a:pt x="6952" y="4222"/>
                </a:lnTo>
                <a:lnTo>
                  <a:pt x="6937" y="4223"/>
                </a:lnTo>
                <a:lnTo>
                  <a:pt x="6915" y="4222"/>
                </a:lnTo>
                <a:lnTo>
                  <a:pt x="6895" y="4221"/>
                </a:lnTo>
                <a:lnTo>
                  <a:pt x="6875" y="4218"/>
                </a:lnTo>
                <a:lnTo>
                  <a:pt x="6856" y="4213"/>
                </a:lnTo>
                <a:lnTo>
                  <a:pt x="6838" y="4208"/>
                </a:lnTo>
                <a:lnTo>
                  <a:pt x="6818" y="4201"/>
                </a:lnTo>
                <a:lnTo>
                  <a:pt x="6797" y="4192"/>
                </a:lnTo>
                <a:lnTo>
                  <a:pt x="6774" y="4182"/>
                </a:lnTo>
                <a:lnTo>
                  <a:pt x="6765" y="4259"/>
                </a:lnTo>
                <a:lnTo>
                  <a:pt x="6790" y="4267"/>
                </a:lnTo>
                <a:lnTo>
                  <a:pt x="6815" y="4275"/>
                </a:lnTo>
                <a:lnTo>
                  <a:pt x="6835" y="4280"/>
                </a:lnTo>
                <a:lnTo>
                  <a:pt x="6855" y="4283"/>
                </a:lnTo>
                <a:lnTo>
                  <a:pt x="6874" y="4287"/>
                </a:lnTo>
                <a:lnTo>
                  <a:pt x="6892" y="4289"/>
                </a:lnTo>
                <a:lnTo>
                  <a:pt x="6909" y="4290"/>
                </a:lnTo>
                <a:lnTo>
                  <a:pt x="6927" y="4290"/>
                </a:lnTo>
                <a:lnTo>
                  <a:pt x="6956" y="4289"/>
                </a:lnTo>
                <a:lnTo>
                  <a:pt x="6983" y="4287"/>
                </a:lnTo>
                <a:lnTo>
                  <a:pt x="7008" y="4282"/>
                </a:lnTo>
                <a:lnTo>
                  <a:pt x="7031" y="4276"/>
                </a:lnTo>
                <a:lnTo>
                  <a:pt x="7042" y="4271"/>
                </a:lnTo>
                <a:lnTo>
                  <a:pt x="7052" y="4268"/>
                </a:lnTo>
                <a:lnTo>
                  <a:pt x="7062" y="4263"/>
                </a:lnTo>
                <a:lnTo>
                  <a:pt x="7072" y="4258"/>
                </a:lnTo>
                <a:lnTo>
                  <a:pt x="7080" y="4253"/>
                </a:lnTo>
                <a:lnTo>
                  <a:pt x="7088" y="4246"/>
                </a:lnTo>
                <a:lnTo>
                  <a:pt x="7096" y="4241"/>
                </a:lnTo>
                <a:lnTo>
                  <a:pt x="7104" y="4234"/>
                </a:lnTo>
                <a:lnTo>
                  <a:pt x="7110" y="4226"/>
                </a:lnTo>
                <a:lnTo>
                  <a:pt x="7117" y="4219"/>
                </a:lnTo>
                <a:lnTo>
                  <a:pt x="7123" y="4211"/>
                </a:lnTo>
                <a:lnTo>
                  <a:pt x="7128" y="4203"/>
                </a:lnTo>
                <a:lnTo>
                  <a:pt x="7134" y="4194"/>
                </a:lnTo>
                <a:lnTo>
                  <a:pt x="7138" y="4186"/>
                </a:lnTo>
                <a:lnTo>
                  <a:pt x="7142" y="4176"/>
                </a:lnTo>
                <a:lnTo>
                  <a:pt x="7146" y="4166"/>
                </a:lnTo>
                <a:lnTo>
                  <a:pt x="7152" y="4145"/>
                </a:lnTo>
                <a:lnTo>
                  <a:pt x="7156" y="4123"/>
                </a:lnTo>
                <a:lnTo>
                  <a:pt x="7159" y="4100"/>
                </a:lnTo>
                <a:lnTo>
                  <a:pt x="7159" y="4075"/>
                </a:lnTo>
                <a:lnTo>
                  <a:pt x="7159" y="3644"/>
                </a:lnTo>
                <a:close/>
                <a:moveTo>
                  <a:pt x="6283" y="3746"/>
                </a:moveTo>
                <a:lnTo>
                  <a:pt x="6296" y="3737"/>
                </a:lnTo>
                <a:lnTo>
                  <a:pt x="6312" y="3728"/>
                </a:lnTo>
                <a:lnTo>
                  <a:pt x="6327" y="3719"/>
                </a:lnTo>
                <a:lnTo>
                  <a:pt x="6344" y="3712"/>
                </a:lnTo>
                <a:lnTo>
                  <a:pt x="6361" y="3708"/>
                </a:lnTo>
                <a:lnTo>
                  <a:pt x="6379" y="3704"/>
                </a:lnTo>
                <a:lnTo>
                  <a:pt x="6397" y="3701"/>
                </a:lnTo>
                <a:lnTo>
                  <a:pt x="6414" y="3700"/>
                </a:lnTo>
                <a:lnTo>
                  <a:pt x="6430" y="3701"/>
                </a:lnTo>
                <a:lnTo>
                  <a:pt x="6443" y="3703"/>
                </a:lnTo>
                <a:lnTo>
                  <a:pt x="6456" y="3705"/>
                </a:lnTo>
                <a:lnTo>
                  <a:pt x="6467" y="3708"/>
                </a:lnTo>
                <a:lnTo>
                  <a:pt x="6477" y="3712"/>
                </a:lnTo>
                <a:lnTo>
                  <a:pt x="6486" y="3717"/>
                </a:lnTo>
                <a:lnTo>
                  <a:pt x="6494" y="3723"/>
                </a:lnTo>
                <a:lnTo>
                  <a:pt x="6501" y="3730"/>
                </a:lnTo>
                <a:lnTo>
                  <a:pt x="6508" y="3738"/>
                </a:lnTo>
                <a:lnTo>
                  <a:pt x="6512" y="3746"/>
                </a:lnTo>
                <a:lnTo>
                  <a:pt x="6516" y="3756"/>
                </a:lnTo>
                <a:lnTo>
                  <a:pt x="6520" y="3766"/>
                </a:lnTo>
                <a:lnTo>
                  <a:pt x="6523" y="3778"/>
                </a:lnTo>
                <a:lnTo>
                  <a:pt x="6524" y="3790"/>
                </a:lnTo>
                <a:lnTo>
                  <a:pt x="6525" y="3804"/>
                </a:lnTo>
                <a:lnTo>
                  <a:pt x="6526" y="3818"/>
                </a:lnTo>
                <a:lnTo>
                  <a:pt x="6503" y="3817"/>
                </a:lnTo>
                <a:lnTo>
                  <a:pt x="6481" y="3817"/>
                </a:lnTo>
                <a:lnTo>
                  <a:pt x="6460" y="3816"/>
                </a:lnTo>
                <a:lnTo>
                  <a:pt x="6437" y="3816"/>
                </a:lnTo>
                <a:lnTo>
                  <a:pt x="6421" y="3817"/>
                </a:lnTo>
                <a:lnTo>
                  <a:pt x="6404" y="3818"/>
                </a:lnTo>
                <a:lnTo>
                  <a:pt x="6387" y="3820"/>
                </a:lnTo>
                <a:lnTo>
                  <a:pt x="6369" y="3823"/>
                </a:lnTo>
                <a:lnTo>
                  <a:pt x="6350" y="3828"/>
                </a:lnTo>
                <a:lnTo>
                  <a:pt x="6334" y="3833"/>
                </a:lnTo>
                <a:lnTo>
                  <a:pt x="6316" y="3840"/>
                </a:lnTo>
                <a:lnTo>
                  <a:pt x="6301" y="3847"/>
                </a:lnTo>
                <a:lnTo>
                  <a:pt x="6285" y="3857"/>
                </a:lnTo>
                <a:lnTo>
                  <a:pt x="6271" y="3867"/>
                </a:lnTo>
                <a:lnTo>
                  <a:pt x="6266" y="3874"/>
                </a:lnTo>
                <a:lnTo>
                  <a:pt x="6259" y="3880"/>
                </a:lnTo>
                <a:lnTo>
                  <a:pt x="6254" y="3887"/>
                </a:lnTo>
                <a:lnTo>
                  <a:pt x="6248" y="3894"/>
                </a:lnTo>
                <a:lnTo>
                  <a:pt x="6244" y="3901"/>
                </a:lnTo>
                <a:lnTo>
                  <a:pt x="6240" y="3909"/>
                </a:lnTo>
                <a:lnTo>
                  <a:pt x="6236" y="3917"/>
                </a:lnTo>
                <a:lnTo>
                  <a:pt x="6234" y="3925"/>
                </a:lnTo>
                <a:lnTo>
                  <a:pt x="6230" y="3934"/>
                </a:lnTo>
                <a:lnTo>
                  <a:pt x="6229" y="3944"/>
                </a:lnTo>
                <a:lnTo>
                  <a:pt x="6228" y="3954"/>
                </a:lnTo>
                <a:lnTo>
                  <a:pt x="6228" y="3964"/>
                </a:lnTo>
                <a:lnTo>
                  <a:pt x="6228" y="3983"/>
                </a:lnTo>
                <a:lnTo>
                  <a:pt x="6230" y="3999"/>
                </a:lnTo>
                <a:lnTo>
                  <a:pt x="6235" y="4013"/>
                </a:lnTo>
                <a:lnTo>
                  <a:pt x="6240" y="4028"/>
                </a:lnTo>
                <a:lnTo>
                  <a:pt x="6247" y="4041"/>
                </a:lnTo>
                <a:lnTo>
                  <a:pt x="6255" y="4052"/>
                </a:lnTo>
                <a:lnTo>
                  <a:pt x="6263" y="4062"/>
                </a:lnTo>
                <a:lnTo>
                  <a:pt x="6274" y="4071"/>
                </a:lnTo>
                <a:lnTo>
                  <a:pt x="6285" y="4079"/>
                </a:lnTo>
                <a:lnTo>
                  <a:pt x="6299" y="4086"/>
                </a:lnTo>
                <a:lnTo>
                  <a:pt x="6312" y="4092"/>
                </a:lnTo>
                <a:lnTo>
                  <a:pt x="6326" y="4097"/>
                </a:lnTo>
                <a:lnTo>
                  <a:pt x="6342" y="4100"/>
                </a:lnTo>
                <a:lnTo>
                  <a:pt x="6358" y="4102"/>
                </a:lnTo>
                <a:lnTo>
                  <a:pt x="6376" y="4104"/>
                </a:lnTo>
                <a:lnTo>
                  <a:pt x="6393" y="4104"/>
                </a:lnTo>
                <a:lnTo>
                  <a:pt x="6408" y="4104"/>
                </a:lnTo>
                <a:lnTo>
                  <a:pt x="6421" y="4103"/>
                </a:lnTo>
                <a:lnTo>
                  <a:pt x="6433" y="4101"/>
                </a:lnTo>
                <a:lnTo>
                  <a:pt x="6444" y="4098"/>
                </a:lnTo>
                <a:lnTo>
                  <a:pt x="6455" y="4095"/>
                </a:lnTo>
                <a:lnTo>
                  <a:pt x="6466" y="4090"/>
                </a:lnTo>
                <a:lnTo>
                  <a:pt x="6475" y="4086"/>
                </a:lnTo>
                <a:lnTo>
                  <a:pt x="6485" y="4080"/>
                </a:lnTo>
                <a:lnTo>
                  <a:pt x="6500" y="4069"/>
                </a:lnTo>
                <a:lnTo>
                  <a:pt x="6513" y="4058"/>
                </a:lnTo>
                <a:lnTo>
                  <a:pt x="6524" y="4046"/>
                </a:lnTo>
                <a:lnTo>
                  <a:pt x="6533" y="4036"/>
                </a:lnTo>
                <a:lnTo>
                  <a:pt x="6535" y="4036"/>
                </a:lnTo>
                <a:lnTo>
                  <a:pt x="6535" y="4095"/>
                </a:lnTo>
                <a:lnTo>
                  <a:pt x="6612" y="4095"/>
                </a:lnTo>
                <a:lnTo>
                  <a:pt x="6611" y="4082"/>
                </a:lnTo>
                <a:lnTo>
                  <a:pt x="6610" y="4064"/>
                </a:lnTo>
                <a:lnTo>
                  <a:pt x="6609" y="4040"/>
                </a:lnTo>
                <a:lnTo>
                  <a:pt x="6609" y="4006"/>
                </a:lnTo>
                <a:lnTo>
                  <a:pt x="6609" y="3820"/>
                </a:lnTo>
                <a:lnTo>
                  <a:pt x="6609" y="3797"/>
                </a:lnTo>
                <a:lnTo>
                  <a:pt x="6607" y="3776"/>
                </a:lnTo>
                <a:lnTo>
                  <a:pt x="6603" y="3757"/>
                </a:lnTo>
                <a:lnTo>
                  <a:pt x="6599" y="3739"/>
                </a:lnTo>
                <a:lnTo>
                  <a:pt x="6592" y="3722"/>
                </a:lnTo>
                <a:lnTo>
                  <a:pt x="6586" y="3707"/>
                </a:lnTo>
                <a:lnTo>
                  <a:pt x="6577" y="3693"/>
                </a:lnTo>
                <a:lnTo>
                  <a:pt x="6567" y="3681"/>
                </a:lnTo>
                <a:lnTo>
                  <a:pt x="6555" y="3670"/>
                </a:lnTo>
                <a:lnTo>
                  <a:pt x="6542" y="3660"/>
                </a:lnTo>
                <a:lnTo>
                  <a:pt x="6526" y="3652"/>
                </a:lnTo>
                <a:lnTo>
                  <a:pt x="6511" y="3645"/>
                </a:lnTo>
                <a:lnTo>
                  <a:pt x="6492" y="3640"/>
                </a:lnTo>
                <a:lnTo>
                  <a:pt x="6472" y="3637"/>
                </a:lnTo>
                <a:lnTo>
                  <a:pt x="6452" y="3634"/>
                </a:lnTo>
                <a:lnTo>
                  <a:pt x="6427" y="3633"/>
                </a:lnTo>
                <a:lnTo>
                  <a:pt x="6406" y="3634"/>
                </a:lnTo>
                <a:lnTo>
                  <a:pt x="6386" y="3637"/>
                </a:lnTo>
                <a:lnTo>
                  <a:pt x="6366" y="3640"/>
                </a:lnTo>
                <a:lnTo>
                  <a:pt x="6347" y="3645"/>
                </a:lnTo>
                <a:lnTo>
                  <a:pt x="6329" y="3652"/>
                </a:lnTo>
                <a:lnTo>
                  <a:pt x="6312" y="3659"/>
                </a:lnTo>
                <a:lnTo>
                  <a:pt x="6295" y="3667"/>
                </a:lnTo>
                <a:lnTo>
                  <a:pt x="6279" y="3676"/>
                </a:lnTo>
                <a:lnTo>
                  <a:pt x="6283" y="3746"/>
                </a:lnTo>
                <a:close/>
                <a:moveTo>
                  <a:pt x="5707" y="3644"/>
                </a:moveTo>
                <a:lnTo>
                  <a:pt x="5787" y="3644"/>
                </a:lnTo>
                <a:lnTo>
                  <a:pt x="5787" y="3716"/>
                </a:lnTo>
                <a:lnTo>
                  <a:pt x="5789" y="3716"/>
                </a:lnTo>
                <a:lnTo>
                  <a:pt x="5794" y="3706"/>
                </a:lnTo>
                <a:lnTo>
                  <a:pt x="5799" y="3697"/>
                </a:lnTo>
                <a:lnTo>
                  <a:pt x="5806" y="3689"/>
                </a:lnTo>
                <a:lnTo>
                  <a:pt x="5814" y="3681"/>
                </a:lnTo>
                <a:lnTo>
                  <a:pt x="5821" y="3674"/>
                </a:lnTo>
                <a:lnTo>
                  <a:pt x="5830" y="3667"/>
                </a:lnTo>
                <a:lnTo>
                  <a:pt x="5839" y="3661"/>
                </a:lnTo>
                <a:lnTo>
                  <a:pt x="5849" y="3655"/>
                </a:lnTo>
                <a:lnTo>
                  <a:pt x="5859" y="3650"/>
                </a:lnTo>
                <a:lnTo>
                  <a:pt x="5869" y="3645"/>
                </a:lnTo>
                <a:lnTo>
                  <a:pt x="5880" y="3642"/>
                </a:lnTo>
                <a:lnTo>
                  <a:pt x="5891" y="3639"/>
                </a:lnTo>
                <a:lnTo>
                  <a:pt x="5902" y="3637"/>
                </a:lnTo>
                <a:lnTo>
                  <a:pt x="5914" y="3634"/>
                </a:lnTo>
                <a:lnTo>
                  <a:pt x="5925" y="3633"/>
                </a:lnTo>
                <a:lnTo>
                  <a:pt x="5937" y="3633"/>
                </a:lnTo>
                <a:lnTo>
                  <a:pt x="5958" y="3634"/>
                </a:lnTo>
                <a:lnTo>
                  <a:pt x="5977" y="3637"/>
                </a:lnTo>
                <a:lnTo>
                  <a:pt x="5995" y="3641"/>
                </a:lnTo>
                <a:lnTo>
                  <a:pt x="6013" y="3647"/>
                </a:lnTo>
                <a:lnTo>
                  <a:pt x="6027" y="3654"/>
                </a:lnTo>
                <a:lnTo>
                  <a:pt x="6041" y="3663"/>
                </a:lnTo>
                <a:lnTo>
                  <a:pt x="6053" y="3673"/>
                </a:lnTo>
                <a:lnTo>
                  <a:pt x="6064" y="3685"/>
                </a:lnTo>
                <a:lnTo>
                  <a:pt x="6074" y="3698"/>
                </a:lnTo>
                <a:lnTo>
                  <a:pt x="6083" y="3712"/>
                </a:lnTo>
                <a:lnTo>
                  <a:pt x="6090" y="3728"/>
                </a:lnTo>
                <a:lnTo>
                  <a:pt x="6095" y="3745"/>
                </a:lnTo>
                <a:lnTo>
                  <a:pt x="6100" y="3764"/>
                </a:lnTo>
                <a:lnTo>
                  <a:pt x="6103" y="3784"/>
                </a:lnTo>
                <a:lnTo>
                  <a:pt x="6105" y="3805"/>
                </a:lnTo>
                <a:lnTo>
                  <a:pt x="6105" y="3827"/>
                </a:lnTo>
                <a:lnTo>
                  <a:pt x="6105" y="4095"/>
                </a:lnTo>
                <a:lnTo>
                  <a:pt x="6023" y="4095"/>
                </a:lnTo>
                <a:lnTo>
                  <a:pt x="6023" y="3861"/>
                </a:lnTo>
                <a:lnTo>
                  <a:pt x="6023" y="3842"/>
                </a:lnTo>
                <a:lnTo>
                  <a:pt x="6021" y="3824"/>
                </a:lnTo>
                <a:lnTo>
                  <a:pt x="6019" y="3808"/>
                </a:lnTo>
                <a:lnTo>
                  <a:pt x="6017" y="3793"/>
                </a:lnTo>
                <a:lnTo>
                  <a:pt x="6015" y="3778"/>
                </a:lnTo>
                <a:lnTo>
                  <a:pt x="6012" y="3765"/>
                </a:lnTo>
                <a:lnTo>
                  <a:pt x="6007" y="3753"/>
                </a:lnTo>
                <a:lnTo>
                  <a:pt x="6002" y="3743"/>
                </a:lnTo>
                <a:lnTo>
                  <a:pt x="5996" y="3733"/>
                </a:lnTo>
                <a:lnTo>
                  <a:pt x="5988" y="3726"/>
                </a:lnTo>
                <a:lnTo>
                  <a:pt x="5981" y="3719"/>
                </a:lnTo>
                <a:lnTo>
                  <a:pt x="5972" y="3712"/>
                </a:lnTo>
                <a:lnTo>
                  <a:pt x="5962" y="3708"/>
                </a:lnTo>
                <a:lnTo>
                  <a:pt x="5952" y="3705"/>
                </a:lnTo>
                <a:lnTo>
                  <a:pt x="5940" y="3701"/>
                </a:lnTo>
                <a:lnTo>
                  <a:pt x="5927" y="3700"/>
                </a:lnTo>
                <a:lnTo>
                  <a:pt x="5909" y="3701"/>
                </a:lnTo>
                <a:lnTo>
                  <a:pt x="5894" y="3704"/>
                </a:lnTo>
                <a:lnTo>
                  <a:pt x="5880" y="3708"/>
                </a:lnTo>
                <a:lnTo>
                  <a:pt x="5865" y="3714"/>
                </a:lnTo>
                <a:lnTo>
                  <a:pt x="5853" y="3721"/>
                </a:lnTo>
                <a:lnTo>
                  <a:pt x="5842" y="3730"/>
                </a:lnTo>
                <a:lnTo>
                  <a:pt x="5832" y="3741"/>
                </a:lnTo>
                <a:lnTo>
                  <a:pt x="5822" y="3752"/>
                </a:lnTo>
                <a:lnTo>
                  <a:pt x="5815" y="3765"/>
                </a:lnTo>
                <a:lnTo>
                  <a:pt x="5808" y="3779"/>
                </a:lnTo>
                <a:lnTo>
                  <a:pt x="5803" y="3795"/>
                </a:lnTo>
                <a:lnTo>
                  <a:pt x="5798" y="3810"/>
                </a:lnTo>
                <a:lnTo>
                  <a:pt x="5794" y="3828"/>
                </a:lnTo>
                <a:lnTo>
                  <a:pt x="5792" y="3846"/>
                </a:lnTo>
                <a:lnTo>
                  <a:pt x="5790" y="3865"/>
                </a:lnTo>
                <a:lnTo>
                  <a:pt x="5789" y="3886"/>
                </a:lnTo>
                <a:lnTo>
                  <a:pt x="5789" y="4095"/>
                </a:lnTo>
                <a:lnTo>
                  <a:pt x="5707" y="4095"/>
                </a:lnTo>
                <a:lnTo>
                  <a:pt x="5707" y="3644"/>
                </a:lnTo>
                <a:close/>
                <a:moveTo>
                  <a:pt x="5229" y="3746"/>
                </a:moveTo>
                <a:lnTo>
                  <a:pt x="5243" y="3737"/>
                </a:lnTo>
                <a:lnTo>
                  <a:pt x="5258" y="3728"/>
                </a:lnTo>
                <a:lnTo>
                  <a:pt x="5273" y="3719"/>
                </a:lnTo>
                <a:lnTo>
                  <a:pt x="5290" y="3712"/>
                </a:lnTo>
                <a:lnTo>
                  <a:pt x="5308" y="3708"/>
                </a:lnTo>
                <a:lnTo>
                  <a:pt x="5325" y="3704"/>
                </a:lnTo>
                <a:lnTo>
                  <a:pt x="5343" y="3701"/>
                </a:lnTo>
                <a:lnTo>
                  <a:pt x="5360" y="3700"/>
                </a:lnTo>
                <a:lnTo>
                  <a:pt x="5376" y="3701"/>
                </a:lnTo>
                <a:lnTo>
                  <a:pt x="5389" y="3703"/>
                </a:lnTo>
                <a:lnTo>
                  <a:pt x="5401" y="3705"/>
                </a:lnTo>
                <a:lnTo>
                  <a:pt x="5413" y="3708"/>
                </a:lnTo>
                <a:lnTo>
                  <a:pt x="5423" y="3712"/>
                </a:lnTo>
                <a:lnTo>
                  <a:pt x="5432" y="3717"/>
                </a:lnTo>
                <a:lnTo>
                  <a:pt x="5441" y="3723"/>
                </a:lnTo>
                <a:lnTo>
                  <a:pt x="5447" y="3730"/>
                </a:lnTo>
                <a:lnTo>
                  <a:pt x="5454" y="3738"/>
                </a:lnTo>
                <a:lnTo>
                  <a:pt x="5458" y="3746"/>
                </a:lnTo>
                <a:lnTo>
                  <a:pt x="5463" y="3756"/>
                </a:lnTo>
                <a:lnTo>
                  <a:pt x="5466" y="3766"/>
                </a:lnTo>
                <a:lnTo>
                  <a:pt x="5469" y="3778"/>
                </a:lnTo>
                <a:lnTo>
                  <a:pt x="5470" y="3790"/>
                </a:lnTo>
                <a:lnTo>
                  <a:pt x="5471" y="3804"/>
                </a:lnTo>
                <a:lnTo>
                  <a:pt x="5471" y="3818"/>
                </a:lnTo>
                <a:lnTo>
                  <a:pt x="5448" y="3817"/>
                </a:lnTo>
                <a:lnTo>
                  <a:pt x="5427" y="3817"/>
                </a:lnTo>
                <a:lnTo>
                  <a:pt x="5407" y="3816"/>
                </a:lnTo>
                <a:lnTo>
                  <a:pt x="5383" y="3816"/>
                </a:lnTo>
                <a:lnTo>
                  <a:pt x="5367" y="3817"/>
                </a:lnTo>
                <a:lnTo>
                  <a:pt x="5349" y="3818"/>
                </a:lnTo>
                <a:lnTo>
                  <a:pt x="5332" y="3820"/>
                </a:lnTo>
                <a:lnTo>
                  <a:pt x="5314" y="3823"/>
                </a:lnTo>
                <a:lnTo>
                  <a:pt x="5297" y="3828"/>
                </a:lnTo>
                <a:lnTo>
                  <a:pt x="5279" y="3833"/>
                </a:lnTo>
                <a:lnTo>
                  <a:pt x="5262" y="3840"/>
                </a:lnTo>
                <a:lnTo>
                  <a:pt x="5247" y="3847"/>
                </a:lnTo>
                <a:lnTo>
                  <a:pt x="5232" y="3857"/>
                </a:lnTo>
                <a:lnTo>
                  <a:pt x="5217" y="3867"/>
                </a:lnTo>
                <a:lnTo>
                  <a:pt x="5211" y="3874"/>
                </a:lnTo>
                <a:lnTo>
                  <a:pt x="5205" y="3880"/>
                </a:lnTo>
                <a:lnTo>
                  <a:pt x="5200" y="3887"/>
                </a:lnTo>
                <a:lnTo>
                  <a:pt x="5194" y="3894"/>
                </a:lnTo>
                <a:lnTo>
                  <a:pt x="5190" y="3901"/>
                </a:lnTo>
                <a:lnTo>
                  <a:pt x="5185" y="3909"/>
                </a:lnTo>
                <a:lnTo>
                  <a:pt x="5182" y="3917"/>
                </a:lnTo>
                <a:lnTo>
                  <a:pt x="5180" y="3925"/>
                </a:lnTo>
                <a:lnTo>
                  <a:pt x="5177" y="3934"/>
                </a:lnTo>
                <a:lnTo>
                  <a:pt x="5176" y="3944"/>
                </a:lnTo>
                <a:lnTo>
                  <a:pt x="5174" y="3954"/>
                </a:lnTo>
                <a:lnTo>
                  <a:pt x="5174" y="3964"/>
                </a:lnTo>
                <a:lnTo>
                  <a:pt x="5174" y="3983"/>
                </a:lnTo>
                <a:lnTo>
                  <a:pt x="5177" y="3999"/>
                </a:lnTo>
                <a:lnTo>
                  <a:pt x="5181" y="4013"/>
                </a:lnTo>
                <a:lnTo>
                  <a:pt x="5187" y="4028"/>
                </a:lnTo>
                <a:lnTo>
                  <a:pt x="5193" y="4041"/>
                </a:lnTo>
                <a:lnTo>
                  <a:pt x="5201" y="4052"/>
                </a:lnTo>
                <a:lnTo>
                  <a:pt x="5210" y="4062"/>
                </a:lnTo>
                <a:lnTo>
                  <a:pt x="5221" y="4071"/>
                </a:lnTo>
                <a:lnTo>
                  <a:pt x="5232" y="4079"/>
                </a:lnTo>
                <a:lnTo>
                  <a:pt x="5244" y="4086"/>
                </a:lnTo>
                <a:lnTo>
                  <a:pt x="5258" y="4092"/>
                </a:lnTo>
                <a:lnTo>
                  <a:pt x="5272" y="4097"/>
                </a:lnTo>
                <a:lnTo>
                  <a:pt x="5288" y="4100"/>
                </a:lnTo>
                <a:lnTo>
                  <a:pt x="5304" y="4102"/>
                </a:lnTo>
                <a:lnTo>
                  <a:pt x="5322" y="4104"/>
                </a:lnTo>
                <a:lnTo>
                  <a:pt x="5339" y="4104"/>
                </a:lnTo>
                <a:lnTo>
                  <a:pt x="5353" y="4104"/>
                </a:lnTo>
                <a:lnTo>
                  <a:pt x="5366" y="4103"/>
                </a:lnTo>
                <a:lnTo>
                  <a:pt x="5379" y="4101"/>
                </a:lnTo>
                <a:lnTo>
                  <a:pt x="5390" y="4098"/>
                </a:lnTo>
                <a:lnTo>
                  <a:pt x="5401" y="4095"/>
                </a:lnTo>
                <a:lnTo>
                  <a:pt x="5412" y="4090"/>
                </a:lnTo>
                <a:lnTo>
                  <a:pt x="5421" y="4086"/>
                </a:lnTo>
                <a:lnTo>
                  <a:pt x="5431" y="4080"/>
                </a:lnTo>
                <a:lnTo>
                  <a:pt x="5446" y="4069"/>
                </a:lnTo>
                <a:lnTo>
                  <a:pt x="5459" y="4058"/>
                </a:lnTo>
                <a:lnTo>
                  <a:pt x="5470" y="4046"/>
                </a:lnTo>
                <a:lnTo>
                  <a:pt x="5479" y="4036"/>
                </a:lnTo>
                <a:lnTo>
                  <a:pt x="5480" y="4036"/>
                </a:lnTo>
                <a:lnTo>
                  <a:pt x="5480" y="4095"/>
                </a:lnTo>
                <a:lnTo>
                  <a:pt x="5558" y="4095"/>
                </a:lnTo>
                <a:lnTo>
                  <a:pt x="5557" y="4082"/>
                </a:lnTo>
                <a:lnTo>
                  <a:pt x="5556" y="4064"/>
                </a:lnTo>
                <a:lnTo>
                  <a:pt x="5555" y="4040"/>
                </a:lnTo>
                <a:lnTo>
                  <a:pt x="5555" y="4006"/>
                </a:lnTo>
                <a:lnTo>
                  <a:pt x="5555" y="3820"/>
                </a:lnTo>
                <a:lnTo>
                  <a:pt x="5554" y="3797"/>
                </a:lnTo>
                <a:lnTo>
                  <a:pt x="5553" y="3776"/>
                </a:lnTo>
                <a:lnTo>
                  <a:pt x="5550" y="3757"/>
                </a:lnTo>
                <a:lnTo>
                  <a:pt x="5545" y="3739"/>
                </a:lnTo>
                <a:lnTo>
                  <a:pt x="5539" y="3722"/>
                </a:lnTo>
                <a:lnTo>
                  <a:pt x="5532" y="3707"/>
                </a:lnTo>
                <a:lnTo>
                  <a:pt x="5523" y="3693"/>
                </a:lnTo>
                <a:lnTo>
                  <a:pt x="5513" y="3681"/>
                </a:lnTo>
                <a:lnTo>
                  <a:pt x="5501" y="3670"/>
                </a:lnTo>
                <a:lnTo>
                  <a:pt x="5488" y="3660"/>
                </a:lnTo>
                <a:lnTo>
                  <a:pt x="5473" y="3652"/>
                </a:lnTo>
                <a:lnTo>
                  <a:pt x="5456" y="3645"/>
                </a:lnTo>
                <a:lnTo>
                  <a:pt x="5438" y="3640"/>
                </a:lnTo>
                <a:lnTo>
                  <a:pt x="5419" y="3637"/>
                </a:lnTo>
                <a:lnTo>
                  <a:pt x="5397" y="3634"/>
                </a:lnTo>
                <a:lnTo>
                  <a:pt x="5374" y="3633"/>
                </a:lnTo>
                <a:lnTo>
                  <a:pt x="5353" y="3634"/>
                </a:lnTo>
                <a:lnTo>
                  <a:pt x="5332" y="3637"/>
                </a:lnTo>
                <a:lnTo>
                  <a:pt x="5312" y="3640"/>
                </a:lnTo>
                <a:lnTo>
                  <a:pt x="5293" y="3645"/>
                </a:lnTo>
                <a:lnTo>
                  <a:pt x="5276" y="3652"/>
                </a:lnTo>
                <a:lnTo>
                  <a:pt x="5258" y="3659"/>
                </a:lnTo>
                <a:lnTo>
                  <a:pt x="5242" y="3667"/>
                </a:lnTo>
                <a:lnTo>
                  <a:pt x="5225" y="3676"/>
                </a:lnTo>
                <a:lnTo>
                  <a:pt x="5229" y="3746"/>
                </a:lnTo>
                <a:close/>
                <a:moveTo>
                  <a:pt x="4367" y="3479"/>
                </a:moveTo>
                <a:lnTo>
                  <a:pt x="4513" y="3479"/>
                </a:lnTo>
                <a:lnTo>
                  <a:pt x="4707" y="3990"/>
                </a:lnTo>
                <a:lnTo>
                  <a:pt x="4897" y="3479"/>
                </a:lnTo>
                <a:lnTo>
                  <a:pt x="5042" y="3479"/>
                </a:lnTo>
                <a:lnTo>
                  <a:pt x="5042" y="4095"/>
                </a:lnTo>
                <a:lnTo>
                  <a:pt x="4954" y="4095"/>
                </a:lnTo>
                <a:lnTo>
                  <a:pt x="4954" y="3561"/>
                </a:lnTo>
                <a:lnTo>
                  <a:pt x="4952" y="3561"/>
                </a:lnTo>
                <a:lnTo>
                  <a:pt x="4749" y="4095"/>
                </a:lnTo>
                <a:lnTo>
                  <a:pt x="4662" y="4095"/>
                </a:lnTo>
                <a:lnTo>
                  <a:pt x="4457" y="3561"/>
                </a:lnTo>
                <a:lnTo>
                  <a:pt x="4456" y="3561"/>
                </a:lnTo>
                <a:lnTo>
                  <a:pt x="4456" y="4095"/>
                </a:lnTo>
                <a:lnTo>
                  <a:pt x="4367" y="4095"/>
                </a:lnTo>
                <a:lnTo>
                  <a:pt x="4367" y="3479"/>
                </a:lnTo>
                <a:close/>
                <a:moveTo>
                  <a:pt x="3986" y="3711"/>
                </a:moveTo>
                <a:lnTo>
                  <a:pt x="3867" y="3711"/>
                </a:lnTo>
                <a:lnTo>
                  <a:pt x="3867" y="3957"/>
                </a:lnTo>
                <a:lnTo>
                  <a:pt x="3867" y="3967"/>
                </a:lnTo>
                <a:lnTo>
                  <a:pt x="3868" y="3976"/>
                </a:lnTo>
                <a:lnTo>
                  <a:pt x="3870" y="3984"/>
                </a:lnTo>
                <a:lnTo>
                  <a:pt x="3872" y="3991"/>
                </a:lnTo>
                <a:lnTo>
                  <a:pt x="3875" y="3999"/>
                </a:lnTo>
                <a:lnTo>
                  <a:pt x="3879" y="4006"/>
                </a:lnTo>
                <a:lnTo>
                  <a:pt x="3883" y="4011"/>
                </a:lnTo>
                <a:lnTo>
                  <a:pt x="3887" y="4017"/>
                </a:lnTo>
                <a:lnTo>
                  <a:pt x="3892" y="4022"/>
                </a:lnTo>
                <a:lnTo>
                  <a:pt x="3897" y="4025"/>
                </a:lnTo>
                <a:lnTo>
                  <a:pt x="3904" y="4030"/>
                </a:lnTo>
                <a:lnTo>
                  <a:pt x="3909" y="4032"/>
                </a:lnTo>
                <a:lnTo>
                  <a:pt x="3916" y="4034"/>
                </a:lnTo>
                <a:lnTo>
                  <a:pt x="3923" y="4036"/>
                </a:lnTo>
                <a:lnTo>
                  <a:pt x="3929" y="4037"/>
                </a:lnTo>
                <a:lnTo>
                  <a:pt x="3937" y="4037"/>
                </a:lnTo>
                <a:lnTo>
                  <a:pt x="3946" y="4037"/>
                </a:lnTo>
                <a:lnTo>
                  <a:pt x="3955" y="4036"/>
                </a:lnTo>
                <a:lnTo>
                  <a:pt x="3962" y="4034"/>
                </a:lnTo>
                <a:lnTo>
                  <a:pt x="3970" y="4033"/>
                </a:lnTo>
                <a:lnTo>
                  <a:pt x="3983" y="4028"/>
                </a:lnTo>
                <a:lnTo>
                  <a:pt x="3993" y="4022"/>
                </a:lnTo>
                <a:lnTo>
                  <a:pt x="3993" y="4092"/>
                </a:lnTo>
                <a:lnTo>
                  <a:pt x="3978" y="4097"/>
                </a:lnTo>
                <a:lnTo>
                  <a:pt x="3961" y="4100"/>
                </a:lnTo>
                <a:lnTo>
                  <a:pt x="3942" y="4103"/>
                </a:lnTo>
                <a:lnTo>
                  <a:pt x="3923" y="4104"/>
                </a:lnTo>
                <a:lnTo>
                  <a:pt x="3907" y="4104"/>
                </a:lnTo>
                <a:lnTo>
                  <a:pt x="3892" y="4103"/>
                </a:lnTo>
                <a:lnTo>
                  <a:pt x="3878" y="4100"/>
                </a:lnTo>
                <a:lnTo>
                  <a:pt x="3864" y="4097"/>
                </a:lnTo>
                <a:lnTo>
                  <a:pt x="3852" y="4092"/>
                </a:lnTo>
                <a:lnTo>
                  <a:pt x="3841" y="4087"/>
                </a:lnTo>
                <a:lnTo>
                  <a:pt x="3830" y="4080"/>
                </a:lnTo>
                <a:lnTo>
                  <a:pt x="3821" y="4073"/>
                </a:lnTo>
                <a:lnTo>
                  <a:pt x="3813" y="4065"/>
                </a:lnTo>
                <a:lnTo>
                  <a:pt x="3805" y="4055"/>
                </a:lnTo>
                <a:lnTo>
                  <a:pt x="3798" y="4044"/>
                </a:lnTo>
                <a:lnTo>
                  <a:pt x="3793" y="4032"/>
                </a:lnTo>
                <a:lnTo>
                  <a:pt x="3790" y="4020"/>
                </a:lnTo>
                <a:lnTo>
                  <a:pt x="3786" y="4006"/>
                </a:lnTo>
                <a:lnTo>
                  <a:pt x="3784" y="3990"/>
                </a:lnTo>
                <a:lnTo>
                  <a:pt x="3784" y="3974"/>
                </a:lnTo>
                <a:lnTo>
                  <a:pt x="3784" y="3711"/>
                </a:lnTo>
                <a:lnTo>
                  <a:pt x="3682" y="3711"/>
                </a:lnTo>
                <a:lnTo>
                  <a:pt x="3682" y="3644"/>
                </a:lnTo>
                <a:lnTo>
                  <a:pt x="3784" y="3644"/>
                </a:lnTo>
                <a:lnTo>
                  <a:pt x="3784" y="3540"/>
                </a:lnTo>
                <a:lnTo>
                  <a:pt x="3867" y="3514"/>
                </a:lnTo>
                <a:lnTo>
                  <a:pt x="3867" y="3644"/>
                </a:lnTo>
                <a:lnTo>
                  <a:pt x="3986" y="3644"/>
                </a:lnTo>
                <a:lnTo>
                  <a:pt x="3986" y="3711"/>
                </a:lnTo>
                <a:close/>
                <a:moveTo>
                  <a:pt x="3589" y="3992"/>
                </a:moveTo>
                <a:lnTo>
                  <a:pt x="3581" y="3999"/>
                </a:lnTo>
                <a:lnTo>
                  <a:pt x="3567" y="4007"/>
                </a:lnTo>
                <a:lnTo>
                  <a:pt x="3551" y="4014"/>
                </a:lnTo>
                <a:lnTo>
                  <a:pt x="3533" y="4021"/>
                </a:lnTo>
                <a:lnTo>
                  <a:pt x="3513" y="4028"/>
                </a:lnTo>
                <a:lnTo>
                  <a:pt x="3493" y="4033"/>
                </a:lnTo>
                <a:lnTo>
                  <a:pt x="3472" y="4036"/>
                </a:lnTo>
                <a:lnTo>
                  <a:pt x="3451" y="4037"/>
                </a:lnTo>
                <a:lnTo>
                  <a:pt x="3436" y="4036"/>
                </a:lnTo>
                <a:lnTo>
                  <a:pt x="3422" y="4035"/>
                </a:lnTo>
                <a:lnTo>
                  <a:pt x="3408" y="4031"/>
                </a:lnTo>
                <a:lnTo>
                  <a:pt x="3395" y="4026"/>
                </a:lnTo>
                <a:lnTo>
                  <a:pt x="3381" y="4021"/>
                </a:lnTo>
                <a:lnTo>
                  <a:pt x="3369" y="4013"/>
                </a:lnTo>
                <a:lnTo>
                  <a:pt x="3357" y="4006"/>
                </a:lnTo>
                <a:lnTo>
                  <a:pt x="3347" y="3996"/>
                </a:lnTo>
                <a:lnTo>
                  <a:pt x="3337" y="3986"/>
                </a:lnTo>
                <a:lnTo>
                  <a:pt x="3329" y="3974"/>
                </a:lnTo>
                <a:lnTo>
                  <a:pt x="3321" y="3962"/>
                </a:lnTo>
                <a:lnTo>
                  <a:pt x="3314" y="3949"/>
                </a:lnTo>
                <a:lnTo>
                  <a:pt x="3309" y="3934"/>
                </a:lnTo>
                <a:lnTo>
                  <a:pt x="3306" y="3920"/>
                </a:lnTo>
                <a:lnTo>
                  <a:pt x="3303" y="3903"/>
                </a:lnTo>
                <a:lnTo>
                  <a:pt x="3302" y="3887"/>
                </a:lnTo>
                <a:lnTo>
                  <a:pt x="3625" y="3887"/>
                </a:lnTo>
                <a:lnTo>
                  <a:pt x="3623" y="3861"/>
                </a:lnTo>
                <a:lnTo>
                  <a:pt x="3621" y="3835"/>
                </a:lnTo>
                <a:lnTo>
                  <a:pt x="3619" y="3810"/>
                </a:lnTo>
                <a:lnTo>
                  <a:pt x="3615" y="3787"/>
                </a:lnTo>
                <a:lnTo>
                  <a:pt x="3608" y="3764"/>
                </a:lnTo>
                <a:lnTo>
                  <a:pt x="3600" y="3743"/>
                </a:lnTo>
                <a:lnTo>
                  <a:pt x="3592" y="3725"/>
                </a:lnTo>
                <a:lnTo>
                  <a:pt x="3581" y="3706"/>
                </a:lnTo>
                <a:lnTo>
                  <a:pt x="3575" y="3698"/>
                </a:lnTo>
                <a:lnTo>
                  <a:pt x="3568" y="3690"/>
                </a:lnTo>
                <a:lnTo>
                  <a:pt x="3562" y="3683"/>
                </a:lnTo>
                <a:lnTo>
                  <a:pt x="3554" y="3676"/>
                </a:lnTo>
                <a:lnTo>
                  <a:pt x="3546" y="3670"/>
                </a:lnTo>
                <a:lnTo>
                  <a:pt x="3538" y="3663"/>
                </a:lnTo>
                <a:lnTo>
                  <a:pt x="3529" y="3658"/>
                </a:lnTo>
                <a:lnTo>
                  <a:pt x="3520" y="3653"/>
                </a:lnTo>
                <a:lnTo>
                  <a:pt x="3510" y="3649"/>
                </a:lnTo>
                <a:lnTo>
                  <a:pt x="3499" y="3644"/>
                </a:lnTo>
                <a:lnTo>
                  <a:pt x="3488" y="3641"/>
                </a:lnTo>
                <a:lnTo>
                  <a:pt x="3477" y="3639"/>
                </a:lnTo>
                <a:lnTo>
                  <a:pt x="3465" y="3637"/>
                </a:lnTo>
                <a:lnTo>
                  <a:pt x="3452" y="3634"/>
                </a:lnTo>
                <a:lnTo>
                  <a:pt x="3439" y="3633"/>
                </a:lnTo>
                <a:lnTo>
                  <a:pt x="3425" y="3633"/>
                </a:lnTo>
                <a:lnTo>
                  <a:pt x="3401" y="3634"/>
                </a:lnTo>
                <a:lnTo>
                  <a:pt x="3379" y="3638"/>
                </a:lnTo>
                <a:lnTo>
                  <a:pt x="3358" y="3643"/>
                </a:lnTo>
                <a:lnTo>
                  <a:pt x="3339" y="3650"/>
                </a:lnTo>
                <a:lnTo>
                  <a:pt x="3320" y="3660"/>
                </a:lnTo>
                <a:lnTo>
                  <a:pt x="3302" y="3671"/>
                </a:lnTo>
                <a:lnTo>
                  <a:pt x="3287" y="3683"/>
                </a:lnTo>
                <a:lnTo>
                  <a:pt x="3271" y="3697"/>
                </a:lnTo>
                <a:lnTo>
                  <a:pt x="3258" y="3714"/>
                </a:lnTo>
                <a:lnTo>
                  <a:pt x="3247" y="3730"/>
                </a:lnTo>
                <a:lnTo>
                  <a:pt x="3237" y="3750"/>
                </a:lnTo>
                <a:lnTo>
                  <a:pt x="3229" y="3770"/>
                </a:lnTo>
                <a:lnTo>
                  <a:pt x="3222" y="3790"/>
                </a:lnTo>
                <a:lnTo>
                  <a:pt x="3218" y="3813"/>
                </a:lnTo>
                <a:lnTo>
                  <a:pt x="3215" y="3837"/>
                </a:lnTo>
                <a:lnTo>
                  <a:pt x="3214" y="3861"/>
                </a:lnTo>
                <a:lnTo>
                  <a:pt x="3214" y="3888"/>
                </a:lnTo>
                <a:lnTo>
                  <a:pt x="3218" y="3913"/>
                </a:lnTo>
                <a:lnTo>
                  <a:pt x="3222" y="3938"/>
                </a:lnTo>
                <a:lnTo>
                  <a:pt x="3227" y="3961"/>
                </a:lnTo>
                <a:lnTo>
                  <a:pt x="3232" y="3972"/>
                </a:lnTo>
                <a:lnTo>
                  <a:pt x="3236" y="3983"/>
                </a:lnTo>
                <a:lnTo>
                  <a:pt x="3241" y="3992"/>
                </a:lnTo>
                <a:lnTo>
                  <a:pt x="3245" y="4002"/>
                </a:lnTo>
                <a:lnTo>
                  <a:pt x="3251" y="4012"/>
                </a:lnTo>
                <a:lnTo>
                  <a:pt x="3257" y="4021"/>
                </a:lnTo>
                <a:lnTo>
                  <a:pt x="3264" y="4030"/>
                </a:lnTo>
                <a:lnTo>
                  <a:pt x="3270" y="4037"/>
                </a:lnTo>
                <a:lnTo>
                  <a:pt x="3278" y="4045"/>
                </a:lnTo>
                <a:lnTo>
                  <a:pt x="3286" y="4053"/>
                </a:lnTo>
                <a:lnTo>
                  <a:pt x="3295" y="4059"/>
                </a:lnTo>
                <a:lnTo>
                  <a:pt x="3303" y="4066"/>
                </a:lnTo>
                <a:lnTo>
                  <a:pt x="3312" y="4073"/>
                </a:lnTo>
                <a:lnTo>
                  <a:pt x="3322" y="4078"/>
                </a:lnTo>
                <a:lnTo>
                  <a:pt x="3332" y="4082"/>
                </a:lnTo>
                <a:lnTo>
                  <a:pt x="3343" y="4087"/>
                </a:lnTo>
                <a:lnTo>
                  <a:pt x="3354" y="4091"/>
                </a:lnTo>
                <a:lnTo>
                  <a:pt x="3366" y="4095"/>
                </a:lnTo>
                <a:lnTo>
                  <a:pt x="3378" y="4098"/>
                </a:lnTo>
                <a:lnTo>
                  <a:pt x="3391" y="4100"/>
                </a:lnTo>
                <a:lnTo>
                  <a:pt x="3405" y="4102"/>
                </a:lnTo>
                <a:lnTo>
                  <a:pt x="3418" y="4103"/>
                </a:lnTo>
                <a:lnTo>
                  <a:pt x="3432" y="4104"/>
                </a:lnTo>
                <a:lnTo>
                  <a:pt x="3447" y="4104"/>
                </a:lnTo>
                <a:lnTo>
                  <a:pt x="3473" y="4104"/>
                </a:lnTo>
                <a:lnTo>
                  <a:pt x="3496" y="4102"/>
                </a:lnTo>
                <a:lnTo>
                  <a:pt x="3517" y="4099"/>
                </a:lnTo>
                <a:lnTo>
                  <a:pt x="3534" y="4095"/>
                </a:lnTo>
                <a:lnTo>
                  <a:pt x="3564" y="4085"/>
                </a:lnTo>
                <a:lnTo>
                  <a:pt x="3589" y="4076"/>
                </a:lnTo>
                <a:lnTo>
                  <a:pt x="3589" y="3992"/>
                </a:lnTo>
                <a:close/>
                <a:moveTo>
                  <a:pt x="2856" y="4006"/>
                </a:moveTo>
                <a:lnTo>
                  <a:pt x="2868" y="4013"/>
                </a:lnTo>
                <a:lnTo>
                  <a:pt x="2882" y="4020"/>
                </a:lnTo>
                <a:lnTo>
                  <a:pt x="2896" y="4025"/>
                </a:lnTo>
                <a:lnTo>
                  <a:pt x="2911" y="4030"/>
                </a:lnTo>
                <a:lnTo>
                  <a:pt x="2924" y="4033"/>
                </a:lnTo>
                <a:lnTo>
                  <a:pt x="2937" y="4035"/>
                </a:lnTo>
                <a:lnTo>
                  <a:pt x="2949" y="4037"/>
                </a:lnTo>
                <a:lnTo>
                  <a:pt x="2959" y="4037"/>
                </a:lnTo>
                <a:lnTo>
                  <a:pt x="2973" y="4036"/>
                </a:lnTo>
                <a:lnTo>
                  <a:pt x="2988" y="4034"/>
                </a:lnTo>
                <a:lnTo>
                  <a:pt x="2995" y="4032"/>
                </a:lnTo>
                <a:lnTo>
                  <a:pt x="3002" y="4030"/>
                </a:lnTo>
                <a:lnTo>
                  <a:pt x="3009" y="4028"/>
                </a:lnTo>
                <a:lnTo>
                  <a:pt x="3015" y="4023"/>
                </a:lnTo>
                <a:lnTo>
                  <a:pt x="3022" y="4020"/>
                </a:lnTo>
                <a:lnTo>
                  <a:pt x="3027" y="4014"/>
                </a:lnTo>
                <a:lnTo>
                  <a:pt x="3032" y="4010"/>
                </a:lnTo>
                <a:lnTo>
                  <a:pt x="3036" y="4003"/>
                </a:lnTo>
                <a:lnTo>
                  <a:pt x="3039" y="3997"/>
                </a:lnTo>
                <a:lnTo>
                  <a:pt x="3042" y="3990"/>
                </a:lnTo>
                <a:lnTo>
                  <a:pt x="3043" y="3981"/>
                </a:lnTo>
                <a:lnTo>
                  <a:pt x="3044" y="3973"/>
                </a:lnTo>
                <a:lnTo>
                  <a:pt x="3043" y="3966"/>
                </a:lnTo>
                <a:lnTo>
                  <a:pt x="3042" y="3958"/>
                </a:lnTo>
                <a:lnTo>
                  <a:pt x="3039" y="3952"/>
                </a:lnTo>
                <a:lnTo>
                  <a:pt x="3035" y="3946"/>
                </a:lnTo>
                <a:lnTo>
                  <a:pt x="3031" y="3941"/>
                </a:lnTo>
                <a:lnTo>
                  <a:pt x="3026" y="3935"/>
                </a:lnTo>
                <a:lnTo>
                  <a:pt x="3020" y="3930"/>
                </a:lnTo>
                <a:lnTo>
                  <a:pt x="3013" y="3924"/>
                </a:lnTo>
                <a:lnTo>
                  <a:pt x="2999" y="3916"/>
                </a:lnTo>
                <a:lnTo>
                  <a:pt x="2982" y="3907"/>
                </a:lnTo>
                <a:lnTo>
                  <a:pt x="2965" y="3898"/>
                </a:lnTo>
                <a:lnTo>
                  <a:pt x="2946" y="3889"/>
                </a:lnTo>
                <a:lnTo>
                  <a:pt x="2927" y="3879"/>
                </a:lnTo>
                <a:lnTo>
                  <a:pt x="2910" y="3869"/>
                </a:lnTo>
                <a:lnTo>
                  <a:pt x="2902" y="3864"/>
                </a:lnTo>
                <a:lnTo>
                  <a:pt x="2893" y="3858"/>
                </a:lnTo>
                <a:lnTo>
                  <a:pt x="2885" y="3852"/>
                </a:lnTo>
                <a:lnTo>
                  <a:pt x="2879" y="3845"/>
                </a:lnTo>
                <a:lnTo>
                  <a:pt x="2872" y="3838"/>
                </a:lnTo>
                <a:lnTo>
                  <a:pt x="2867" y="3830"/>
                </a:lnTo>
                <a:lnTo>
                  <a:pt x="2861" y="3822"/>
                </a:lnTo>
                <a:lnTo>
                  <a:pt x="2857" y="3813"/>
                </a:lnTo>
                <a:lnTo>
                  <a:pt x="2853" y="3804"/>
                </a:lnTo>
                <a:lnTo>
                  <a:pt x="2850" y="3794"/>
                </a:lnTo>
                <a:lnTo>
                  <a:pt x="2849" y="3784"/>
                </a:lnTo>
                <a:lnTo>
                  <a:pt x="2848" y="3772"/>
                </a:lnTo>
                <a:lnTo>
                  <a:pt x="2849" y="3755"/>
                </a:lnTo>
                <a:lnTo>
                  <a:pt x="2851" y="3739"/>
                </a:lnTo>
                <a:lnTo>
                  <a:pt x="2856" y="3725"/>
                </a:lnTo>
                <a:lnTo>
                  <a:pt x="2860" y="3711"/>
                </a:lnTo>
                <a:lnTo>
                  <a:pt x="2867" y="3698"/>
                </a:lnTo>
                <a:lnTo>
                  <a:pt x="2875" y="3687"/>
                </a:lnTo>
                <a:lnTo>
                  <a:pt x="2884" y="3677"/>
                </a:lnTo>
                <a:lnTo>
                  <a:pt x="2894" y="3667"/>
                </a:lnTo>
                <a:lnTo>
                  <a:pt x="2905" y="3660"/>
                </a:lnTo>
                <a:lnTo>
                  <a:pt x="2917" y="3652"/>
                </a:lnTo>
                <a:lnTo>
                  <a:pt x="2930" y="3647"/>
                </a:lnTo>
                <a:lnTo>
                  <a:pt x="2945" y="3642"/>
                </a:lnTo>
                <a:lnTo>
                  <a:pt x="2959" y="3638"/>
                </a:lnTo>
                <a:lnTo>
                  <a:pt x="2974" y="3636"/>
                </a:lnTo>
                <a:lnTo>
                  <a:pt x="2991" y="3634"/>
                </a:lnTo>
                <a:lnTo>
                  <a:pt x="3007" y="3633"/>
                </a:lnTo>
                <a:lnTo>
                  <a:pt x="3022" y="3633"/>
                </a:lnTo>
                <a:lnTo>
                  <a:pt x="3035" y="3634"/>
                </a:lnTo>
                <a:lnTo>
                  <a:pt x="3048" y="3637"/>
                </a:lnTo>
                <a:lnTo>
                  <a:pt x="3061" y="3639"/>
                </a:lnTo>
                <a:lnTo>
                  <a:pt x="3087" y="3644"/>
                </a:lnTo>
                <a:lnTo>
                  <a:pt x="3111" y="3651"/>
                </a:lnTo>
                <a:lnTo>
                  <a:pt x="3104" y="3723"/>
                </a:lnTo>
                <a:lnTo>
                  <a:pt x="3095" y="3719"/>
                </a:lnTo>
                <a:lnTo>
                  <a:pt x="3084" y="3715"/>
                </a:lnTo>
                <a:lnTo>
                  <a:pt x="3073" y="3711"/>
                </a:lnTo>
                <a:lnTo>
                  <a:pt x="3060" y="3708"/>
                </a:lnTo>
                <a:lnTo>
                  <a:pt x="3035" y="3703"/>
                </a:lnTo>
                <a:lnTo>
                  <a:pt x="3016" y="3700"/>
                </a:lnTo>
                <a:lnTo>
                  <a:pt x="3001" y="3701"/>
                </a:lnTo>
                <a:lnTo>
                  <a:pt x="2985" y="3704"/>
                </a:lnTo>
                <a:lnTo>
                  <a:pt x="2972" y="3708"/>
                </a:lnTo>
                <a:lnTo>
                  <a:pt x="2960" y="3714"/>
                </a:lnTo>
                <a:lnTo>
                  <a:pt x="2956" y="3718"/>
                </a:lnTo>
                <a:lnTo>
                  <a:pt x="2950" y="3721"/>
                </a:lnTo>
                <a:lnTo>
                  <a:pt x="2947" y="3726"/>
                </a:lnTo>
                <a:lnTo>
                  <a:pt x="2943" y="3731"/>
                </a:lnTo>
                <a:lnTo>
                  <a:pt x="2940" y="3737"/>
                </a:lnTo>
                <a:lnTo>
                  <a:pt x="2938" y="3742"/>
                </a:lnTo>
                <a:lnTo>
                  <a:pt x="2937" y="3749"/>
                </a:lnTo>
                <a:lnTo>
                  <a:pt x="2937" y="3755"/>
                </a:lnTo>
                <a:lnTo>
                  <a:pt x="2937" y="3763"/>
                </a:lnTo>
                <a:lnTo>
                  <a:pt x="2939" y="3771"/>
                </a:lnTo>
                <a:lnTo>
                  <a:pt x="2941" y="3778"/>
                </a:lnTo>
                <a:lnTo>
                  <a:pt x="2945" y="3785"/>
                </a:lnTo>
                <a:lnTo>
                  <a:pt x="2949" y="3790"/>
                </a:lnTo>
                <a:lnTo>
                  <a:pt x="2955" y="3796"/>
                </a:lnTo>
                <a:lnTo>
                  <a:pt x="2960" y="3801"/>
                </a:lnTo>
                <a:lnTo>
                  <a:pt x="2967" y="3806"/>
                </a:lnTo>
                <a:lnTo>
                  <a:pt x="2982" y="3816"/>
                </a:lnTo>
                <a:lnTo>
                  <a:pt x="2999" y="3823"/>
                </a:lnTo>
                <a:lnTo>
                  <a:pt x="3016" y="3832"/>
                </a:lnTo>
                <a:lnTo>
                  <a:pt x="3034" y="3840"/>
                </a:lnTo>
                <a:lnTo>
                  <a:pt x="3053" y="3850"/>
                </a:lnTo>
                <a:lnTo>
                  <a:pt x="3070" y="3860"/>
                </a:lnTo>
                <a:lnTo>
                  <a:pt x="3079" y="3865"/>
                </a:lnTo>
                <a:lnTo>
                  <a:pt x="3087" y="3871"/>
                </a:lnTo>
                <a:lnTo>
                  <a:pt x="3094" y="3877"/>
                </a:lnTo>
                <a:lnTo>
                  <a:pt x="3101" y="3884"/>
                </a:lnTo>
                <a:lnTo>
                  <a:pt x="3108" y="3891"/>
                </a:lnTo>
                <a:lnTo>
                  <a:pt x="3114" y="3899"/>
                </a:lnTo>
                <a:lnTo>
                  <a:pt x="3120" y="3908"/>
                </a:lnTo>
                <a:lnTo>
                  <a:pt x="3124" y="3918"/>
                </a:lnTo>
                <a:lnTo>
                  <a:pt x="3127" y="3928"/>
                </a:lnTo>
                <a:lnTo>
                  <a:pt x="3130" y="3940"/>
                </a:lnTo>
                <a:lnTo>
                  <a:pt x="3132" y="3952"/>
                </a:lnTo>
                <a:lnTo>
                  <a:pt x="3132" y="3964"/>
                </a:lnTo>
                <a:lnTo>
                  <a:pt x="3131" y="3981"/>
                </a:lnTo>
                <a:lnTo>
                  <a:pt x="3128" y="3998"/>
                </a:lnTo>
                <a:lnTo>
                  <a:pt x="3124" y="4013"/>
                </a:lnTo>
                <a:lnTo>
                  <a:pt x="3119" y="4026"/>
                </a:lnTo>
                <a:lnTo>
                  <a:pt x="3112" y="4040"/>
                </a:lnTo>
                <a:lnTo>
                  <a:pt x="3103" y="4051"/>
                </a:lnTo>
                <a:lnTo>
                  <a:pt x="3094" y="4062"/>
                </a:lnTo>
                <a:lnTo>
                  <a:pt x="3083" y="4070"/>
                </a:lnTo>
                <a:lnTo>
                  <a:pt x="3072" y="4079"/>
                </a:lnTo>
                <a:lnTo>
                  <a:pt x="3060" y="4086"/>
                </a:lnTo>
                <a:lnTo>
                  <a:pt x="3047" y="4091"/>
                </a:lnTo>
                <a:lnTo>
                  <a:pt x="3033" y="4097"/>
                </a:lnTo>
                <a:lnTo>
                  <a:pt x="3020" y="4100"/>
                </a:lnTo>
                <a:lnTo>
                  <a:pt x="3004" y="4102"/>
                </a:lnTo>
                <a:lnTo>
                  <a:pt x="2990" y="4104"/>
                </a:lnTo>
                <a:lnTo>
                  <a:pt x="2974" y="4104"/>
                </a:lnTo>
                <a:lnTo>
                  <a:pt x="2959" y="4104"/>
                </a:lnTo>
                <a:lnTo>
                  <a:pt x="2943" y="4103"/>
                </a:lnTo>
                <a:lnTo>
                  <a:pt x="2927" y="4102"/>
                </a:lnTo>
                <a:lnTo>
                  <a:pt x="2911" y="4100"/>
                </a:lnTo>
                <a:lnTo>
                  <a:pt x="2895" y="4097"/>
                </a:lnTo>
                <a:lnTo>
                  <a:pt x="2880" y="4092"/>
                </a:lnTo>
                <a:lnTo>
                  <a:pt x="2866" y="4087"/>
                </a:lnTo>
                <a:lnTo>
                  <a:pt x="2851" y="4080"/>
                </a:lnTo>
                <a:lnTo>
                  <a:pt x="2856" y="4006"/>
                </a:lnTo>
                <a:close/>
                <a:moveTo>
                  <a:pt x="2500" y="4006"/>
                </a:moveTo>
                <a:lnTo>
                  <a:pt x="2514" y="4013"/>
                </a:lnTo>
                <a:lnTo>
                  <a:pt x="2527" y="4020"/>
                </a:lnTo>
                <a:lnTo>
                  <a:pt x="2541" y="4025"/>
                </a:lnTo>
                <a:lnTo>
                  <a:pt x="2555" y="4030"/>
                </a:lnTo>
                <a:lnTo>
                  <a:pt x="2570" y="4033"/>
                </a:lnTo>
                <a:lnTo>
                  <a:pt x="2582" y="4035"/>
                </a:lnTo>
                <a:lnTo>
                  <a:pt x="2594" y="4037"/>
                </a:lnTo>
                <a:lnTo>
                  <a:pt x="2604" y="4037"/>
                </a:lnTo>
                <a:lnTo>
                  <a:pt x="2618" y="4036"/>
                </a:lnTo>
                <a:lnTo>
                  <a:pt x="2633" y="4034"/>
                </a:lnTo>
                <a:lnTo>
                  <a:pt x="2640" y="4032"/>
                </a:lnTo>
                <a:lnTo>
                  <a:pt x="2648" y="4030"/>
                </a:lnTo>
                <a:lnTo>
                  <a:pt x="2654" y="4028"/>
                </a:lnTo>
                <a:lnTo>
                  <a:pt x="2661" y="4023"/>
                </a:lnTo>
                <a:lnTo>
                  <a:pt x="2666" y="4020"/>
                </a:lnTo>
                <a:lnTo>
                  <a:pt x="2672" y="4014"/>
                </a:lnTo>
                <a:lnTo>
                  <a:pt x="2676" y="4010"/>
                </a:lnTo>
                <a:lnTo>
                  <a:pt x="2681" y="4003"/>
                </a:lnTo>
                <a:lnTo>
                  <a:pt x="2684" y="3997"/>
                </a:lnTo>
                <a:lnTo>
                  <a:pt x="2686" y="3990"/>
                </a:lnTo>
                <a:lnTo>
                  <a:pt x="2688" y="3981"/>
                </a:lnTo>
                <a:lnTo>
                  <a:pt x="2688" y="3973"/>
                </a:lnTo>
                <a:lnTo>
                  <a:pt x="2688" y="3966"/>
                </a:lnTo>
                <a:lnTo>
                  <a:pt x="2686" y="3958"/>
                </a:lnTo>
                <a:lnTo>
                  <a:pt x="2684" y="3952"/>
                </a:lnTo>
                <a:lnTo>
                  <a:pt x="2681" y="3946"/>
                </a:lnTo>
                <a:lnTo>
                  <a:pt x="2675" y="3941"/>
                </a:lnTo>
                <a:lnTo>
                  <a:pt x="2671" y="3935"/>
                </a:lnTo>
                <a:lnTo>
                  <a:pt x="2664" y="3930"/>
                </a:lnTo>
                <a:lnTo>
                  <a:pt x="2658" y="3924"/>
                </a:lnTo>
                <a:lnTo>
                  <a:pt x="2643" y="3916"/>
                </a:lnTo>
                <a:lnTo>
                  <a:pt x="2627" y="3907"/>
                </a:lnTo>
                <a:lnTo>
                  <a:pt x="2609" y="3898"/>
                </a:lnTo>
                <a:lnTo>
                  <a:pt x="2591" y="3889"/>
                </a:lnTo>
                <a:lnTo>
                  <a:pt x="2573" y="3879"/>
                </a:lnTo>
                <a:lnTo>
                  <a:pt x="2555" y="3869"/>
                </a:lnTo>
                <a:lnTo>
                  <a:pt x="2547" y="3864"/>
                </a:lnTo>
                <a:lnTo>
                  <a:pt x="2539" y="3858"/>
                </a:lnTo>
                <a:lnTo>
                  <a:pt x="2531" y="3852"/>
                </a:lnTo>
                <a:lnTo>
                  <a:pt x="2523" y="3845"/>
                </a:lnTo>
                <a:lnTo>
                  <a:pt x="2517" y="3838"/>
                </a:lnTo>
                <a:lnTo>
                  <a:pt x="2511" y="3830"/>
                </a:lnTo>
                <a:lnTo>
                  <a:pt x="2506" y="3822"/>
                </a:lnTo>
                <a:lnTo>
                  <a:pt x="2501" y="3813"/>
                </a:lnTo>
                <a:lnTo>
                  <a:pt x="2498" y="3804"/>
                </a:lnTo>
                <a:lnTo>
                  <a:pt x="2496" y="3794"/>
                </a:lnTo>
                <a:lnTo>
                  <a:pt x="2494" y="3784"/>
                </a:lnTo>
                <a:lnTo>
                  <a:pt x="2494" y="3772"/>
                </a:lnTo>
                <a:lnTo>
                  <a:pt x="2494" y="3755"/>
                </a:lnTo>
                <a:lnTo>
                  <a:pt x="2496" y="3739"/>
                </a:lnTo>
                <a:lnTo>
                  <a:pt x="2500" y="3725"/>
                </a:lnTo>
                <a:lnTo>
                  <a:pt x="2506" y="3711"/>
                </a:lnTo>
                <a:lnTo>
                  <a:pt x="2512" y="3698"/>
                </a:lnTo>
                <a:lnTo>
                  <a:pt x="2520" y="3687"/>
                </a:lnTo>
                <a:lnTo>
                  <a:pt x="2529" y="3677"/>
                </a:lnTo>
                <a:lnTo>
                  <a:pt x="2539" y="3667"/>
                </a:lnTo>
                <a:lnTo>
                  <a:pt x="2551" y="3660"/>
                </a:lnTo>
                <a:lnTo>
                  <a:pt x="2563" y="3652"/>
                </a:lnTo>
                <a:lnTo>
                  <a:pt x="2576" y="3647"/>
                </a:lnTo>
                <a:lnTo>
                  <a:pt x="2589" y="3642"/>
                </a:lnTo>
                <a:lnTo>
                  <a:pt x="2605" y="3638"/>
                </a:lnTo>
                <a:lnTo>
                  <a:pt x="2620" y="3636"/>
                </a:lnTo>
                <a:lnTo>
                  <a:pt x="2636" y="3634"/>
                </a:lnTo>
                <a:lnTo>
                  <a:pt x="2652" y="3633"/>
                </a:lnTo>
                <a:lnTo>
                  <a:pt x="2666" y="3633"/>
                </a:lnTo>
                <a:lnTo>
                  <a:pt x="2681" y="3634"/>
                </a:lnTo>
                <a:lnTo>
                  <a:pt x="2694" y="3637"/>
                </a:lnTo>
                <a:lnTo>
                  <a:pt x="2706" y="3639"/>
                </a:lnTo>
                <a:lnTo>
                  <a:pt x="2731" y="3644"/>
                </a:lnTo>
                <a:lnTo>
                  <a:pt x="2756" y="3651"/>
                </a:lnTo>
                <a:lnTo>
                  <a:pt x="2749" y="3723"/>
                </a:lnTo>
                <a:lnTo>
                  <a:pt x="2740" y="3719"/>
                </a:lnTo>
                <a:lnTo>
                  <a:pt x="2730" y="3715"/>
                </a:lnTo>
                <a:lnTo>
                  <a:pt x="2718" y="3711"/>
                </a:lnTo>
                <a:lnTo>
                  <a:pt x="2705" y="3708"/>
                </a:lnTo>
                <a:lnTo>
                  <a:pt x="2693" y="3705"/>
                </a:lnTo>
                <a:lnTo>
                  <a:pt x="2681" y="3703"/>
                </a:lnTo>
                <a:lnTo>
                  <a:pt x="2670" y="3701"/>
                </a:lnTo>
                <a:lnTo>
                  <a:pt x="2661" y="3700"/>
                </a:lnTo>
                <a:lnTo>
                  <a:pt x="2646" y="3701"/>
                </a:lnTo>
                <a:lnTo>
                  <a:pt x="2631" y="3704"/>
                </a:lnTo>
                <a:lnTo>
                  <a:pt x="2617" y="3708"/>
                </a:lnTo>
                <a:lnTo>
                  <a:pt x="2606" y="3714"/>
                </a:lnTo>
                <a:lnTo>
                  <a:pt x="2600" y="3718"/>
                </a:lnTo>
                <a:lnTo>
                  <a:pt x="2596" y="3721"/>
                </a:lnTo>
                <a:lnTo>
                  <a:pt x="2592" y="3726"/>
                </a:lnTo>
                <a:lnTo>
                  <a:pt x="2588" y="3731"/>
                </a:lnTo>
                <a:lnTo>
                  <a:pt x="2585" y="3737"/>
                </a:lnTo>
                <a:lnTo>
                  <a:pt x="2583" y="3742"/>
                </a:lnTo>
                <a:lnTo>
                  <a:pt x="2582" y="3749"/>
                </a:lnTo>
                <a:lnTo>
                  <a:pt x="2582" y="3755"/>
                </a:lnTo>
                <a:lnTo>
                  <a:pt x="2582" y="3763"/>
                </a:lnTo>
                <a:lnTo>
                  <a:pt x="2584" y="3771"/>
                </a:lnTo>
                <a:lnTo>
                  <a:pt x="2586" y="3778"/>
                </a:lnTo>
                <a:lnTo>
                  <a:pt x="2591" y="3785"/>
                </a:lnTo>
                <a:lnTo>
                  <a:pt x="2595" y="3790"/>
                </a:lnTo>
                <a:lnTo>
                  <a:pt x="2599" y="3796"/>
                </a:lnTo>
                <a:lnTo>
                  <a:pt x="2606" y="3801"/>
                </a:lnTo>
                <a:lnTo>
                  <a:pt x="2613" y="3806"/>
                </a:lnTo>
                <a:lnTo>
                  <a:pt x="2627" y="3816"/>
                </a:lnTo>
                <a:lnTo>
                  <a:pt x="2643" y="3823"/>
                </a:lnTo>
                <a:lnTo>
                  <a:pt x="2661" y="3832"/>
                </a:lnTo>
                <a:lnTo>
                  <a:pt x="2680" y="3840"/>
                </a:lnTo>
                <a:lnTo>
                  <a:pt x="2697" y="3850"/>
                </a:lnTo>
                <a:lnTo>
                  <a:pt x="2715" y="3860"/>
                </a:lnTo>
                <a:lnTo>
                  <a:pt x="2724" y="3865"/>
                </a:lnTo>
                <a:lnTo>
                  <a:pt x="2731" y="3871"/>
                </a:lnTo>
                <a:lnTo>
                  <a:pt x="2739" y="3877"/>
                </a:lnTo>
                <a:lnTo>
                  <a:pt x="2747" y="3884"/>
                </a:lnTo>
                <a:lnTo>
                  <a:pt x="2753" y="3891"/>
                </a:lnTo>
                <a:lnTo>
                  <a:pt x="2759" y="3899"/>
                </a:lnTo>
                <a:lnTo>
                  <a:pt x="2764" y="3908"/>
                </a:lnTo>
                <a:lnTo>
                  <a:pt x="2769" y="3918"/>
                </a:lnTo>
                <a:lnTo>
                  <a:pt x="2772" y="3928"/>
                </a:lnTo>
                <a:lnTo>
                  <a:pt x="2774" y="3940"/>
                </a:lnTo>
                <a:lnTo>
                  <a:pt x="2776" y="3952"/>
                </a:lnTo>
                <a:lnTo>
                  <a:pt x="2778" y="3964"/>
                </a:lnTo>
                <a:lnTo>
                  <a:pt x="2776" y="3981"/>
                </a:lnTo>
                <a:lnTo>
                  <a:pt x="2773" y="3998"/>
                </a:lnTo>
                <a:lnTo>
                  <a:pt x="2770" y="4013"/>
                </a:lnTo>
                <a:lnTo>
                  <a:pt x="2763" y="4026"/>
                </a:lnTo>
                <a:lnTo>
                  <a:pt x="2757" y="4040"/>
                </a:lnTo>
                <a:lnTo>
                  <a:pt x="2748" y="4051"/>
                </a:lnTo>
                <a:lnTo>
                  <a:pt x="2739" y="4062"/>
                </a:lnTo>
                <a:lnTo>
                  <a:pt x="2728" y="4070"/>
                </a:lnTo>
                <a:lnTo>
                  <a:pt x="2717" y="4079"/>
                </a:lnTo>
                <a:lnTo>
                  <a:pt x="2705" y="4086"/>
                </a:lnTo>
                <a:lnTo>
                  <a:pt x="2692" y="4091"/>
                </a:lnTo>
                <a:lnTo>
                  <a:pt x="2679" y="4097"/>
                </a:lnTo>
                <a:lnTo>
                  <a:pt x="2664" y="4100"/>
                </a:lnTo>
                <a:lnTo>
                  <a:pt x="2650" y="4102"/>
                </a:lnTo>
                <a:lnTo>
                  <a:pt x="2635" y="4104"/>
                </a:lnTo>
                <a:lnTo>
                  <a:pt x="2620" y="4104"/>
                </a:lnTo>
                <a:lnTo>
                  <a:pt x="2604" y="4104"/>
                </a:lnTo>
                <a:lnTo>
                  <a:pt x="2588" y="4103"/>
                </a:lnTo>
                <a:lnTo>
                  <a:pt x="2572" y="4102"/>
                </a:lnTo>
                <a:lnTo>
                  <a:pt x="2556" y="4100"/>
                </a:lnTo>
                <a:lnTo>
                  <a:pt x="2541" y="4097"/>
                </a:lnTo>
                <a:lnTo>
                  <a:pt x="2526" y="4092"/>
                </a:lnTo>
                <a:lnTo>
                  <a:pt x="2510" y="4087"/>
                </a:lnTo>
                <a:lnTo>
                  <a:pt x="2496" y="4080"/>
                </a:lnTo>
                <a:lnTo>
                  <a:pt x="2500" y="4006"/>
                </a:lnTo>
                <a:close/>
                <a:moveTo>
                  <a:pt x="1825" y="4095"/>
                </a:moveTo>
                <a:lnTo>
                  <a:pt x="1917" y="4095"/>
                </a:lnTo>
                <a:lnTo>
                  <a:pt x="1980" y="3939"/>
                </a:lnTo>
                <a:lnTo>
                  <a:pt x="2283" y="3939"/>
                </a:lnTo>
                <a:lnTo>
                  <a:pt x="2345" y="4095"/>
                </a:lnTo>
                <a:lnTo>
                  <a:pt x="2442" y="4095"/>
                </a:lnTo>
                <a:lnTo>
                  <a:pt x="2180" y="3479"/>
                </a:lnTo>
                <a:lnTo>
                  <a:pt x="2088" y="3479"/>
                </a:lnTo>
                <a:lnTo>
                  <a:pt x="1825" y="4095"/>
                </a:lnTo>
                <a:close/>
                <a:moveTo>
                  <a:pt x="17600" y="2283"/>
                </a:moveTo>
                <a:lnTo>
                  <a:pt x="17600" y="1589"/>
                </a:lnTo>
                <a:lnTo>
                  <a:pt x="17460" y="1589"/>
                </a:lnTo>
                <a:lnTo>
                  <a:pt x="17460" y="1673"/>
                </a:lnTo>
                <a:lnTo>
                  <a:pt x="17443" y="1658"/>
                </a:lnTo>
                <a:lnTo>
                  <a:pt x="17426" y="1645"/>
                </a:lnTo>
                <a:lnTo>
                  <a:pt x="17409" y="1632"/>
                </a:lnTo>
                <a:lnTo>
                  <a:pt x="17391" y="1621"/>
                </a:lnTo>
                <a:lnTo>
                  <a:pt x="17372" y="1611"/>
                </a:lnTo>
                <a:lnTo>
                  <a:pt x="17355" y="1603"/>
                </a:lnTo>
                <a:lnTo>
                  <a:pt x="17336" y="1595"/>
                </a:lnTo>
                <a:lnTo>
                  <a:pt x="17317" y="1589"/>
                </a:lnTo>
                <a:lnTo>
                  <a:pt x="17296" y="1584"/>
                </a:lnTo>
                <a:lnTo>
                  <a:pt x="17277" y="1580"/>
                </a:lnTo>
                <a:lnTo>
                  <a:pt x="17255" y="1577"/>
                </a:lnTo>
                <a:lnTo>
                  <a:pt x="17233" y="1573"/>
                </a:lnTo>
                <a:lnTo>
                  <a:pt x="17210" y="1572"/>
                </a:lnTo>
                <a:lnTo>
                  <a:pt x="17184" y="1571"/>
                </a:lnTo>
                <a:lnTo>
                  <a:pt x="17159" y="1570"/>
                </a:lnTo>
                <a:lnTo>
                  <a:pt x="17131" y="1570"/>
                </a:lnTo>
                <a:lnTo>
                  <a:pt x="17106" y="1570"/>
                </a:lnTo>
                <a:lnTo>
                  <a:pt x="17081" y="1571"/>
                </a:lnTo>
                <a:lnTo>
                  <a:pt x="17056" y="1573"/>
                </a:lnTo>
                <a:lnTo>
                  <a:pt x="17032" y="1577"/>
                </a:lnTo>
                <a:lnTo>
                  <a:pt x="17009" y="1580"/>
                </a:lnTo>
                <a:lnTo>
                  <a:pt x="16987" y="1584"/>
                </a:lnTo>
                <a:lnTo>
                  <a:pt x="16965" y="1590"/>
                </a:lnTo>
                <a:lnTo>
                  <a:pt x="16944" y="1597"/>
                </a:lnTo>
                <a:lnTo>
                  <a:pt x="16925" y="1603"/>
                </a:lnTo>
                <a:lnTo>
                  <a:pt x="16906" y="1611"/>
                </a:lnTo>
                <a:lnTo>
                  <a:pt x="16887" y="1620"/>
                </a:lnTo>
                <a:lnTo>
                  <a:pt x="16870" y="1628"/>
                </a:lnTo>
                <a:lnTo>
                  <a:pt x="16853" y="1638"/>
                </a:lnTo>
                <a:lnTo>
                  <a:pt x="16837" y="1649"/>
                </a:lnTo>
                <a:lnTo>
                  <a:pt x="16821" y="1661"/>
                </a:lnTo>
                <a:lnTo>
                  <a:pt x="16807" y="1673"/>
                </a:lnTo>
                <a:lnTo>
                  <a:pt x="16794" y="1687"/>
                </a:lnTo>
                <a:lnTo>
                  <a:pt x="16781" y="1700"/>
                </a:lnTo>
                <a:lnTo>
                  <a:pt x="16768" y="1715"/>
                </a:lnTo>
                <a:lnTo>
                  <a:pt x="16757" y="1730"/>
                </a:lnTo>
                <a:lnTo>
                  <a:pt x="16748" y="1746"/>
                </a:lnTo>
                <a:lnTo>
                  <a:pt x="16739" y="1762"/>
                </a:lnTo>
                <a:lnTo>
                  <a:pt x="16730" y="1780"/>
                </a:lnTo>
                <a:lnTo>
                  <a:pt x="16722" y="1799"/>
                </a:lnTo>
                <a:lnTo>
                  <a:pt x="16716" y="1817"/>
                </a:lnTo>
                <a:lnTo>
                  <a:pt x="16710" y="1837"/>
                </a:lnTo>
                <a:lnTo>
                  <a:pt x="16705" y="1858"/>
                </a:lnTo>
                <a:lnTo>
                  <a:pt x="16700" y="1879"/>
                </a:lnTo>
                <a:lnTo>
                  <a:pt x="16698" y="1900"/>
                </a:lnTo>
                <a:lnTo>
                  <a:pt x="16696" y="1923"/>
                </a:lnTo>
                <a:lnTo>
                  <a:pt x="16694" y="1946"/>
                </a:lnTo>
                <a:lnTo>
                  <a:pt x="16694" y="1969"/>
                </a:lnTo>
                <a:lnTo>
                  <a:pt x="16694" y="1985"/>
                </a:lnTo>
                <a:lnTo>
                  <a:pt x="16695" y="2002"/>
                </a:lnTo>
                <a:lnTo>
                  <a:pt x="16697" y="2019"/>
                </a:lnTo>
                <a:lnTo>
                  <a:pt x="16699" y="2036"/>
                </a:lnTo>
                <a:lnTo>
                  <a:pt x="16702" y="2052"/>
                </a:lnTo>
                <a:lnTo>
                  <a:pt x="16707" y="2069"/>
                </a:lnTo>
                <a:lnTo>
                  <a:pt x="16711" y="2086"/>
                </a:lnTo>
                <a:lnTo>
                  <a:pt x="16717" y="2103"/>
                </a:lnTo>
                <a:lnTo>
                  <a:pt x="16723" y="2119"/>
                </a:lnTo>
                <a:lnTo>
                  <a:pt x="16731" y="2135"/>
                </a:lnTo>
                <a:lnTo>
                  <a:pt x="16739" y="2151"/>
                </a:lnTo>
                <a:lnTo>
                  <a:pt x="16749" y="2166"/>
                </a:lnTo>
                <a:lnTo>
                  <a:pt x="16759" y="2182"/>
                </a:lnTo>
                <a:lnTo>
                  <a:pt x="16770" y="2196"/>
                </a:lnTo>
                <a:lnTo>
                  <a:pt x="16782" y="2211"/>
                </a:lnTo>
                <a:lnTo>
                  <a:pt x="16794" y="2225"/>
                </a:lnTo>
                <a:lnTo>
                  <a:pt x="16808" y="2239"/>
                </a:lnTo>
                <a:lnTo>
                  <a:pt x="16822" y="2251"/>
                </a:lnTo>
                <a:lnTo>
                  <a:pt x="16838" y="2263"/>
                </a:lnTo>
                <a:lnTo>
                  <a:pt x="16855" y="2275"/>
                </a:lnTo>
                <a:lnTo>
                  <a:pt x="16873" y="2286"/>
                </a:lnTo>
                <a:lnTo>
                  <a:pt x="16892" y="2296"/>
                </a:lnTo>
                <a:lnTo>
                  <a:pt x="16911" y="2306"/>
                </a:lnTo>
                <a:lnTo>
                  <a:pt x="16932" y="2315"/>
                </a:lnTo>
                <a:lnTo>
                  <a:pt x="16955" y="2322"/>
                </a:lnTo>
                <a:lnTo>
                  <a:pt x="16979" y="2329"/>
                </a:lnTo>
                <a:lnTo>
                  <a:pt x="17003" y="2336"/>
                </a:lnTo>
                <a:lnTo>
                  <a:pt x="17028" y="2340"/>
                </a:lnTo>
                <a:lnTo>
                  <a:pt x="17056" y="2344"/>
                </a:lnTo>
                <a:lnTo>
                  <a:pt x="17083" y="2348"/>
                </a:lnTo>
                <a:lnTo>
                  <a:pt x="17113" y="2349"/>
                </a:lnTo>
                <a:lnTo>
                  <a:pt x="17142" y="2350"/>
                </a:lnTo>
                <a:lnTo>
                  <a:pt x="17170" y="2349"/>
                </a:lnTo>
                <a:lnTo>
                  <a:pt x="17197" y="2348"/>
                </a:lnTo>
                <a:lnTo>
                  <a:pt x="17223" y="2344"/>
                </a:lnTo>
                <a:lnTo>
                  <a:pt x="17247" y="2341"/>
                </a:lnTo>
                <a:lnTo>
                  <a:pt x="17271" y="2336"/>
                </a:lnTo>
                <a:lnTo>
                  <a:pt x="17293" y="2329"/>
                </a:lnTo>
                <a:lnTo>
                  <a:pt x="17314" y="2322"/>
                </a:lnTo>
                <a:lnTo>
                  <a:pt x="17335" y="2314"/>
                </a:lnTo>
                <a:lnTo>
                  <a:pt x="17355" y="2304"/>
                </a:lnTo>
                <a:lnTo>
                  <a:pt x="17372" y="2294"/>
                </a:lnTo>
                <a:lnTo>
                  <a:pt x="17390" y="2282"/>
                </a:lnTo>
                <a:lnTo>
                  <a:pt x="17406" y="2269"/>
                </a:lnTo>
                <a:lnTo>
                  <a:pt x="17422" y="2254"/>
                </a:lnTo>
                <a:lnTo>
                  <a:pt x="17437" y="2239"/>
                </a:lnTo>
                <a:lnTo>
                  <a:pt x="17450" y="2221"/>
                </a:lnTo>
                <a:lnTo>
                  <a:pt x="17464" y="2204"/>
                </a:lnTo>
                <a:lnTo>
                  <a:pt x="17463" y="2242"/>
                </a:lnTo>
                <a:lnTo>
                  <a:pt x="17461" y="2278"/>
                </a:lnTo>
                <a:lnTo>
                  <a:pt x="17458" y="2315"/>
                </a:lnTo>
                <a:lnTo>
                  <a:pt x="17454" y="2349"/>
                </a:lnTo>
                <a:lnTo>
                  <a:pt x="17450" y="2365"/>
                </a:lnTo>
                <a:lnTo>
                  <a:pt x="17446" y="2382"/>
                </a:lnTo>
                <a:lnTo>
                  <a:pt x="17442" y="2397"/>
                </a:lnTo>
                <a:lnTo>
                  <a:pt x="17436" y="2412"/>
                </a:lnTo>
                <a:lnTo>
                  <a:pt x="17431" y="2428"/>
                </a:lnTo>
                <a:lnTo>
                  <a:pt x="17424" y="2442"/>
                </a:lnTo>
                <a:lnTo>
                  <a:pt x="17415" y="2455"/>
                </a:lnTo>
                <a:lnTo>
                  <a:pt x="17408" y="2468"/>
                </a:lnTo>
                <a:lnTo>
                  <a:pt x="17398" y="2480"/>
                </a:lnTo>
                <a:lnTo>
                  <a:pt x="17387" y="2493"/>
                </a:lnTo>
                <a:lnTo>
                  <a:pt x="17376" y="2504"/>
                </a:lnTo>
                <a:lnTo>
                  <a:pt x="17362" y="2514"/>
                </a:lnTo>
                <a:lnTo>
                  <a:pt x="17348" y="2524"/>
                </a:lnTo>
                <a:lnTo>
                  <a:pt x="17334" y="2533"/>
                </a:lnTo>
                <a:lnTo>
                  <a:pt x="17317" y="2542"/>
                </a:lnTo>
                <a:lnTo>
                  <a:pt x="17300" y="2550"/>
                </a:lnTo>
                <a:lnTo>
                  <a:pt x="17280" y="2556"/>
                </a:lnTo>
                <a:lnTo>
                  <a:pt x="17260" y="2562"/>
                </a:lnTo>
                <a:lnTo>
                  <a:pt x="17238" y="2567"/>
                </a:lnTo>
                <a:lnTo>
                  <a:pt x="17215" y="2572"/>
                </a:lnTo>
                <a:lnTo>
                  <a:pt x="17190" y="2575"/>
                </a:lnTo>
                <a:lnTo>
                  <a:pt x="17163" y="2577"/>
                </a:lnTo>
                <a:lnTo>
                  <a:pt x="17135" y="2578"/>
                </a:lnTo>
                <a:lnTo>
                  <a:pt x="17105" y="2579"/>
                </a:lnTo>
                <a:lnTo>
                  <a:pt x="17062" y="2578"/>
                </a:lnTo>
                <a:lnTo>
                  <a:pt x="17020" y="2576"/>
                </a:lnTo>
                <a:lnTo>
                  <a:pt x="16980" y="2572"/>
                </a:lnTo>
                <a:lnTo>
                  <a:pt x="16940" y="2565"/>
                </a:lnTo>
                <a:lnTo>
                  <a:pt x="16902" y="2557"/>
                </a:lnTo>
                <a:lnTo>
                  <a:pt x="16863" y="2549"/>
                </a:lnTo>
                <a:lnTo>
                  <a:pt x="16826" y="2539"/>
                </a:lnTo>
                <a:lnTo>
                  <a:pt x="16789" y="2527"/>
                </a:lnTo>
                <a:lnTo>
                  <a:pt x="16789" y="2631"/>
                </a:lnTo>
                <a:lnTo>
                  <a:pt x="16816" y="2636"/>
                </a:lnTo>
                <a:lnTo>
                  <a:pt x="16847" y="2642"/>
                </a:lnTo>
                <a:lnTo>
                  <a:pt x="16881" y="2648"/>
                </a:lnTo>
                <a:lnTo>
                  <a:pt x="16920" y="2655"/>
                </a:lnTo>
                <a:lnTo>
                  <a:pt x="16962" y="2661"/>
                </a:lnTo>
                <a:lnTo>
                  <a:pt x="17007" y="2665"/>
                </a:lnTo>
                <a:lnTo>
                  <a:pt x="17054" y="2667"/>
                </a:lnTo>
                <a:lnTo>
                  <a:pt x="17103" y="2668"/>
                </a:lnTo>
                <a:lnTo>
                  <a:pt x="17142" y="2668"/>
                </a:lnTo>
                <a:lnTo>
                  <a:pt x="17180" y="2666"/>
                </a:lnTo>
                <a:lnTo>
                  <a:pt x="17215" y="2663"/>
                </a:lnTo>
                <a:lnTo>
                  <a:pt x="17249" y="2658"/>
                </a:lnTo>
                <a:lnTo>
                  <a:pt x="17280" y="2653"/>
                </a:lnTo>
                <a:lnTo>
                  <a:pt x="17310" y="2645"/>
                </a:lnTo>
                <a:lnTo>
                  <a:pt x="17338" y="2637"/>
                </a:lnTo>
                <a:lnTo>
                  <a:pt x="17364" y="2629"/>
                </a:lnTo>
                <a:lnTo>
                  <a:pt x="17388" y="2619"/>
                </a:lnTo>
                <a:lnTo>
                  <a:pt x="17411" y="2609"/>
                </a:lnTo>
                <a:lnTo>
                  <a:pt x="17432" y="2597"/>
                </a:lnTo>
                <a:lnTo>
                  <a:pt x="17452" y="2585"/>
                </a:lnTo>
                <a:lnTo>
                  <a:pt x="17469" y="2573"/>
                </a:lnTo>
                <a:lnTo>
                  <a:pt x="17486" y="2558"/>
                </a:lnTo>
                <a:lnTo>
                  <a:pt x="17501" y="2545"/>
                </a:lnTo>
                <a:lnTo>
                  <a:pt x="17514" y="2530"/>
                </a:lnTo>
                <a:lnTo>
                  <a:pt x="17527" y="2516"/>
                </a:lnTo>
                <a:lnTo>
                  <a:pt x="17538" y="2500"/>
                </a:lnTo>
                <a:lnTo>
                  <a:pt x="17548" y="2485"/>
                </a:lnTo>
                <a:lnTo>
                  <a:pt x="17557" y="2469"/>
                </a:lnTo>
                <a:lnTo>
                  <a:pt x="17565" y="2453"/>
                </a:lnTo>
                <a:lnTo>
                  <a:pt x="17573" y="2437"/>
                </a:lnTo>
                <a:lnTo>
                  <a:pt x="17578" y="2421"/>
                </a:lnTo>
                <a:lnTo>
                  <a:pt x="17584" y="2405"/>
                </a:lnTo>
                <a:lnTo>
                  <a:pt x="17588" y="2388"/>
                </a:lnTo>
                <a:lnTo>
                  <a:pt x="17591" y="2373"/>
                </a:lnTo>
                <a:lnTo>
                  <a:pt x="17595" y="2357"/>
                </a:lnTo>
                <a:lnTo>
                  <a:pt x="17597" y="2341"/>
                </a:lnTo>
                <a:lnTo>
                  <a:pt x="17599" y="2311"/>
                </a:lnTo>
                <a:lnTo>
                  <a:pt x="17600" y="2283"/>
                </a:lnTo>
                <a:close/>
                <a:moveTo>
                  <a:pt x="16360" y="2350"/>
                </a:moveTo>
                <a:lnTo>
                  <a:pt x="16360" y="1888"/>
                </a:lnTo>
                <a:lnTo>
                  <a:pt x="16359" y="1860"/>
                </a:lnTo>
                <a:lnTo>
                  <a:pt x="16356" y="1834"/>
                </a:lnTo>
                <a:lnTo>
                  <a:pt x="16352" y="1810"/>
                </a:lnTo>
                <a:lnTo>
                  <a:pt x="16345" y="1786"/>
                </a:lnTo>
                <a:lnTo>
                  <a:pt x="16341" y="1777"/>
                </a:lnTo>
                <a:lnTo>
                  <a:pt x="16336" y="1766"/>
                </a:lnTo>
                <a:lnTo>
                  <a:pt x="16331" y="1757"/>
                </a:lnTo>
                <a:lnTo>
                  <a:pt x="16325" y="1747"/>
                </a:lnTo>
                <a:lnTo>
                  <a:pt x="16319" y="1738"/>
                </a:lnTo>
                <a:lnTo>
                  <a:pt x="16313" y="1730"/>
                </a:lnTo>
                <a:lnTo>
                  <a:pt x="16305" y="1723"/>
                </a:lnTo>
                <a:lnTo>
                  <a:pt x="16299" y="1715"/>
                </a:lnTo>
                <a:lnTo>
                  <a:pt x="16290" y="1709"/>
                </a:lnTo>
                <a:lnTo>
                  <a:pt x="16282" y="1702"/>
                </a:lnTo>
                <a:lnTo>
                  <a:pt x="16272" y="1695"/>
                </a:lnTo>
                <a:lnTo>
                  <a:pt x="16264" y="1690"/>
                </a:lnTo>
                <a:lnTo>
                  <a:pt x="16254" y="1684"/>
                </a:lnTo>
                <a:lnTo>
                  <a:pt x="16244" y="1680"/>
                </a:lnTo>
                <a:lnTo>
                  <a:pt x="16233" y="1676"/>
                </a:lnTo>
                <a:lnTo>
                  <a:pt x="16221" y="1672"/>
                </a:lnTo>
                <a:lnTo>
                  <a:pt x="16198" y="1666"/>
                </a:lnTo>
                <a:lnTo>
                  <a:pt x="16171" y="1661"/>
                </a:lnTo>
                <a:lnTo>
                  <a:pt x="16144" y="1658"/>
                </a:lnTo>
                <a:lnTo>
                  <a:pt x="16114" y="1658"/>
                </a:lnTo>
                <a:lnTo>
                  <a:pt x="16093" y="1658"/>
                </a:lnTo>
                <a:lnTo>
                  <a:pt x="16072" y="1659"/>
                </a:lnTo>
                <a:lnTo>
                  <a:pt x="16053" y="1661"/>
                </a:lnTo>
                <a:lnTo>
                  <a:pt x="16035" y="1664"/>
                </a:lnTo>
                <a:lnTo>
                  <a:pt x="16017" y="1667"/>
                </a:lnTo>
                <a:lnTo>
                  <a:pt x="16001" y="1671"/>
                </a:lnTo>
                <a:lnTo>
                  <a:pt x="15984" y="1676"/>
                </a:lnTo>
                <a:lnTo>
                  <a:pt x="15970" y="1681"/>
                </a:lnTo>
                <a:lnTo>
                  <a:pt x="15956" y="1688"/>
                </a:lnTo>
                <a:lnTo>
                  <a:pt x="15941" y="1694"/>
                </a:lnTo>
                <a:lnTo>
                  <a:pt x="15928" y="1701"/>
                </a:lnTo>
                <a:lnTo>
                  <a:pt x="15916" y="1709"/>
                </a:lnTo>
                <a:lnTo>
                  <a:pt x="15905" y="1716"/>
                </a:lnTo>
                <a:lnTo>
                  <a:pt x="15894" y="1725"/>
                </a:lnTo>
                <a:lnTo>
                  <a:pt x="15884" y="1734"/>
                </a:lnTo>
                <a:lnTo>
                  <a:pt x="15875" y="1744"/>
                </a:lnTo>
                <a:lnTo>
                  <a:pt x="15866" y="1754"/>
                </a:lnTo>
                <a:lnTo>
                  <a:pt x="15858" y="1763"/>
                </a:lnTo>
                <a:lnTo>
                  <a:pt x="15851" y="1774"/>
                </a:lnTo>
                <a:lnTo>
                  <a:pt x="15843" y="1785"/>
                </a:lnTo>
                <a:lnTo>
                  <a:pt x="15838" y="1796"/>
                </a:lnTo>
                <a:lnTo>
                  <a:pt x="15832" y="1807"/>
                </a:lnTo>
                <a:lnTo>
                  <a:pt x="15827" y="1818"/>
                </a:lnTo>
                <a:lnTo>
                  <a:pt x="15822" y="1830"/>
                </a:lnTo>
                <a:lnTo>
                  <a:pt x="15819" y="1842"/>
                </a:lnTo>
                <a:lnTo>
                  <a:pt x="15816" y="1855"/>
                </a:lnTo>
                <a:lnTo>
                  <a:pt x="15813" y="1867"/>
                </a:lnTo>
                <a:lnTo>
                  <a:pt x="15810" y="1879"/>
                </a:lnTo>
                <a:lnTo>
                  <a:pt x="15808" y="1904"/>
                </a:lnTo>
                <a:lnTo>
                  <a:pt x="15807" y="1928"/>
                </a:lnTo>
                <a:lnTo>
                  <a:pt x="15807" y="2350"/>
                </a:lnTo>
                <a:lnTo>
                  <a:pt x="15667" y="2350"/>
                </a:lnTo>
                <a:lnTo>
                  <a:pt x="15667" y="1589"/>
                </a:lnTo>
                <a:lnTo>
                  <a:pt x="15793" y="1589"/>
                </a:lnTo>
                <a:lnTo>
                  <a:pt x="15793" y="1717"/>
                </a:lnTo>
                <a:lnTo>
                  <a:pt x="15802" y="1704"/>
                </a:lnTo>
                <a:lnTo>
                  <a:pt x="15813" y="1691"/>
                </a:lnTo>
                <a:lnTo>
                  <a:pt x="15824" y="1678"/>
                </a:lnTo>
                <a:lnTo>
                  <a:pt x="15836" y="1665"/>
                </a:lnTo>
                <a:lnTo>
                  <a:pt x="15850" y="1653"/>
                </a:lnTo>
                <a:lnTo>
                  <a:pt x="15865" y="1639"/>
                </a:lnTo>
                <a:lnTo>
                  <a:pt x="15883" y="1628"/>
                </a:lnTo>
                <a:lnTo>
                  <a:pt x="15902" y="1617"/>
                </a:lnTo>
                <a:lnTo>
                  <a:pt x="15923" y="1608"/>
                </a:lnTo>
                <a:lnTo>
                  <a:pt x="15946" y="1598"/>
                </a:lnTo>
                <a:lnTo>
                  <a:pt x="15971" y="1590"/>
                </a:lnTo>
                <a:lnTo>
                  <a:pt x="15998" y="1583"/>
                </a:lnTo>
                <a:lnTo>
                  <a:pt x="16028" y="1578"/>
                </a:lnTo>
                <a:lnTo>
                  <a:pt x="16061" y="1573"/>
                </a:lnTo>
                <a:lnTo>
                  <a:pt x="16096" y="1571"/>
                </a:lnTo>
                <a:lnTo>
                  <a:pt x="16135" y="1570"/>
                </a:lnTo>
                <a:lnTo>
                  <a:pt x="16157" y="1570"/>
                </a:lnTo>
                <a:lnTo>
                  <a:pt x="16178" y="1571"/>
                </a:lnTo>
                <a:lnTo>
                  <a:pt x="16199" y="1572"/>
                </a:lnTo>
                <a:lnTo>
                  <a:pt x="16218" y="1575"/>
                </a:lnTo>
                <a:lnTo>
                  <a:pt x="16238" y="1578"/>
                </a:lnTo>
                <a:lnTo>
                  <a:pt x="16256" y="1581"/>
                </a:lnTo>
                <a:lnTo>
                  <a:pt x="16275" y="1584"/>
                </a:lnTo>
                <a:lnTo>
                  <a:pt x="16291" y="1589"/>
                </a:lnTo>
                <a:lnTo>
                  <a:pt x="16309" y="1594"/>
                </a:lnTo>
                <a:lnTo>
                  <a:pt x="16324" y="1600"/>
                </a:lnTo>
                <a:lnTo>
                  <a:pt x="16339" y="1606"/>
                </a:lnTo>
                <a:lnTo>
                  <a:pt x="16354" y="1613"/>
                </a:lnTo>
                <a:lnTo>
                  <a:pt x="16368" y="1620"/>
                </a:lnTo>
                <a:lnTo>
                  <a:pt x="16381" y="1628"/>
                </a:lnTo>
                <a:lnTo>
                  <a:pt x="16393" y="1636"/>
                </a:lnTo>
                <a:lnTo>
                  <a:pt x="16405" y="1646"/>
                </a:lnTo>
                <a:lnTo>
                  <a:pt x="16416" y="1655"/>
                </a:lnTo>
                <a:lnTo>
                  <a:pt x="16427" y="1666"/>
                </a:lnTo>
                <a:lnTo>
                  <a:pt x="16437" y="1676"/>
                </a:lnTo>
                <a:lnTo>
                  <a:pt x="16446" y="1688"/>
                </a:lnTo>
                <a:lnTo>
                  <a:pt x="16455" y="1699"/>
                </a:lnTo>
                <a:lnTo>
                  <a:pt x="16463" y="1711"/>
                </a:lnTo>
                <a:lnTo>
                  <a:pt x="16469" y="1724"/>
                </a:lnTo>
                <a:lnTo>
                  <a:pt x="16476" y="1737"/>
                </a:lnTo>
                <a:lnTo>
                  <a:pt x="16481" y="1751"/>
                </a:lnTo>
                <a:lnTo>
                  <a:pt x="16486" y="1766"/>
                </a:lnTo>
                <a:lnTo>
                  <a:pt x="16490" y="1781"/>
                </a:lnTo>
                <a:lnTo>
                  <a:pt x="16493" y="1796"/>
                </a:lnTo>
                <a:lnTo>
                  <a:pt x="16496" y="1812"/>
                </a:lnTo>
                <a:lnTo>
                  <a:pt x="16498" y="1828"/>
                </a:lnTo>
                <a:lnTo>
                  <a:pt x="16499" y="1846"/>
                </a:lnTo>
                <a:lnTo>
                  <a:pt x="16499" y="1863"/>
                </a:lnTo>
                <a:lnTo>
                  <a:pt x="16499" y="2350"/>
                </a:lnTo>
                <a:lnTo>
                  <a:pt x="16360" y="2350"/>
                </a:lnTo>
                <a:close/>
                <a:moveTo>
                  <a:pt x="15281" y="2350"/>
                </a:moveTo>
                <a:lnTo>
                  <a:pt x="15281" y="1589"/>
                </a:lnTo>
                <a:lnTo>
                  <a:pt x="15415" y="1589"/>
                </a:lnTo>
                <a:lnTo>
                  <a:pt x="15421" y="1589"/>
                </a:lnTo>
                <a:lnTo>
                  <a:pt x="15421" y="2350"/>
                </a:lnTo>
                <a:lnTo>
                  <a:pt x="15281" y="2350"/>
                </a:lnTo>
                <a:close/>
                <a:moveTo>
                  <a:pt x="14905" y="2350"/>
                </a:moveTo>
                <a:lnTo>
                  <a:pt x="14905" y="1844"/>
                </a:lnTo>
                <a:lnTo>
                  <a:pt x="14905" y="1822"/>
                </a:lnTo>
                <a:lnTo>
                  <a:pt x="14902" y="1801"/>
                </a:lnTo>
                <a:lnTo>
                  <a:pt x="14897" y="1781"/>
                </a:lnTo>
                <a:lnTo>
                  <a:pt x="14892" y="1762"/>
                </a:lnTo>
                <a:lnTo>
                  <a:pt x="14884" y="1746"/>
                </a:lnTo>
                <a:lnTo>
                  <a:pt x="14874" y="1730"/>
                </a:lnTo>
                <a:lnTo>
                  <a:pt x="14863" y="1717"/>
                </a:lnTo>
                <a:lnTo>
                  <a:pt x="14850" y="1704"/>
                </a:lnTo>
                <a:lnTo>
                  <a:pt x="14836" y="1693"/>
                </a:lnTo>
                <a:lnTo>
                  <a:pt x="14819" y="1684"/>
                </a:lnTo>
                <a:lnTo>
                  <a:pt x="14802" y="1676"/>
                </a:lnTo>
                <a:lnTo>
                  <a:pt x="14782" y="1669"/>
                </a:lnTo>
                <a:lnTo>
                  <a:pt x="14761" y="1665"/>
                </a:lnTo>
                <a:lnTo>
                  <a:pt x="14738" y="1660"/>
                </a:lnTo>
                <a:lnTo>
                  <a:pt x="14713" y="1658"/>
                </a:lnTo>
                <a:lnTo>
                  <a:pt x="14686" y="1658"/>
                </a:lnTo>
                <a:lnTo>
                  <a:pt x="14660" y="1659"/>
                </a:lnTo>
                <a:lnTo>
                  <a:pt x="14634" y="1661"/>
                </a:lnTo>
                <a:lnTo>
                  <a:pt x="14609" y="1667"/>
                </a:lnTo>
                <a:lnTo>
                  <a:pt x="14584" y="1673"/>
                </a:lnTo>
                <a:lnTo>
                  <a:pt x="14572" y="1678"/>
                </a:lnTo>
                <a:lnTo>
                  <a:pt x="14560" y="1683"/>
                </a:lnTo>
                <a:lnTo>
                  <a:pt x="14548" y="1689"/>
                </a:lnTo>
                <a:lnTo>
                  <a:pt x="14537" y="1694"/>
                </a:lnTo>
                <a:lnTo>
                  <a:pt x="14526" y="1701"/>
                </a:lnTo>
                <a:lnTo>
                  <a:pt x="14515" y="1707"/>
                </a:lnTo>
                <a:lnTo>
                  <a:pt x="14505" y="1715"/>
                </a:lnTo>
                <a:lnTo>
                  <a:pt x="14495" y="1723"/>
                </a:lnTo>
                <a:lnTo>
                  <a:pt x="14485" y="1732"/>
                </a:lnTo>
                <a:lnTo>
                  <a:pt x="14475" y="1740"/>
                </a:lnTo>
                <a:lnTo>
                  <a:pt x="14467" y="1750"/>
                </a:lnTo>
                <a:lnTo>
                  <a:pt x="14458" y="1761"/>
                </a:lnTo>
                <a:lnTo>
                  <a:pt x="14451" y="1771"/>
                </a:lnTo>
                <a:lnTo>
                  <a:pt x="14443" y="1783"/>
                </a:lnTo>
                <a:lnTo>
                  <a:pt x="14436" y="1795"/>
                </a:lnTo>
                <a:lnTo>
                  <a:pt x="14431" y="1807"/>
                </a:lnTo>
                <a:lnTo>
                  <a:pt x="14425" y="1821"/>
                </a:lnTo>
                <a:lnTo>
                  <a:pt x="14421" y="1834"/>
                </a:lnTo>
                <a:lnTo>
                  <a:pt x="14417" y="1848"/>
                </a:lnTo>
                <a:lnTo>
                  <a:pt x="14413" y="1863"/>
                </a:lnTo>
                <a:lnTo>
                  <a:pt x="14410" y="1879"/>
                </a:lnTo>
                <a:lnTo>
                  <a:pt x="14409" y="1894"/>
                </a:lnTo>
                <a:lnTo>
                  <a:pt x="14407" y="1912"/>
                </a:lnTo>
                <a:lnTo>
                  <a:pt x="14407" y="1928"/>
                </a:lnTo>
                <a:lnTo>
                  <a:pt x="14407" y="2350"/>
                </a:lnTo>
                <a:lnTo>
                  <a:pt x="14267" y="2350"/>
                </a:lnTo>
                <a:lnTo>
                  <a:pt x="14267" y="1844"/>
                </a:lnTo>
                <a:lnTo>
                  <a:pt x="14267" y="1822"/>
                </a:lnTo>
                <a:lnTo>
                  <a:pt x="14264" y="1801"/>
                </a:lnTo>
                <a:lnTo>
                  <a:pt x="14259" y="1781"/>
                </a:lnTo>
                <a:lnTo>
                  <a:pt x="14254" y="1762"/>
                </a:lnTo>
                <a:lnTo>
                  <a:pt x="14246" y="1746"/>
                </a:lnTo>
                <a:lnTo>
                  <a:pt x="14236" y="1730"/>
                </a:lnTo>
                <a:lnTo>
                  <a:pt x="14225" y="1717"/>
                </a:lnTo>
                <a:lnTo>
                  <a:pt x="14212" y="1704"/>
                </a:lnTo>
                <a:lnTo>
                  <a:pt x="14198" y="1693"/>
                </a:lnTo>
                <a:lnTo>
                  <a:pt x="14181" y="1684"/>
                </a:lnTo>
                <a:lnTo>
                  <a:pt x="14164" y="1676"/>
                </a:lnTo>
                <a:lnTo>
                  <a:pt x="14144" y="1669"/>
                </a:lnTo>
                <a:lnTo>
                  <a:pt x="14123" y="1665"/>
                </a:lnTo>
                <a:lnTo>
                  <a:pt x="14100" y="1660"/>
                </a:lnTo>
                <a:lnTo>
                  <a:pt x="14075" y="1658"/>
                </a:lnTo>
                <a:lnTo>
                  <a:pt x="14048" y="1658"/>
                </a:lnTo>
                <a:lnTo>
                  <a:pt x="14023" y="1659"/>
                </a:lnTo>
                <a:lnTo>
                  <a:pt x="13996" y="1661"/>
                </a:lnTo>
                <a:lnTo>
                  <a:pt x="13971" y="1667"/>
                </a:lnTo>
                <a:lnTo>
                  <a:pt x="13946" y="1673"/>
                </a:lnTo>
                <a:lnTo>
                  <a:pt x="13934" y="1678"/>
                </a:lnTo>
                <a:lnTo>
                  <a:pt x="13922" y="1683"/>
                </a:lnTo>
                <a:lnTo>
                  <a:pt x="13910" y="1689"/>
                </a:lnTo>
                <a:lnTo>
                  <a:pt x="13899" y="1694"/>
                </a:lnTo>
                <a:lnTo>
                  <a:pt x="13888" y="1701"/>
                </a:lnTo>
                <a:lnTo>
                  <a:pt x="13877" y="1707"/>
                </a:lnTo>
                <a:lnTo>
                  <a:pt x="13867" y="1715"/>
                </a:lnTo>
                <a:lnTo>
                  <a:pt x="13857" y="1723"/>
                </a:lnTo>
                <a:lnTo>
                  <a:pt x="13847" y="1732"/>
                </a:lnTo>
                <a:lnTo>
                  <a:pt x="13838" y="1740"/>
                </a:lnTo>
                <a:lnTo>
                  <a:pt x="13829" y="1750"/>
                </a:lnTo>
                <a:lnTo>
                  <a:pt x="13820" y="1761"/>
                </a:lnTo>
                <a:lnTo>
                  <a:pt x="13813" y="1771"/>
                </a:lnTo>
                <a:lnTo>
                  <a:pt x="13806" y="1783"/>
                </a:lnTo>
                <a:lnTo>
                  <a:pt x="13800" y="1795"/>
                </a:lnTo>
                <a:lnTo>
                  <a:pt x="13793" y="1807"/>
                </a:lnTo>
                <a:lnTo>
                  <a:pt x="13787" y="1821"/>
                </a:lnTo>
                <a:lnTo>
                  <a:pt x="13783" y="1834"/>
                </a:lnTo>
                <a:lnTo>
                  <a:pt x="13779" y="1848"/>
                </a:lnTo>
                <a:lnTo>
                  <a:pt x="13775" y="1863"/>
                </a:lnTo>
                <a:lnTo>
                  <a:pt x="13773" y="1879"/>
                </a:lnTo>
                <a:lnTo>
                  <a:pt x="13771" y="1894"/>
                </a:lnTo>
                <a:lnTo>
                  <a:pt x="13770" y="1912"/>
                </a:lnTo>
                <a:lnTo>
                  <a:pt x="13769" y="1928"/>
                </a:lnTo>
                <a:lnTo>
                  <a:pt x="13769" y="2350"/>
                </a:lnTo>
                <a:lnTo>
                  <a:pt x="13632" y="2350"/>
                </a:lnTo>
                <a:lnTo>
                  <a:pt x="13632" y="1589"/>
                </a:lnTo>
                <a:lnTo>
                  <a:pt x="13758" y="1589"/>
                </a:lnTo>
                <a:lnTo>
                  <a:pt x="13758" y="1713"/>
                </a:lnTo>
                <a:lnTo>
                  <a:pt x="13767" y="1702"/>
                </a:lnTo>
                <a:lnTo>
                  <a:pt x="13775" y="1691"/>
                </a:lnTo>
                <a:lnTo>
                  <a:pt x="13785" y="1679"/>
                </a:lnTo>
                <a:lnTo>
                  <a:pt x="13797" y="1667"/>
                </a:lnTo>
                <a:lnTo>
                  <a:pt x="13809" y="1655"/>
                </a:lnTo>
                <a:lnTo>
                  <a:pt x="13825" y="1644"/>
                </a:lnTo>
                <a:lnTo>
                  <a:pt x="13840" y="1632"/>
                </a:lnTo>
                <a:lnTo>
                  <a:pt x="13859" y="1621"/>
                </a:lnTo>
                <a:lnTo>
                  <a:pt x="13879" y="1610"/>
                </a:lnTo>
                <a:lnTo>
                  <a:pt x="13901" y="1601"/>
                </a:lnTo>
                <a:lnTo>
                  <a:pt x="13926" y="1592"/>
                </a:lnTo>
                <a:lnTo>
                  <a:pt x="13952" y="1584"/>
                </a:lnTo>
                <a:lnTo>
                  <a:pt x="13982" y="1578"/>
                </a:lnTo>
                <a:lnTo>
                  <a:pt x="14014" y="1573"/>
                </a:lnTo>
                <a:lnTo>
                  <a:pt x="14049" y="1571"/>
                </a:lnTo>
                <a:lnTo>
                  <a:pt x="14087" y="1570"/>
                </a:lnTo>
                <a:lnTo>
                  <a:pt x="14114" y="1570"/>
                </a:lnTo>
                <a:lnTo>
                  <a:pt x="14149" y="1573"/>
                </a:lnTo>
                <a:lnTo>
                  <a:pt x="14169" y="1577"/>
                </a:lnTo>
                <a:lnTo>
                  <a:pt x="14191" y="1581"/>
                </a:lnTo>
                <a:lnTo>
                  <a:pt x="14212" y="1587"/>
                </a:lnTo>
                <a:lnTo>
                  <a:pt x="14234" y="1594"/>
                </a:lnTo>
                <a:lnTo>
                  <a:pt x="14256" y="1603"/>
                </a:lnTo>
                <a:lnTo>
                  <a:pt x="14277" y="1613"/>
                </a:lnTo>
                <a:lnTo>
                  <a:pt x="14287" y="1620"/>
                </a:lnTo>
                <a:lnTo>
                  <a:pt x="14297" y="1626"/>
                </a:lnTo>
                <a:lnTo>
                  <a:pt x="14307" y="1634"/>
                </a:lnTo>
                <a:lnTo>
                  <a:pt x="14315" y="1642"/>
                </a:lnTo>
                <a:lnTo>
                  <a:pt x="14324" y="1650"/>
                </a:lnTo>
                <a:lnTo>
                  <a:pt x="14333" y="1659"/>
                </a:lnTo>
                <a:lnTo>
                  <a:pt x="14341" y="1669"/>
                </a:lnTo>
                <a:lnTo>
                  <a:pt x="14347" y="1679"/>
                </a:lnTo>
                <a:lnTo>
                  <a:pt x="14354" y="1690"/>
                </a:lnTo>
                <a:lnTo>
                  <a:pt x="14359" y="1702"/>
                </a:lnTo>
                <a:lnTo>
                  <a:pt x="14365" y="1715"/>
                </a:lnTo>
                <a:lnTo>
                  <a:pt x="14369" y="1728"/>
                </a:lnTo>
                <a:lnTo>
                  <a:pt x="14380" y="1711"/>
                </a:lnTo>
                <a:lnTo>
                  <a:pt x="14392" y="1694"/>
                </a:lnTo>
                <a:lnTo>
                  <a:pt x="14408" y="1678"/>
                </a:lnTo>
                <a:lnTo>
                  <a:pt x="14423" y="1664"/>
                </a:lnTo>
                <a:lnTo>
                  <a:pt x="14441" y="1649"/>
                </a:lnTo>
                <a:lnTo>
                  <a:pt x="14460" y="1636"/>
                </a:lnTo>
                <a:lnTo>
                  <a:pt x="14480" y="1624"/>
                </a:lnTo>
                <a:lnTo>
                  <a:pt x="14501" y="1613"/>
                </a:lnTo>
                <a:lnTo>
                  <a:pt x="14524" y="1603"/>
                </a:lnTo>
                <a:lnTo>
                  <a:pt x="14548" y="1594"/>
                </a:lnTo>
                <a:lnTo>
                  <a:pt x="14573" y="1588"/>
                </a:lnTo>
                <a:lnTo>
                  <a:pt x="14598" y="1581"/>
                </a:lnTo>
                <a:lnTo>
                  <a:pt x="14625" y="1577"/>
                </a:lnTo>
                <a:lnTo>
                  <a:pt x="14652" y="1572"/>
                </a:lnTo>
                <a:lnTo>
                  <a:pt x="14680" y="1570"/>
                </a:lnTo>
                <a:lnTo>
                  <a:pt x="14708" y="1570"/>
                </a:lnTo>
                <a:lnTo>
                  <a:pt x="14728" y="1570"/>
                </a:lnTo>
                <a:lnTo>
                  <a:pt x="14747" y="1571"/>
                </a:lnTo>
                <a:lnTo>
                  <a:pt x="14764" y="1572"/>
                </a:lnTo>
                <a:lnTo>
                  <a:pt x="14782" y="1575"/>
                </a:lnTo>
                <a:lnTo>
                  <a:pt x="14799" y="1577"/>
                </a:lnTo>
                <a:lnTo>
                  <a:pt x="14816" y="1580"/>
                </a:lnTo>
                <a:lnTo>
                  <a:pt x="14832" y="1584"/>
                </a:lnTo>
                <a:lnTo>
                  <a:pt x="14848" y="1588"/>
                </a:lnTo>
                <a:lnTo>
                  <a:pt x="14863" y="1593"/>
                </a:lnTo>
                <a:lnTo>
                  <a:pt x="14878" y="1598"/>
                </a:lnTo>
                <a:lnTo>
                  <a:pt x="14892" y="1604"/>
                </a:lnTo>
                <a:lnTo>
                  <a:pt x="14905" y="1610"/>
                </a:lnTo>
                <a:lnTo>
                  <a:pt x="14918" y="1617"/>
                </a:lnTo>
                <a:lnTo>
                  <a:pt x="14931" y="1624"/>
                </a:lnTo>
                <a:lnTo>
                  <a:pt x="14942" y="1632"/>
                </a:lnTo>
                <a:lnTo>
                  <a:pt x="14955" y="1640"/>
                </a:lnTo>
                <a:lnTo>
                  <a:pt x="14964" y="1649"/>
                </a:lnTo>
                <a:lnTo>
                  <a:pt x="14974" y="1658"/>
                </a:lnTo>
                <a:lnTo>
                  <a:pt x="14984" y="1667"/>
                </a:lnTo>
                <a:lnTo>
                  <a:pt x="14993" y="1677"/>
                </a:lnTo>
                <a:lnTo>
                  <a:pt x="15002" y="1688"/>
                </a:lnTo>
                <a:lnTo>
                  <a:pt x="15008" y="1699"/>
                </a:lnTo>
                <a:lnTo>
                  <a:pt x="15016" y="1710"/>
                </a:lnTo>
                <a:lnTo>
                  <a:pt x="15022" y="1721"/>
                </a:lnTo>
                <a:lnTo>
                  <a:pt x="15027" y="1733"/>
                </a:lnTo>
                <a:lnTo>
                  <a:pt x="15033" y="1746"/>
                </a:lnTo>
                <a:lnTo>
                  <a:pt x="15036" y="1758"/>
                </a:lnTo>
                <a:lnTo>
                  <a:pt x="15039" y="1771"/>
                </a:lnTo>
                <a:lnTo>
                  <a:pt x="15043" y="1784"/>
                </a:lnTo>
                <a:lnTo>
                  <a:pt x="15045" y="1799"/>
                </a:lnTo>
                <a:lnTo>
                  <a:pt x="15046" y="1813"/>
                </a:lnTo>
                <a:lnTo>
                  <a:pt x="15046" y="1827"/>
                </a:lnTo>
                <a:lnTo>
                  <a:pt x="15046" y="2350"/>
                </a:lnTo>
                <a:lnTo>
                  <a:pt x="14905" y="2350"/>
                </a:lnTo>
                <a:close/>
                <a:moveTo>
                  <a:pt x="13441" y="2000"/>
                </a:moveTo>
                <a:lnTo>
                  <a:pt x="13441" y="1948"/>
                </a:lnTo>
                <a:lnTo>
                  <a:pt x="13440" y="1926"/>
                </a:lnTo>
                <a:lnTo>
                  <a:pt x="13439" y="1905"/>
                </a:lnTo>
                <a:lnTo>
                  <a:pt x="13437" y="1884"/>
                </a:lnTo>
                <a:lnTo>
                  <a:pt x="13433" y="1864"/>
                </a:lnTo>
                <a:lnTo>
                  <a:pt x="13429" y="1845"/>
                </a:lnTo>
                <a:lnTo>
                  <a:pt x="13424" y="1826"/>
                </a:lnTo>
                <a:lnTo>
                  <a:pt x="13419" y="1807"/>
                </a:lnTo>
                <a:lnTo>
                  <a:pt x="13411" y="1790"/>
                </a:lnTo>
                <a:lnTo>
                  <a:pt x="13405" y="1772"/>
                </a:lnTo>
                <a:lnTo>
                  <a:pt x="13396" y="1756"/>
                </a:lnTo>
                <a:lnTo>
                  <a:pt x="13386" y="1740"/>
                </a:lnTo>
                <a:lnTo>
                  <a:pt x="13376" y="1725"/>
                </a:lnTo>
                <a:lnTo>
                  <a:pt x="13365" y="1711"/>
                </a:lnTo>
                <a:lnTo>
                  <a:pt x="13354" y="1696"/>
                </a:lnTo>
                <a:lnTo>
                  <a:pt x="13341" y="1683"/>
                </a:lnTo>
                <a:lnTo>
                  <a:pt x="13328" y="1670"/>
                </a:lnTo>
                <a:lnTo>
                  <a:pt x="13313" y="1659"/>
                </a:lnTo>
                <a:lnTo>
                  <a:pt x="13299" y="1648"/>
                </a:lnTo>
                <a:lnTo>
                  <a:pt x="13284" y="1637"/>
                </a:lnTo>
                <a:lnTo>
                  <a:pt x="13267" y="1627"/>
                </a:lnTo>
                <a:lnTo>
                  <a:pt x="13250" y="1618"/>
                </a:lnTo>
                <a:lnTo>
                  <a:pt x="13232" y="1610"/>
                </a:lnTo>
                <a:lnTo>
                  <a:pt x="13213" y="1603"/>
                </a:lnTo>
                <a:lnTo>
                  <a:pt x="13195" y="1595"/>
                </a:lnTo>
                <a:lnTo>
                  <a:pt x="13175" y="1590"/>
                </a:lnTo>
                <a:lnTo>
                  <a:pt x="13154" y="1584"/>
                </a:lnTo>
                <a:lnTo>
                  <a:pt x="13133" y="1580"/>
                </a:lnTo>
                <a:lnTo>
                  <a:pt x="13111" y="1577"/>
                </a:lnTo>
                <a:lnTo>
                  <a:pt x="13088" y="1573"/>
                </a:lnTo>
                <a:lnTo>
                  <a:pt x="13065" y="1571"/>
                </a:lnTo>
                <a:lnTo>
                  <a:pt x="13041" y="1570"/>
                </a:lnTo>
                <a:lnTo>
                  <a:pt x="13016" y="1570"/>
                </a:lnTo>
                <a:lnTo>
                  <a:pt x="12991" y="1570"/>
                </a:lnTo>
                <a:lnTo>
                  <a:pt x="12967" y="1571"/>
                </a:lnTo>
                <a:lnTo>
                  <a:pt x="12944" y="1575"/>
                </a:lnTo>
                <a:lnTo>
                  <a:pt x="12921" y="1578"/>
                </a:lnTo>
                <a:lnTo>
                  <a:pt x="12898" y="1581"/>
                </a:lnTo>
                <a:lnTo>
                  <a:pt x="12876" y="1587"/>
                </a:lnTo>
                <a:lnTo>
                  <a:pt x="12855" y="1592"/>
                </a:lnTo>
                <a:lnTo>
                  <a:pt x="12834" y="1599"/>
                </a:lnTo>
                <a:lnTo>
                  <a:pt x="12814" y="1606"/>
                </a:lnTo>
                <a:lnTo>
                  <a:pt x="12794" y="1615"/>
                </a:lnTo>
                <a:lnTo>
                  <a:pt x="12775" y="1624"/>
                </a:lnTo>
                <a:lnTo>
                  <a:pt x="12757" y="1634"/>
                </a:lnTo>
                <a:lnTo>
                  <a:pt x="12740" y="1645"/>
                </a:lnTo>
                <a:lnTo>
                  <a:pt x="12723" y="1656"/>
                </a:lnTo>
                <a:lnTo>
                  <a:pt x="12707" y="1669"/>
                </a:lnTo>
                <a:lnTo>
                  <a:pt x="12692" y="1681"/>
                </a:lnTo>
                <a:lnTo>
                  <a:pt x="12678" y="1695"/>
                </a:lnTo>
                <a:lnTo>
                  <a:pt x="12664" y="1709"/>
                </a:lnTo>
                <a:lnTo>
                  <a:pt x="12651" y="1724"/>
                </a:lnTo>
                <a:lnTo>
                  <a:pt x="12639" y="1739"/>
                </a:lnTo>
                <a:lnTo>
                  <a:pt x="12628" y="1756"/>
                </a:lnTo>
                <a:lnTo>
                  <a:pt x="12618" y="1772"/>
                </a:lnTo>
                <a:lnTo>
                  <a:pt x="12608" y="1790"/>
                </a:lnTo>
                <a:lnTo>
                  <a:pt x="12599" y="1807"/>
                </a:lnTo>
                <a:lnTo>
                  <a:pt x="12593" y="1826"/>
                </a:lnTo>
                <a:lnTo>
                  <a:pt x="12586" y="1845"/>
                </a:lnTo>
                <a:lnTo>
                  <a:pt x="12580" y="1864"/>
                </a:lnTo>
                <a:lnTo>
                  <a:pt x="12575" y="1884"/>
                </a:lnTo>
                <a:lnTo>
                  <a:pt x="12572" y="1905"/>
                </a:lnTo>
                <a:lnTo>
                  <a:pt x="12570" y="1926"/>
                </a:lnTo>
                <a:lnTo>
                  <a:pt x="12568" y="1947"/>
                </a:lnTo>
                <a:lnTo>
                  <a:pt x="12568" y="1969"/>
                </a:lnTo>
                <a:lnTo>
                  <a:pt x="12568" y="1986"/>
                </a:lnTo>
                <a:lnTo>
                  <a:pt x="12569" y="2003"/>
                </a:lnTo>
                <a:lnTo>
                  <a:pt x="12570" y="2020"/>
                </a:lnTo>
                <a:lnTo>
                  <a:pt x="12572" y="2038"/>
                </a:lnTo>
                <a:lnTo>
                  <a:pt x="12574" y="2056"/>
                </a:lnTo>
                <a:lnTo>
                  <a:pt x="12577" y="2073"/>
                </a:lnTo>
                <a:lnTo>
                  <a:pt x="12582" y="2091"/>
                </a:lnTo>
                <a:lnTo>
                  <a:pt x="12586" y="2107"/>
                </a:lnTo>
                <a:lnTo>
                  <a:pt x="12593" y="2125"/>
                </a:lnTo>
                <a:lnTo>
                  <a:pt x="12599" y="2141"/>
                </a:lnTo>
                <a:lnTo>
                  <a:pt x="12606" y="2158"/>
                </a:lnTo>
                <a:lnTo>
                  <a:pt x="12615" y="2174"/>
                </a:lnTo>
                <a:lnTo>
                  <a:pt x="12625" y="2189"/>
                </a:lnTo>
                <a:lnTo>
                  <a:pt x="12635" y="2206"/>
                </a:lnTo>
                <a:lnTo>
                  <a:pt x="12647" y="2220"/>
                </a:lnTo>
                <a:lnTo>
                  <a:pt x="12660" y="2236"/>
                </a:lnTo>
                <a:lnTo>
                  <a:pt x="12673" y="2249"/>
                </a:lnTo>
                <a:lnTo>
                  <a:pt x="12689" y="2263"/>
                </a:lnTo>
                <a:lnTo>
                  <a:pt x="12705" y="2276"/>
                </a:lnTo>
                <a:lnTo>
                  <a:pt x="12723" y="2288"/>
                </a:lnTo>
                <a:lnTo>
                  <a:pt x="12741" y="2299"/>
                </a:lnTo>
                <a:lnTo>
                  <a:pt x="12762" y="2310"/>
                </a:lnTo>
                <a:lnTo>
                  <a:pt x="12784" y="2320"/>
                </a:lnTo>
                <a:lnTo>
                  <a:pt x="12807" y="2329"/>
                </a:lnTo>
                <a:lnTo>
                  <a:pt x="12832" y="2338"/>
                </a:lnTo>
                <a:lnTo>
                  <a:pt x="12858" y="2344"/>
                </a:lnTo>
                <a:lnTo>
                  <a:pt x="12887" y="2351"/>
                </a:lnTo>
                <a:lnTo>
                  <a:pt x="12916" y="2356"/>
                </a:lnTo>
                <a:lnTo>
                  <a:pt x="12947" y="2361"/>
                </a:lnTo>
                <a:lnTo>
                  <a:pt x="12980" y="2363"/>
                </a:lnTo>
                <a:lnTo>
                  <a:pt x="13015" y="2365"/>
                </a:lnTo>
                <a:lnTo>
                  <a:pt x="13052" y="2365"/>
                </a:lnTo>
                <a:lnTo>
                  <a:pt x="13090" y="2365"/>
                </a:lnTo>
                <a:lnTo>
                  <a:pt x="13131" y="2363"/>
                </a:lnTo>
                <a:lnTo>
                  <a:pt x="13171" y="2360"/>
                </a:lnTo>
                <a:lnTo>
                  <a:pt x="13213" y="2354"/>
                </a:lnTo>
                <a:lnTo>
                  <a:pt x="13253" y="2349"/>
                </a:lnTo>
                <a:lnTo>
                  <a:pt x="13292" y="2341"/>
                </a:lnTo>
                <a:lnTo>
                  <a:pt x="13330" y="2333"/>
                </a:lnTo>
                <a:lnTo>
                  <a:pt x="13364" y="2325"/>
                </a:lnTo>
                <a:lnTo>
                  <a:pt x="13364" y="2220"/>
                </a:lnTo>
                <a:lnTo>
                  <a:pt x="13351" y="2226"/>
                </a:lnTo>
                <a:lnTo>
                  <a:pt x="13336" y="2231"/>
                </a:lnTo>
                <a:lnTo>
                  <a:pt x="13321" y="2237"/>
                </a:lnTo>
                <a:lnTo>
                  <a:pt x="13305" y="2242"/>
                </a:lnTo>
                <a:lnTo>
                  <a:pt x="13267" y="2252"/>
                </a:lnTo>
                <a:lnTo>
                  <a:pt x="13226" y="2261"/>
                </a:lnTo>
                <a:lnTo>
                  <a:pt x="13185" y="2267"/>
                </a:lnTo>
                <a:lnTo>
                  <a:pt x="13142" y="2273"/>
                </a:lnTo>
                <a:lnTo>
                  <a:pt x="13101" y="2276"/>
                </a:lnTo>
                <a:lnTo>
                  <a:pt x="13063" y="2277"/>
                </a:lnTo>
                <a:lnTo>
                  <a:pt x="13043" y="2277"/>
                </a:lnTo>
                <a:lnTo>
                  <a:pt x="13024" y="2276"/>
                </a:lnTo>
                <a:lnTo>
                  <a:pt x="13006" y="2275"/>
                </a:lnTo>
                <a:lnTo>
                  <a:pt x="12989" y="2273"/>
                </a:lnTo>
                <a:lnTo>
                  <a:pt x="12971" y="2270"/>
                </a:lnTo>
                <a:lnTo>
                  <a:pt x="12955" y="2266"/>
                </a:lnTo>
                <a:lnTo>
                  <a:pt x="12938" y="2263"/>
                </a:lnTo>
                <a:lnTo>
                  <a:pt x="12923" y="2259"/>
                </a:lnTo>
                <a:lnTo>
                  <a:pt x="12907" y="2253"/>
                </a:lnTo>
                <a:lnTo>
                  <a:pt x="12892" y="2248"/>
                </a:lnTo>
                <a:lnTo>
                  <a:pt x="12878" y="2241"/>
                </a:lnTo>
                <a:lnTo>
                  <a:pt x="12865" y="2234"/>
                </a:lnTo>
                <a:lnTo>
                  <a:pt x="12851" y="2227"/>
                </a:lnTo>
                <a:lnTo>
                  <a:pt x="12839" y="2219"/>
                </a:lnTo>
                <a:lnTo>
                  <a:pt x="12827" y="2211"/>
                </a:lnTo>
                <a:lnTo>
                  <a:pt x="12815" y="2203"/>
                </a:lnTo>
                <a:lnTo>
                  <a:pt x="12804" y="2193"/>
                </a:lnTo>
                <a:lnTo>
                  <a:pt x="12794" y="2183"/>
                </a:lnTo>
                <a:lnTo>
                  <a:pt x="12784" y="2173"/>
                </a:lnTo>
                <a:lnTo>
                  <a:pt x="12775" y="2162"/>
                </a:lnTo>
                <a:lnTo>
                  <a:pt x="12768" y="2151"/>
                </a:lnTo>
                <a:lnTo>
                  <a:pt x="12760" y="2139"/>
                </a:lnTo>
                <a:lnTo>
                  <a:pt x="12752" y="2127"/>
                </a:lnTo>
                <a:lnTo>
                  <a:pt x="12746" y="2115"/>
                </a:lnTo>
                <a:lnTo>
                  <a:pt x="12740" y="2102"/>
                </a:lnTo>
                <a:lnTo>
                  <a:pt x="12736" y="2088"/>
                </a:lnTo>
                <a:lnTo>
                  <a:pt x="12731" y="2074"/>
                </a:lnTo>
                <a:lnTo>
                  <a:pt x="12727" y="2060"/>
                </a:lnTo>
                <a:lnTo>
                  <a:pt x="12725" y="2046"/>
                </a:lnTo>
                <a:lnTo>
                  <a:pt x="12723" y="2030"/>
                </a:lnTo>
                <a:lnTo>
                  <a:pt x="12720" y="2015"/>
                </a:lnTo>
                <a:lnTo>
                  <a:pt x="12720" y="2000"/>
                </a:lnTo>
                <a:lnTo>
                  <a:pt x="12723" y="2000"/>
                </a:lnTo>
                <a:lnTo>
                  <a:pt x="12733" y="2000"/>
                </a:lnTo>
                <a:lnTo>
                  <a:pt x="12760" y="2000"/>
                </a:lnTo>
                <a:lnTo>
                  <a:pt x="12814" y="2000"/>
                </a:lnTo>
                <a:lnTo>
                  <a:pt x="12900" y="2000"/>
                </a:lnTo>
                <a:lnTo>
                  <a:pt x="13027" y="2000"/>
                </a:lnTo>
                <a:lnTo>
                  <a:pt x="13206" y="2000"/>
                </a:lnTo>
                <a:lnTo>
                  <a:pt x="13441" y="2000"/>
                </a:lnTo>
                <a:close/>
                <a:moveTo>
                  <a:pt x="12222" y="2350"/>
                </a:moveTo>
                <a:lnTo>
                  <a:pt x="12222" y="1234"/>
                </a:lnTo>
                <a:lnTo>
                  <a:pt x="12356" y="1234"/>
                </a:lnTo>
                <a:lnTo>
                  <a:pt x="12361" y="1234"/>
                </a:lnTo>
                <a:lnTo>
                  <a:pt x="12361" y="2350"/>
                </a:lnTo>
                <a:lnTo>
                  <a:pt x="12222" y="2350"/>
                </a:lnTo>
                <a:close/>
                <a:moveTo>
                  <a:pt x="11502" y="1409"/>
                </a:moveTo>
                <a:lnTo>
                  <a:pt x="11502" y="1767"/>
                </a:lnTo>
                <a:lnTo>
                  <a:pt x="11503" y="1767"/>
                </a:lnTo>
                <a:lnTo>
                  <a:pt x="11510" y="1767"/>
                </a:lnTo>
                <a:lnTo>
                  <a:pt x="11531" y="1767"/>
                </a:lnTo>
                <a:lnTo>
                  <a:pt x="11570" y="1767"/>
                </a:lnTo>
                <a:lnTo>
                  <a:pt x="11633" y="1767"/>
                </a:lnTo>
                <a:lnTo>
                  <a:pt x="11725" y="1767"/>
                </a:lnTo>
                <a:lnTo>
                  <a:pt x="11853" y="1767"/>
                </a:lnTo>
                <a:lnTo>
                  <a:pt x="12022" y="1767"/>
                </a:lnTo>
                <a:lnTo>
                  <a:pt x="12022" y="1863"/>
                </a:lnTo>
                <a:lnTo>
                  <a:pt x="11853" y="1863"/>
                </a:lnTo>
                <a:lnTo>
                  <a:pt x="11725" y="1863"/>
                </a:lnTo>
                <a:lnTo>
                  <a:pt x="11633" y="1863"/>
                </a:lnTo>
                <a:lnTo>
                  <a:pt x="11570" y="1863"/>
                </a:lnTo>
                <a:lnTo>
                  <a:pt x="11531" y="1863"/>
                </a:lnTo>
                <a:lnTo>
                  <a:pt x="11510" y="1863"/>
                </a:lnTo>
                <a:lnTo>
                  <a:pt x="11503" y="1863"/>
                </a:lnTo>
                <a:lnTo>
                  <a:pt x="11502" y="1863"/>
                </a:lnTo>
                <a:lnTo>
                  <a:pt x="11502" y="1864"/>
                </a:lnTo>
                <a:lnTo>
                  <a:pt x="11502" y="1872"/>
                </a:lnTo>
                <a:lnTo>
                  <a:pt x="11502" y="1892"/>
                </a:lnTo>
                <a:lnTo>
                  <a:pt x="11502" y="1928"/>
                </a:lnTo>
                <a:lnTo>
                  <a:pt x="11502" y="1986"/>
                </a:lnTo>
                <a:lnTo>
                  <a:pt x="11502" y="2073"/>
                </a:lnTo>
                <a:lnTo>
                  <a:pt x="11502" y="2192"/>
                </a:lnTo>
                <a:lnTo>
                  <a:pt x="11502" y="2350"/>
                </a:lnTo>
                <a:lnTo>
                  <a:pt x="11351" y="2350"/>
                </a:lnTo>
                <a:lnTo>
                  <a:pt x="11351" y="1310"/>
                </a:lnTo>
                <a:lnTo>
                  <a:pt x="12047" y="1310"/>
                </a:lnTo>
                <a:lnTo>
                  <a:pt x="12047" y="1409"/>
                </a:lnTo>
                <a:lnTo>
                  <a:pt x="11869" y="1409"/>
                </a:lnTo>
                <a:lnTo>
                  <a:pt x="11735" y="1409"/>
                </a:lnTo>
                <a:lnTo>
                  <a:pt x="11638" y="1409"/>
                </a:lnTo>
                <a:lnTo>
                  <a:pt x="11573" y="1409"/>
                </a:lnTo>
                <a:lnTo>
                  <a:pt x="11532" y="1409"/>
                </a:lnTo>
                <a:lnTo>
                  <a:pt x="11512" y="1409"/>
                </a:lnTo>
                <a:lnTo>
                  <a:pt x="11503" y="1409"/>
                </a:lnTo>
                <a:lnTo>
                  <a:pt x="11502" y="1409"/>
                </a:lnTo>
                <a:close/>
                <a:moveTo>
                  <a:pt x="7493" y="1528"/>
                </a:moveTo>
                <a:lnTo>
                  <a:pt x="7473" y="1528"/>
                </a:lnTo>
                <a:lnTo>
                  <a:pt x="7453" y="1530"/>
                </a:lnTo>
                <a:lnTo>
                  <a:pt x="7433" y="1532"/>
                </a:lnTo>
                <a:lnTo>
                  <a:pt x="7413" y="1535"/>
                </a:lnTo>
                <a:lnTo>
                  <a:pt x="7394" y="1538"/>
                </a:lnTo>
                <a:lnTo>
                  <a:pt x="7376" y="1543"/>
                </a:lnTo>
                <a:lnTo>
                  <a:pt x="7357" y="1549"/>
                </a:lnTo>
                <a:lnTo>
                  <a:pt x="7339" y="1556"/>
                </a:lnTo>
                <a:lnTo>
                  <a:pt x="7322" y="1565"/>
                </a:lnTo>
                <a:lnTo>
                  <a:pt x="7305" y="1575"/>
                </a:lnTo>
                <a:lnTo>
                  <a:pt x="7289" y="1586"/>
                </a:lnTo>
                <a:lnTo>
                  <a:pt x="7273" y="1599"/>
                </a:lnTo>
                <a:lnTo>
                  <a:pt x="7258" y="1613"/>
                </a:lnTo>
                <a:lnTo>
                  <a:pt x="7244" y="1629"/>
                </a:lnTo>
                <a:lnTo>
                  <a:pt x="7230" y="1647"/>
                </a:lnTo>
                <a:lnTo>
                  <a:pt x="7218" y="1667"/>
                </a:lnTo>
                <a:lnTo>
                  <a:pt x="7215" y="1667"/>
                </a:lnTo>
                <a:lnTo>
                  <a:pt x="7215" y="1545"/>
                </a:lnTo>
                <a:lnTo>
                  <a:pt x="6970" y="1545"/>
                </a:lnTo>
                <a:lnTo>
                  <a:pt x="6970" y="2349"/>
                </a:lnTo>
                <a:lnTo>
                  <a:pt x="7236" y="2349"/>
                </a:lnTo>
                <a:lnTo>
                  <a:pt x="7236" y="1956"/>
                </a:lnTo>
                <a:lnTo>
                  <a:pt x="7237" y="1926"/>
                </a:lnTo>
                <a:lnTo>
                  <a:pt x="7238" y="1900"/>
                </a:lnTo>
                <a:lnTo>
                  <a:pt x="7241" y="1875"/>
                </a:lnTo>
                <a:lnTo>
                  <a:pt x="7246" y="1853"/>
                </a:lnTo>
                <a:lnTo>
                  <a:pt x="7250" y="1835"/>
                </a:lnTo>
                <a:lnTo>
                  <a:pt x="7256" y="1818"/>
                </a:lnTo>
                <a:lnTo>
                  <a:pt x="7261" y="1804"/>
                </a:lnTo>
                <a:lnTo>
                  <a:pt x="7268" y="1792"/>
                </a:lnTo>
                <a:lnTo>
                  <a:pt x="7279" y="1774"/>
                </a:lnTo>
                <a:lnTo>
                  <a:pt x="7291" y="1760"/>
                </a:lnTo>
                <a:lnTo>
                  <a:pt x="7297" y="1752"/>
                </a:lnTo>
                <a:lnTo>
                  <a:pt x="7305" y="1746"/>
                </a:lnTo>
                <a:lnTo>
                  <a:pt x="7312" y="1740"/>
                </a:lnTo>
                <a:lnTo>
                  <a:pt x="7321" y="1735"/>
                </a:lnTo>
                <a:lnTo>
                  <a:pt x="7328" y="1729"/>
                </a:lnTo>
                <a:lnTo>
                  <a:pt x="7337" y="1725"/>
                </a:lnTo>
                <a:lnTo>
                  <a:pt x="7347" y="1721"/>
                </a:lnTo>
                <a:lnTo>
                  <a:pt x="7357" y="1717"/>
                </a:lnTo>
                <a:lnTo>
                  <a:pt x="7378" y="1711"/>
                </a:lnTo>
                <a:lnTo>
                  <a:pt x="7403" y="1706"/>
                </a:lnTo>
                <a:lnTo>
                  <a:pt x="7417" y="1705"/>
                </a:lnTo>
                <a:lnTo>
                  <a:pt x="7432" y="1704"/>
                </a:lnTo>
                <a:lnTo>
                  <a:pt x="7448" y="1705"/>
                </a:lnTo>
                <a:lnTo>
                  <a:pt x="7465" y="1706"/>
                </a:lnTo>
                <a:lnTo>
                  <a:pt x="7480" y="1710"/>
                </a:lnTo>
                <a:lnTo>
                  <a:pt x="7497" y="1714"/>
                </a:lnTo>
                <a:lnTo>
                  <a:pt x="7512" y="1720"/>
                </a:lnTo>
                <a:lnTo>
                  <a:pt x="7526" y="1726"/>
                </a:lnTo>
                <a:lnTo>
                  <a:pt x="7645" y="1556"/>
                </a:lnTo>
                <a:lnTo>
                  <a:pt x="7627" y="1550"/>
                </a:lnTo>
                <a:lnTo>
                  <a:pt x="7609" y="1544"/>
                </a:lnTo>
                <a:lnTo>
                  <a:pt x="7591" y="1539"/>
                </a:lnTo>
                <a:lnTo>
                  <a:pt x="7574" y="1535"/>
                </a:lnTo>
                <a:lnTo>
                  <a:pt x="7555" y="1533"/>
                </a:lnTo>
                <a:lnTo>
                  <a:pt x="7536" y="1531"/>
                </a:lnTo>
                <a:lnTo>
                  <a:pt x="7515" y="1528"/>
                </a:lnTo>
                <a:lnTo>
                  <a:pt x="7493" y="1528"/>
                </a:lnTo>
                <a:close/>
                <a:moveTo>
                  <a:pt x="2279" y="1310"/>
                </a:moveTo>
                <a:lnTo>
                  <a:pt x="2279" y="1941"/>
                </a:lnTo>
                <a:lnTo>
                  <a:pt x="2278" y="1968"/>
                </a:lnTo>
                <a:lnTo>
                  <a:pt x="2276" y="1993"/>
                </a:lnTo>
                <a:lnTo>
                  <a:pt x="2272" y="2016"/>
                </a:lnTo>
                <a:lnTo>
                  <a:pt x="2266" y="2038"/>
                </a:lnTo>
                <a:lnTo>
                  <a:pt x="2259" y="2059"/>
                </a:lnTo>
                <a:lnTo>
                  <a:pt x="2251" y="2077"/>
                </a:lnTo>
                <a:lnTo>
                  <a:pt x="2245" y="2086"/>
                </a:lnTo>
                <a:lnTo>
                  <a:pt x="2240" y="2095"/>
                </a:lnTo>
                <a:lnTo>
                  <a:pt x="2234" y="2103"/>
                </a:lnTo>
                <a:lnTo>
                  <a:pt x="2228" y="2110"/>
                </a:lnTo>
                <a:lnTo>
                  <a:pt x="2221" y="2118"/>
                </a:lnTo>
                <a:lnTo>
                  <a:pt x="2214" y="2125"/>
                </a:lnTo>
                <a:lnTo>
                  <a:pt x="2207" y="2131"/>
                </a:lnTo>
                <a:lnTo>
                  <a:pt x="2198" y="2138"/>
                </a:lnTo>
                <a:lnTo>
                  <a:pt x="2190" y="2143"/>
                </a:lnTo>
                <a:lnTo>
                  <a:pt x="2181" y="2148"/>
                </a:lnTo>
                <a:lnTo>
                  <a:pt x="2171" y="2153"/>
                </a:lnTo>
                <a:lnTo>
                  <a:pt x="2162" y="2158"/>
                </a:lnTo>
                <a:lnTo>
                  <a:pt x="2152" y="2161"/>
                </a:lnTo>
                <a:lnTo>
                  <a:pt x="2141" y="2164"/>
                </a:lnTo>
                <a:lnTo>
                  <a:pt x="2130" y="2168"/>
                </a:lnTo>
                <a:lnTo>
                  <a:pt x="2119" y="2170"/>
                </a:lnTo>
                <a:lnTo>
                  <a:pt x="2093" y="2173"/>
                </a:lnTo>
                <a:lnTo>
                  <a:pt x="2067" y="2174"/>
                </a:lnTo>
                <a:lnTo>
                  <a:pt x="2047" y="2174"/>
                </a:lnTo>
                <a:lnTo>
                  <a:pt x="2023" y="2174"/>
                </a:lnTo>
                <a:lnTo>
                  <a:pt x="1995" y="2173"/>
                </a:lnTo>
                <a:lnTo>
                  <a:pt x="1965" y="2171"/>
                </a:lnTo>
                <a:lnTo>
                  <a:pt x="1933" y="2169"/>
                </a:lnTo>
                <a:lnTo>
                  <a:pt x="1900" y="2164"/>
                </a:lnTo>
                <a:lnTo>
                  <a:pt x="1867" y="2160"/>
                </a:lnTo>
                <a:lnTo>
                  <a:pt x="1833" y="2153"/>
                </a:lnTo>
                <a:lnTo>
                  <a:pt x="1833" y="2351"/>
                </a:lnTo>
                <a:lnTo>
                  <a:pt x="1867" y="2355"/>
                </a:lnTo>
                <a:lnTo>
                  <a:pt x="1902" y="2359"/>
                </a:lnTo>
                <a:lnTo>
                  <a:pt x="1938" y="2362"/>
                </a:lnTo>
                <a:lnTo>
                  <a:pt x="1975" y="2364"/>
                </a:lnTo>
                <a:lnTo>
                  <a:pt x="2011" y="2366"/>
                </a:lnTo>
                <a:lnTo>
                  <a:pt x="2047" y="2367"/>
                </a:lnTo>
                <a:lnTo>
                  <a:pt x="2082" y="2367"/>
                </a:lnTo>
                <a:lnTo>
                  <a:pt x="2115" y="2367"/>
                </a:lnTo>
                <a:lnTo>
                  <a:pt x="2143" y="2367"/>
                </a:lnTo>
                <a:lnTo>
                  <a:pt x="2168" y="2366"/>
                </a:lnTo>
                <a:lnTo>
                  <a:pt x="2195" y="2364"/>
                </a:lnTo>
                <a:lnTo>
                  <a:pt x="2219" y="2361"/>
                </a:lnTo>
                <a:lnTo>
                  <a:pt x="2243" y="2356"/>
                </a:lnTo>
                <a:lnTo>
                  <a:pt x="2267" y="2352"/>
                </a:lnTo>
                <a:lnTo>
                  <a:pt x="2289" y="2346"/>
                </a:lnTo>
                <a:lnTo>
                  <a:pt x="2311" y="2340"/>
                </a:lnTo>
                <a:lnTo>
                  <a:pt x="2333" y="2333"/>
                </a:lnTo>
                <a:lnTo>
                  <a:pt x="2353" y="2325"/>
                </a:lnTo>
                <a:lnTo>
                  <a:pt x="2373" y="2316"/>
                </a:lnTo>
                <a:lnTo>
                  <a:pt x="2393" y="2307"/>
                </a:lnTo>
                <a:lnTo>
                  <a:pt x="2410" y="2296"/>
                </a:lnTo>
                <a:lnTo>
                  <a:pt x="2428" y="2285"/>
                </a:lnTo>
                <a:lnTo>
                  <a:pt x="2444" y="2274"/>
                </a:lnTo>
                <a:lnTo>
                  <a:pt x="2460" y="2261"/>
                </a:lnTo>
                <a:lnTo>
                  <a:pt x="2474" y="2248"/>
                </a:lnTo>
                <a:lnTo>
                  <a:pt x="2488" y="2234"/>
                </a:lnTo>
                <a:lnTo>
                  <a:pt x="2501" y="2220"/>
                </a:lnTo>
                <a:lnTo>
                  <a:pt x="2514" y="2205"/>
                </a:lnTo>
                <a:lnTo>
                  <a:pt x="2525" y="2188"/>
                </a:lnTo>
                <a:lnTo>
                  <a:pt x="2536" y="2173"/>
                </a:lnTo>
                <a:lnTo>
                  <a:pt x="2544" y="2155"/>
                </a:lnTo>
                <a:lnTo>
                  <a:pt x="2553" y="2138"/>
                </a:lnTo>
                <a:lnTo>
                  <a:pt x="2561" y="2119"/>
                </a:lnTo>
                <a:lnTo>
                  <a:pt x="2567" y="2101"/>
                </a:lnTo>
                <a:lnTo>
                  <a:pt x="2573" y="2082"/>
                </a:lnTo>
                <a:lnTo>
                  <a:pt x="2577" y="2061"/>
                </a:lnTo>
                <a:lnTo>
                  <a:pt x="2581" y="2041"/>
                </a:lnTo>
                <a:lnTo>
                  <a:pt x="2583" y="2020"/>
                </a:lnTo>
                <a:lnTo>
                  <a:pt x="2585" y="1998"/>
                </a:lnTo>
                <a:lnTo>
                  <a:pt x="2585" y="1976"/>
                </a:lnTo>
                <a:lnTo>
                  <a:pt x="2585" y="1310"/>
                </a:lnTo>
                <a:lnTo>
                  <a:pt x="2279" y="1310"/>
                </a:lnTo>
                <a:close/>
                <a:moveTo>
                  <a:pt x="9404" y="2132"/>
                </a:moveTo>
                <a:lnTo>
                  <a:pt x="9389" y="2143"/>
                </a:lnTo>
                <a:lnTo>
                  <a:pt x="9373" y="2154"/>
                </a:lnTo>
                <a:lnTo>
                  <a:pt x="9358" y="2163"/>
                </a:lnTo>
                <a:lnTo>
                  <a:pt x="9342" y="2172"/>
                </a:lnTo>
                <a:lnTo>
                  <a:pt x="9327" y="2178"/>
                </a:lnTo>
                <a:lnTo>
                  <a:pt x="9312" y="2185"/>
                </a:lnTo>
                <a:lnTo>
                  <a:pt x="9296" y="2192"/>
                </a:lnTo>
                <a:lnTo>
                  <a:pt x="9281" y="2196"/>
                </a:lnTo>
                <a:lnTo>
                  <a:pt x="9266" y="2200"/>
                </a:lnTo>
                <a:lnTo>
                  <a:pt x="9251" y="2205"/>
                </a:lnTo>
                <a:lnTo>
                  <a:pt x="9237" y="2208"/>
                </a:lnTo>
                <a:lnTo>
                  <a:pt x="9221" y="2210"/>
                </a:lnTo>
                <a:lnTo>
                  <a:pt x="9193" y="2214"/>
                </a:lnTo>
                <a:lnTo>
                  <a:pt x="9165" y="2216"/>
                </a:lnTo>
                <a:lnTo>
                  <a:pt x="9149" y="2216"/>
                </a:lnTo>
                <a:lnTo>
                  <a:pt x="9133" y="2216"/>
                </a:lnTo>
                <a:lnTo>
                  <a:pt x="9118" y="2214"/>
                </a:lnTo>
                <a:lnTo>
                  <a:pt x="9105" y="2211"/>
                </a:lnTo>
                <a:lnTo>
                  <a:pt x="9092" y="2209"/>
                </a:lnTo>
                <a:lnTo>
                  <a:pt x="9078" y="2205"/>
                </a:lnTo>
                <a:lnTo>
                  <a:pt x="9067" y="2199"/>
                </a:lnTo>
                <a:lnTo>
                  <a:pt x="9057" y="2194"/>
                </a:lnTo>
                <a:lnTo>
                  <a:pt x="9048" y="2187"/>
                </a:lnTo>
                <a:lnTo>
                  <a:pt x="9040" y="2178"/>
                </a:lnTo>
                <a:lnTo>
                  <a:pt x="9032" y="2170"/>
                </a:lnTo>
                <a:lnTo>
                  <a:pt x="9027" y="2160"/>
                </a:lnTo>
                <a:lnTo>
                  <a:pt x="9022" y="2149"/>
                </a:lnTo>
                <a:lnTo>
                  <a:pt x="9019" y="2136"/>
                </a:lnTo>
                <a:lnTo>
                  <a:pt x="9017" y="2122"/>
                </a:lnTo>
                <a:lnTo>
                  <a:pt x="9016" y="2107"/>
                </a:lnTo>
                <a:lnTo>
                  <a:pt x="9016" y="2098"/>
                </a:lnTo>
                <a:lnTo>
                  <a:pt x="9017" y="2090"/>
                </a:lnTo>
                <a:lnTo>
                  <a:pt x="9019" y="2082"/>
                </a:lnTo>
                <a:lnTo>
                  <a:pt x="9022" y="2074"/>
                </a:lnTo>
                <a:lnTo>
                  <a:pt x="9026" y="2066"/>
                </a:lnTo>
                <a:lnTo>
                  <a:pt x="9030" y="2060"/>
                </a:lnTo>
                <a:lnTo>
                  <a:pt x="9034" y="2053"/>
                </a:lnTo>
                <a:lnTo>
                  <a:pt x="9040" y="2048"/>
                </a:lnTo>
                <a:lnTo>
                  <a:pt x="9046" y="2042"/>
                </a:lnTo>
                <a:lnTo>
                  <a:pt x="9053" y="2037"/>
                </a:lnTo>
                <a:lnTo>
                  <a:pt x="9061" y="2032"/>
                </a:lnTo>
                <a:lnTo>
                  <a:pt x="9070" y="2028"/>
                </a:lnTo>
                <a:lnTo>
                  <a:pt x="9087" y="2019"/>
                </a:lnTo>
                <a:lnTo>
                  <a:pt x="9107" y="2013"/>
                </a:lnTo>
                <a:lnTo>
                  <a:pt x="9128" y="2007"/>
                </a:lnTo>
                <a:lnTo>
                  <a:pt x="9151" y="2003"/>
                </a:lnTo>
                <a:lnTo>
                  <a:pt x="9176" y="2000"/>
                </a:lnTo>
                <a:lnTo>
                  <a:pt x="9203" y="1996"/>
                </a:lnTo>
                <a:lnTo>
                  <a:pt x="9229" y="1994"/>
                </a:lnTo>
                <a:lnTo>
                  <a:pt x="9258" y="1993"/>
                </a:lnTo>
                <a:lnTo>
                  <a:pt x="9286" y="1993"/>
                </a:lnTo>
                <a:lnTo>
                  <a:pt x="9316" y="1992"/>
                </a:lnTo>
                <a:lnTo>
                  <a:pt x="9404" y="1992"/>
                </a:lnTo>
                <a:lnTo>
                  <a:pt x="9404" y="2132"/>
                </a:lnTo>
                <a:close/>
                <a:moveTo>
                  <a:pt x="8124" y="2187"/>
                </a:moveTo>
                <a:lnTo>
                  <a:pt x="8110" y="2187"/>
                </a:lnTo>
                <a:lnTo>
                  <a:pt x="8097" y="2186"/>
                </a:lnTo>
                <a:lnTo>
                  <a:pt x="8084" y="2184"/>
                </a:lnTo>
                <a:lnTo>
                  <a:pt x="8072" y="2182"/>
                </a:lnTo>
                <a:lnTo>
                  <a:pt x="8060" y="2178"/>
                </a:lnTo>
                <a:lnTo>
                  <a:pt x="8048" y="2175"/>
                </a:lnTo>
                <a:lnTo>
                  <a:pt x="8037" y="2171"/>
                </a:lnTo>
                <a:lnTo>
                  <a:pt x="8027" y="2166"/>
                </a:lnTo>
                <a:lnTo>
                  <a:pt x="8016" y="2162"/>
                </a:lnTo>
                <a:lnTo>
                  <a:pt x="8007" y="2155"/>
                </a:lnTo>
                <a:lnTo>
                  <a:pt x="7997" y="2150"/>
                </a:lnTo>
                <a:lnTo>
                  <a:pt x="7988" y="2143"/>
                </a:lnTo>
                <a:lnTo>
                  <a:pt x="7979" y="2136"/>
                </a:lnTo>
                <a:lnTo>
                  <a:pt x="7972" y="2128"/>
                </a:lnTo>
                <a:lnTo>
                  <a:pt x="7964" y="2120"/>
                </a:lnTo>
                <a:lnTo>
                  <a:pt x="7957" y="2113"/>
                </a:lnTo>
                <a:lnTo>
                  <a:pt x="7944" y="2095"/>
                </a:lnTo>
                <a:lnTo>
                  <a:pt x="7933" y="2076"/>
                </a:lnTo>
                <a:lnTo>
                  <a:pt x="7924" y="2056"/>
                </a:lnTo>
                <a:lnTo>
                  <a:pt x="7917" y="2035"/>
                </a:lnTo>
                <a:lnTo>
                  <a:pt x="7910" y="2014"/>
                </a:lnTo>
                <a:lnTo>
                  <a:pt x="7906" y="1991"/>
                </a:lnTo>
                <a:lnTo>
                  <a:pt x="7904" y="1969"/>
                </a:lnTo>
                <a:lnTo>
                  <a:pt x="7902" y="1946"/>
                </a:lnTo>
                <a:lnTo>
                  <a:pt x="7904" y="1923"/>
                </a:lnTo>
                <a:lnTo>
                  <a:pt x="7906" y="1900"/>
                </a:lnTo>
                <a:lnTo>
                  <a:pt x="7909" y="1877"/>
                </a:lnTo>
                <a:lnTo>
                  <a:pt x="7915" y="1855"/>
                </a:lnTo>
                <a:lnTo>
                  <a:pt x="7921" y="1833"/>
                </a:lnTo>
                <a:lnTo>
                  <a:pt x="7930" y="1812"/>
                </a:lnTo>
                <a:lnTo>
                  <a:pt x="7935" y="1802"/>
                </a:lnTo>
                <a:lnTo>
                  <a:pt x="7941" y="1792"/>
                </a:lnTo>
                <a:lnTo>
                  <a:pt x="7946" y="1783"/>
                </a:lnTo>
                <a:lnTo>
                  <a:pt x="7953" y="1773"/>
                </a:lnTo>
                <a:lnTo>
                  <a:pt x="7961" y="1765"/>
                </a:lnTo>
                <a:lnTo>
                  <a:pt x="7968" y="1757"/>
                </a:lnTo>
                <a:lnTo>
                  <a:pt x="7976" y="1748"/>
                </a:lnTo>
                <a:lnTo>
                  <a:pt x="7985" y="1740"/>
                </a:lnTo>
                <a:lnTo>
                  <a:pt x="7994" y="1734"/>
                </a:lnTo>
                <a:lnTo>
                  <a:pt x="8004" y="1727"/>
                </a:lnTo>
                <a:lnTo>
                  <a:pt x="8014" y="1721"/>
                </a:lnTo>
                <a:lnTo>
                  <a:pt x="8025" y="1715"/>
                </a:lnTo>
                <a:lnTo>
                  <a:pt x="8036" y="1711"/>
                </a:lnTo>
                <a:lnTo>
                  <a:pt x="8048" y="1706"/>
                </a:lnTo>
                <a:lnTo>
                  <a:pt x="8061" y="1702"/>
                </a:lnTo>
                <a:lnTo>
                  <a:pt x="8074" y="1699"/>
                </a:lnTo>
                <a:lnTo>
                  <a:pt x="8087" y="1696"/>
                </a:lnTo>
                <a:lnTo>
                  <a:pt x="8103" y="1694"/>
                </a:lnTo>
                <a:lnTo>
                  <a:pt x="8117" y="1693"/>
                </a:lnTo>
                <a:lnTo>
                  <a:pt x="8133" y="1693"/>
                </a:lnTo>
                <a:lnTo>
                  <a:pt x="8147" y="1693"/>
                </a:lnTo>
                <a:lnTo>
                  <a:pt x="8160" y="1694"/>
                </a:lnTo>
                <a:lnTo>
                  <a:pt x="8173" y="1696"/>
                </a:lnTo>
                <a:lnTo>
                  <a:pt x="8186" y="1699"/>
                </a:lnTo>
                <a:lnTo>
                  <a:pt x="8198" y="1701"/>
                </a:lnTo>
                <a:lnTo>
                  <a:pt x="8209" y="1704"/>
                </a:lnTo>
                <a:lnTo>
                  <a:pt x="8220" y="1709"/>
                </a:lnTo>
                <a:lnTo>
                  <a:pt x="8231" y="1713"/>
                </a:lnTo>
                <a:lnTo>
                  <a:pt x="8241" y="1717"/>
                </a:lnTo>
                <a:lnTo>
                  <a:pt x="8251" y="1723"/>
                </a:lnTo>
                <a:lnTo>
                  <a:pt x="8260" y="1729"/>
                </a:lnTo>
                <a:lnTo>
                  <a:pt x="8269" y="1736"/>
                </a:lnTo>
                <a:lnTo>
                  <a:pt x="8278" y="1743"/>
                </a:lnTo>
                <a:lnTo>
                  <a:pt x="8285" y="1750"/>
                </a:lnTo>
                <a:lnTo>
                  <a:pt x="8293" y="1758"/>
                </a:lnTo>
                <a:lnTo>
                  <a:pt x="8300" y="1766"/>
                </a:lnTo>
                <a:lnTo>
                  <a:pt x="8312" y="1783"/>
                </a:lnTo>
                <a:lnTo>
                  <a:pt x="8323" y="1803"/>
                </a:lnTo>
                <a:lnTo>
                  <a:pt x="8333" y="1823"/>
                </a:lnTo>
                <a:lnTo>
                  <a:pt x="8339" y="1845"/>
                </a:lnTo>
                <a:lnTo>
                  <a:pt x="8346" y="1868"/>
                </a:lnTo>
                <a:lnTo>
                  <a:pt x="8349" y="1891"/>
                </a:lnTo>
                <a:lnTo>
                  <a:pt x="8352" y="1916"/>
                </a:lnTo>
                <a:lnTo>
                  <a:pt x="8352" y="1941"/>
                </a:lnTo>
                <a:lnTo>
                  <a:pt x="8352" y="1963"/>
                </a:lnTo>
                <a:lnTo>
                  <a:pt x="8350" y="1985"/>
                </a:lnTo>
                <a:lnTo>
                  <a:pt x="8346" y="2007"/>
                </a:lnTo>
                <a:lnTo>
                  <a:pt x="8340" y="2029"/>
                </a:lnTo>
                <a:lnTo>
                  <a:pt x="8334" y="2050"/>
                </a:lnTo>
                <a:lnTo>
                  <a:pt x="8325" y="2070"/>
                </a:lnTo>
                <a:lnTo>
                  <a:pt x="8314" y="2090"/>
                </a:lnTo>
                <a:lnTo>
                  <a:pt x="8301" y="2108"/>
                </a:lnTo>
                <a:lnTo>
                  <a:pt x="8294" y="2117"/>
                </a:lnTo>
                <a:lnTo>
                  <a:pt x="8286" y="2125"/>
                </a:lnTo>
                <a:lnTo>
                  <a:pt x="8279" y="2132"/>
                </a:lnTo>
                <a:lnTo>
                  <a:pt x="8270" y="2140"/>
                </a:lnTo>
                <a:lnTo>
                  <a:pt x="8261" y="2147"/>
                </a:lnTo>
                <a:lnTo>
                  <a:pt x="8251" y="2153"/>
                </a:lnTo>
                <a:lnTo>
                  <a:pt x="8241" y="2160"/>
                </a:lnTo>
                <a:lnTo>
                  <a:pt x="8230" y="2165"/>
                </a:lnTo>
                <a:lnTo>
                  <a:pt x="8219" y="2170"/>
                </a:lnTo>
                <a:lnTo>
                  <a:pt x="8207" y="2174"/>
                </a:lnTo>
                <a:lnTo>
                  <a:pt x="8195" y="2178"/>
                </a:lnTo>
                <a:lnTo>
                  <a:pt x="8182" y="2182"/>
                </a:lnTo>
                <a:lnTo>
                  <a:pt x="8169" y="2184"/>
                </a:lnTo>
                <a:lnTo>
                  <a:pt x="8154" y="2186"/>
                </a:lnTo>
                <a:lnTo>
                  <a:pt x="8139" y="2187"/>
                </a:lnTo>
                <a:lnTo>
                  <a:pt x="8124" y="2187"/>
                </a:lnTo>
                <a:close/>
                <a:moveTo>
                  <a:pt x="6811" y="1946"/>
                </a:moveTo>
                <a:lnTo>
                  <a:pt x="6810" y="1920"/>
                </a:lnTo>
                <a:lnTo>
                  <a:pt x="6808" y="1894"/>
                </a:lnTo>
                <a:lnTo>
                  <a:pt x="6805" y="1870"/>
                </a:lnTo>
                <a:lnTo>
                  <a:pt x="6800" y="1846"/>
                </a:lnTo>
                <a:lnTo>
                  <a:pt x="6795" y="1823"/>
                </a:lnTo>
                <a:lnTo>
                  <a:pt x="6787" y="1801"/>
                </a:lnTo>
                <a:lnTo>
                  <a:pt x="6779" y="1779"/>
                </a:lnTo>
                <a:lnTo>
                  <a:pt x="6771" y="1759"/>
                </a:lnTo>
                <a:lnTo>
                  <a:pt x="6760" y="1739"/>
                </a:lnTo>
                <a:lnTo>
                  <a:pt x="6749" y="1721"/>
                </a:lnTo>
                <a:lnTo>
                  <a:pt x="6735" y="1702"/>
                </a:lnTo>
                <a:lnTo>
                  <a:pt x="6722" y="1685"/>
                </a:lnTo>
                <a:lnTo>
                  <a:pt x="6708" y="1669"/>
                </a:lnTo>
                <a:lnTo>
                  <a:pt x="6692" y="1654"/>
                </a:lnTo>
                <a:lnTo>
                  <a:pt x="6676" y="1638"/>
                </a:lnTo>
                <a:lnTo>
                  <a:pt x="6659" y="1625"/>
                </a:lnTo>
                <a:lnTo>
                  <a:pt x="6641" y="1612"/>
                </a:lnTo>
                <a:lnTo>
                  <a:pt x="6622" y="1600"/>
                </a:lnTo>
                <a:lnTo>
                  <a:pt x="6602" y="1589"/>
                </a:lnTo>
                <a:lnTo>
                  <a:pt x="6581" y="1578"/>
                </a:lnTo>
                <a:lnTo>
                  <a:pt x="6560" y="1569"/>
                </a:lnTo>
                <a:lnTo>
                  <a:pt x="6538" y="1560"/>
                </a:lnTo>
                <a:lnTo>
                  <a:pt x="6515" y="1552"/>
                </a:lnTo>
                <a:lnTo>
                  <a:pt x="6492" y="1545"/>
                </a:lnTo>
                <a:lnTo>
                  <a:pt x="6468" y="1538"/>
                </a:lnTo>
                <a:lnTo>
                  <a:pt x="6444" y="1533"/>
                </a:lnTo>
                <a:lnTo>
                  <a:pt x="6419" y="1528"/>
                </a:lnTo>
                <a:lnTo>
                  <a:pt x="6393" y="1525"/>
                </a:lnTo>
                <a:lnTo>
                  <a:pt x="6367" y="1522"/>
                </a:lnTo>
                <a:lnTo>
                  <a:pt x="6340" y="1520"/>
                </a:lnTo>
                <a:lnTo>
                  <a:pt x="6313" y="1519"/>
                </a:lnTo>
                <a:lnTo>
                  <a:pt x="6285" y="1519"/>
                </a:lnTo>
                <a:lnTo>
                  <a:pt x="6258" y="1519"/>
                </a:lnTo>
                <a:lnTo>
                  <a:pt x="6232" y="1520"/>
                </a:lnTo>
                <a:lnTo>
                  <a:pt x="6205" y="1522"/>
                </a:lnTo>
                <a:lnTo>
                  <a:pt x="6179" y="1525"/>
                </a:lnTo>
                <a:lnTo>
                  <a:pt x="6153" y="1528"/>
                </a:lnTo>
                <a:lnTo>
                  <a:pt x="6128" y="1533"/>
                </a:lnTo>
                <a:lnTo>
                  <a:pt x="6104" y="1538"/>
                </a:lnTo>
                <a:lnTo>
                  <a:pt x="6080" y="1545"/>
                </a:lnTo>
                <a:lnTo>
                  <a:pt x="6057" y="1552"/>
                </a:lnTo>
                <a:lnTo>
                  <a:pt x="6034" y="1560"/>
                </a:lnTo>
                <a:lnTo>
                  <a:pt x="6012" y="1569"/>
                </a:lnTo>
                <a:lnTo>
                  <a:pt x="5991" y="1578"/>
                </a:lnTo>
                <a:lnTo>
                  <a:pt x="5970" y="1589"/>
                </a:lnTo>
                <a:lnTo>
                  <a:pt x="5950" y="1600"/>
                </a:lnTo>
                <a:lnTo>
                  <a:pt x="5931" y="1612"/>
                </a:lnTo>
                <a:lnTo>
                  <a:pt x="5913" y="1625"/>
                </a:lnTo>
                <a:lnTo>
                  <a:pt x="5896" y="1638"/>
                </a:lnTo>
                <a:lnTo>
                  <a:pt x="5880" y="1654"/>
                </a:lnTo>
                <a:lnTo>
                  <a:pt x="5864" y="1669"/>
                </a:lnTo>
                <a:lnTo>
                  <a:pt x="5850" y="1685"/>
                </a:lnTo>
                <a:lnTo>
                  <a:pt x="5836" y="1702"/>
                </a:lnTo>
                <a:lnTo>
                  <a:pt x="5823" y="1721"/>
                </a:lnTo>
                <a:lnTo>
                  <a:pt x="5812" y="1739"/>
                </a:lnTo>
                <a:lnTo>
                  <a:pt x="5801" y="1759"/>
                </a:lnTo>
                <a:lnTo>
                  <a:pt x="5793" y="1779"/>
                </a:lnTo>
                <a:lnTo>
                  <a:pt x="5784" y="1801"/>
                </a:lnTo>
                <a:lnTo>
                  <a:pt x="5777" y="1823"/>
                </a:lnTo>
                <a:lnTo>
                  <a:pt x="5772" y="1846"/>
                </a:lnTo>
                <a:lnTo>
                  <a:pt x="5767" y="1870"/>
                </a:lnTo>
                <a:lnTo>
                  <a:pt x="5764" y="1894"/>
                </a:lnTo>
                <a:lnTo>
                  <a:pt x="5762" y="1920"/>
                </a:lnTo>
                <a:lnTo>
                  <a:pt x="5761" y="1946"/>
                </a:lnTo>
                <a:lnTo>
                  <a:pt x="5762" y="1972"/>
                </a:lnTo>
                <a:lnTo>
                  <a:pt x="5764" y="1998"/>
                </a:lnTo>
                <a:lnTo>
                  <a:pt x="5767" y="2023"/>
                </a:lnTo>
                <a:lnTo>
                  <a:pt x="5772" y="2047"/>
                </a:lnTo>
                <a:lnTo>
                  <a:pt x="5777" y="2070"/>
                </a:lnTo>
                <a:lnTo>
                  <a:pt x="5784" y="2092"/>
                </a:lnTo>
                <a:lnTo>
                  <a:pt x="5793" y="2113"/>
                </a:lnTo>
                <a:lnTo>
                  <a:pt x="5801" y="2133"/>
                </a:lnTo>
                <a:lnTo>
                  <a:pt x="5812" y="2153"/>
                </a:lnTo>
                <a:lnTo>
                  <a:pt x="5823" y="2172"/>
                </a:lnTo>
                <a:lnTo>
                  <a:pt x="5836" y="2189"/>
                </a:lnTo>
                <a:lnTo>
                  <a:pt x="5850" y="2207"/>
                </a:lnTo>
                <a:lnTo>
                  <a:pt x="5864" y="2224"/>
                </a:lnTo>
                <a:lnTo>
                  <a:pt x="5880" y="2239"/>
                </a:lnTo>
                <a:lnTo>
                  <a:pt x="5896" y="2253"/>
                </a:lnTo>
                <a:lnTo>
                  <a:pt x="5913" y="2267"/>
                </a:lnTo>
                <a:lnTo>
                  <a:pt x="5931" y="2281"/>
                </a:lnTo>
                <a:lnTo>
                  <a:pt x="5950" y="2293"/>
                </a:lnTo>
                <a:lnTo>
                  <a:pt x="5970" y="2304"/>
                </a:lnTo>
                <a:lnTo>
                  <a:pt x="5991" y="2314"/>
                </a:lnTo>
                <a:lnTo>
                  <a:pt x="6012" y="2323"/>
                </a:lnTo>
                <a:lnTo>
                  <a:pt x="6034" y="2332"/>
                </a:lnTo>
                <a:lnTo>
                  <a:pt x="6057" y="2340"/>
                </a:lnTo>
                <a:lnTo>
                  <a:pt x="6080" y="2348"/>
                </a:lnTo>
                <a:lnTo>
                  <a:pt x="6104" y="2354"/>
                </a:lnTo>
                <a:lnTo>
                  <a:pt x="6128" y="2360"/>
                </a:lnTo>
                <a:lnTo>
                  <a:pt x="6153" y="2364"/>
                </a:lnTo>
                <a:lnTo>
                  <a:pt x="6179" y="2367"/>
                </a:lnTo>
                <a:lnTo>
                  <a:pt x="6205" y="2371"/>
                </a:lnTo>
                <a:lnTo>
                  <a:pt x="6232" y="2373"/>
                </a:lnTo>
                <a:lnTo>
                  <a:pt x="6258" y="2374"/>
                </a:lnTo>
                <a:lnTo>
                  <a:pt x="6285" y="2374"/>
                </a:lnTo>
                <a:lnTo>
                  <a:pt x="6313" y="2374"/>
                </a:lnTo>
                <a:lnTo>
                  <a:pt x="6340" y="2373"/>
                </a:lnTo>
                <a:lnTo>
                  <a:pt x="6367" y="2371"/>
                </a:lnTo>
                <a:lnTo>
                  <a:pt x="6393" y="2367"/>
                </a:lnTo>
                <a:lnTo>
                  <a:pt x="6419" y="2364"/>
                </a:lnTo>
                <a:lnTo>
                  <a:pt x="6444" y="2360"/>
                </a:lnTo>
                <a:lnTo>
                  <a:pt x="6468" y="2354"/>
                </a:lnTo>
                <a:lnTo>
                  <a:pt x="6492" y="2348"/>
                </a:lnTo>
                <a:lnTo>
                  <a:pt x="6515" y="2340"/>
                </a:lnTo>
                <a:lnTo>
                  <a:pt x="6538" y="2332"/>
                </a:lnTo>
                <a:lnTo>
                  <a:pt x="6560" y="2323"/>
                </a:lnTo>
                <a:lnTo>
                  <a:pt x="6581" y="2314"/>
                </a:lnTo>
                <a:lnTo>
                  <a:pt x="6602" y="2304"/>
                </a:lnTo>
                <a:lnTo>
                  <a:pt x="6622" y="2293"/>
                </a:lnTo>
                <a:lnTo>
                  <a:pt x="6641" y="2281"/>
                </a:lnTo>
                <a:lnTo>
                  <a:pt x="6659" y="2267"/>
                </a:lnTo>
                <a:lnTo>
                  <a:pt x="6676" y="2253"/>
                </a:lnTo>
                <a:lnTo>
                  <a:pt x="6692" y="2239"/>
                </a:lnTo>
                <a:lnTo>
                  <a:pt x="6708" y="2224"/>
                </a:lnTo>
                <a:lnTo>
                  <a:pt x="6722" y="2207"/>
                </a:lnTo>
                <a:lnTo>
                  <a:pt x="6735" y="2189"/>
                </a:lnTo>
                <a:lnTo>
                  <a:pt x="6749" y="2172"/>
                </a:lnTo>
                <a:lnTo>
                  <a:pt x="6760" y="2153"/>
                </a:lnTo>
                <a:lnTo>
                  <a:pt x="6771" y="2133"/>
                </a:lnTo>
                <a:lnTo>
                  <a:pt x="6779" y="2113"/>
                </a:lnTo>
                <a:lnTo>
                  <a:pt x="6787" y="2092"/>
                </a:lnTo>
                <a:lnTo>
                  <a:pt x="6795" y="2070"/>
                </a:lnTo>
                <a:lnTo>
                  <a:pt x="6800" y="2047"/>
                </a:lnTo>
                <a:lnTo>
                  <a:pt x="6805" y="2023"/>
                </a:lnTo>
                <a:lnTo>
                  <a:pt x="6808" y="1998"/>
                </a:lnTo>
                <a:lnTo>
                  <a:pt x="6810" y="1972"/>
                </a:lnTo>
                <a:lnTo>
                  <a:pt x="6811" y="1946"/>
                </a:lnTo>
                <a:close/>
                <a:moveTo>
                  <a:pt x="4837" y="2049"/>
                </a:moveTo>
                <a:lnTo>
                  <a:pt x="4572" y="1310"/>
                </a:lnTo>
                <a:lnTo>
                  <a:pt x="4083" y="1310"/>
                </a:lnTo>
                <a:lnTo>
                  <a:pt x="4083" y="2349"/>
                </a:lnTo>
                <a:lnTo>
                  <a:pt x="4378" y="2349"/>
                </a:lnTo>
                <a:lnTo>
                  <a:pt x="4378" y="1526"/>
                </a:lnTo>
                <a:lnTo>
                  <a:pt x="4396" y="1526"/>
                </a:lnTo>
                <a:lnTo>
                  <a:pt x="4698" y="2349"/>
                </a:lnTo>
                <a:lnTo>
                  <a:pt x="4975" y="2349"/>
                </a:lnTo>
                <a:lnTo>
                  <a:pt x="5278" y="1526"/>
                </a:lnTo>
                <a:lnTo>
                  <a:pt x="5295" y="1526"/>
                </a:lnTo>
                <a:lnTo>
                  <a:pt x="5295" y="2349"/>
                </a:lnTo>
                <a:lnTo>
                  <a:pt x="5592" y="2349"/>
                </a:lnTo>
                <a:lnTo>
                  <a:pt x="5592" y="1310"/>
                </a:lnTo>
                <a:lnTo>
                  <a:pt x="5105" y="1310"/>
                </a:lnTo>
                <a:lnTo>
                  <a:pt x="4837" y="2049"/>
                </a:lnTo>
                <a:close/>
                <a:moveTo>
                  <a:pt x="10405" y="1528"/>
                </a:moveTo>
                <a:lnTo>
                  <a:pt x="10384" y="1528"/>
                </a:lnTo>
                <a:lnTo>
                  <a:pt x="10362" y="1531"/>
                </a:lnTo>
                <a:lnTo>
                  <a:pt x="10341" y="1533"/>
                </a:lnTo>
                <a:lnTo>
                  <a:pt x="10320" y="1536"/>
                </a:lnTo>
                <a:lnTo>
                  <a:pt x="10299" y="1539"/>
                </a:lnTo>
                <a:lnTo>
                  <a:pt x="10280" y="1545"/>
                </a:lnTo>
                <a:lnTo>
                  <a:pt x="10260" y="1550"/>
                </a:lnTo>
                <a:lnTo>
                  <a:pt x="10241" y="1557"/>
                </a:lnTo>
                <a:lnTo>
                  <a:pt x="10222" y="1564"/>
                </a:lnTo>
                <a:lnTo>
                  <a:pt x="10205" y="1571"/>
                </a:lnTo>
                <a:lnTo>
                  <a:pt x="10187" y="1580"/>
                </a:lnTo>
                <a:lnTo>
                  <a:pt x="10171" y="1589"/>
                </a:lnTo>
                <a:lnTo>
                  <a:pt x="10155" y="1598"/>
                </a:lnTo>
                <a:lnTo>
                  <a:pt x="10141" y="1608"/>
                </a:lnTo>
                <a:lnTo>
                  <a:pt x="10128" y="1617"/>
                </a:lnTo>
                <a:lnTo>
                  <a:pt x="10116" y="1628"/>
                </a:lnTo>
                <a:lnTo>
                  <a:pt x="10112" y="1628"/>
                </a:lnTo>
                <a:lnTo>
                  <a:pt x="10112" y="1545"/>
                </a:lnTo>
                <a:lnTo>
                  <a:pt x="9858" y="1545"/>
                </a:lnTo>
                <a:lnTo>
                  <a:pt x="9858" y="2349"/>
                </a:lnTo>
                <a:lnTo>
                  <a:pt x="10116" y="2349"/>
                </a:lnTo>
                <a:lnTo>
                  <a:pt x="10116" y="1799"/>
                </a:lnTo>
                <a:lnTo>
                  <a:pt x="10128" y="1786"/>
                </a:lnTo>
                <a:lnTo>
                  <a:pt x="10139" y="1774"/>
                </a:lnTo>
                <a:lnTo>
                  <a:pt x="10152" y="1765"/>
                </a:lnTo>
                <a:lnTo>
                  <a:pt x="10164" y="1755"/>
                </a:lnTo>
                <a:lnTo>
                  <a:pt x="10177" y="1746"/>
                </a:lnTo>
                <a:lnTo>
                  <a:pt x="10190" y="1738"/>
                </a:lnTo>
                <a:lnTo>
                  <a:pt x="10204" y="1732"/>
                </a:lnTo>
                <a:lnTo>
                  <a:pt x="10218" y="1725"/>
                </a:lnTo>
                <a:lnTo>
                  <a:pt x="10231" y="1721"/>
                </a:lnTo>
                <a:lnTo>
                  <a:pt x="10245" y="1716"/>
                </a:lnTo>
                <a:lnTo>
                  <a:pt x="10259" y="1712"/>
                </a:lnTo>
                <a:lnTo>
                  <a:pt x="10273" y="1710"/>
                </a:lnTo>
                <a:lnTo>
                  <a:pt x="10286" y="1707"/>
                </a:lnTo>
                <a:lnTo>
                  <a:pt x="10300" y="1705"/>
                </a:lnTo>
                <a:lnTo>
                  <a:pt x="10314" y="1704"/>
                </a:lnTo>
                <a:lnTo>
                  <a:pt x="10326" y="1704"/>
                </a:lnTo>
                <a:lnTo>
                  <a:pt x="10343" y="1704"/>
                </a:lnTo>
                <a:lnTo>
                  <a:pt x="10359" y="1705"/>
                </a:lnTo>
                <a:lnTo>
                  <a:pt x="10373" y="1707"/>
                </a:lnTo>
                <a:lnTo>
                  <a:pt x="10387" y="1710"/>
                </a:lnTo>
                <a:lnTo>
                  <a:pt x="10399" y="1713"/>
                </a:lnTo>
                <a:lnTo>
                  <a:pt x="10412" y="1716"/>
                </a:lnTo>
                <a:lnTo>
                  <a:pt x="10423" y="1721"/>
                </a:lnTo>
                <a:lnTo>
                  <a:pt x="10432" y="1725"/>
                </a:lnTo>
                <a:lnTo>
                  <a:pt x="10442" y="1730"/>
                </a:lnTo>
                <a:lnTo>
                  <a:pt x="10451" y="1736"/>
                </a:lnTo>
                <a:lnTo>
                  <a:pt x="10459" y="1743"/>
                </a:lnTo>
                <a:lnTo>
                  <a:pt x="10467" y="1749"/>
                </a:lnTo>
                <a:lnTo>
                  <a:pt x="10472" y="1757"/>
                </a:lnTo>
                <a:lnTo>
                  <a:pt x="10479" y="1765"/>
                </a:lnTo>
                <a:lnTo>
                  <a:pt x="10484" y="1773"/>
                </a:lnTo>
                <a:lnTo>
                  <a:pt x="10489" y="1782"/>
                </a:lnTo>
                <a:lnTo>
                  <a:pt x="10493" y="1792"/>
                </a:lnTo>
                <a:lnTo>
                  <a:pt x="10496" y="1802"/>
                </a:lnTo>
                <a:lnTo>
                  <a:pt x="10500" y="1812"/>
                </a:lnTo>
                <a:lnTo>
                  <a:pt x="10503" y="1822"/>
                </a:lnTo>
                <a:lnTo>
                  <a:pt x="10506" y="1845"/>
                </a:lnTo>
                <a:lnTo>
                  <a:pt x="10509" y="1868"/>
                </a:lnTo>
                <a:lnTo>
                  <a:pt x="10512" y="1893"/>
                </a:lnTo>
                <a:lnTo>
                  <a:pt x="10513" y="1919"/>
                </a:lnTo>
                <a:lnTo>
                  <a:pt x="10513" y="1947"/>
                </a:lnTo>
                <a:lnTo>
                  <a:pt x="10513" y="1975"/>
                </a:lnTo>
                <a:lnTo>
                  <a:pt x="10513" y="2349"/>
                </a:lnTo>
                <a:lnTo>
                  <a:pt x="10770" y="2349"/>
                </a:lnTo>
                <a:lnTo>
                  <a:pt x="10770" y="1891"/>
                </a:lnTo>
                <a:lnTo>
                  <a:pt x="10770" y="1858"/>
                </a:lnTo>
                <a:lnTo>
                  <a:pt x="10768" y="1825"/>
                </a:lnTo>
                <a:lnTo>
                  <a:pt x="10764" y="1792"/>
                </a:lnTo>
                <a:lnTo>
                  <a:pt x="10758" y="1760"/>
                </a:lnTo>
                <a:lnTo>
                  <a:pt x="10755" y="1744"/>
                </a:lnTo>
                <a:lnTo>
                  <a:pt x="10750" y="1728"/>
                </a:lnTo>
                <a:lnTo>
                  <a:pt x="10745" y="1713"/>
                </a:lnTo>
                <a:lnTo>
                  <a:pt x="10739" y="1699"/>
                </a:lnTo>
                <a:lnTo>
                  <a:pt x="10733" y="1684"/>
                </a:lnTo>
                <a:lnTo>
                  <a:pt x="10725" y="1670"/>
                </a:lnTo>
                <a:lnTo>
                  <a:pt x="10716" y="1657"/>
                </a:lnTo>
                <a:lnTo>
                  <a:pt x="10707" y="1644"/>
                </a:lnTo>
                <a:lnTo>
                  <a:pt x="10698" y="1631"/>
                </a:lnTo>
                <a:lnTo>
                  <a:pt x="10687" y="1618"/>
                </a:lnTo>
                <a:lnTo>
                  <a:pt x="10674" y="1608"/>
                </a:lnTo>
                <a:lnTo>
                  <a:pt x="10661" y="1597"/>
                </a:lnTo>
                <a:lnTo>
                  <a:pt x="10647" y="1587"/>
                </a:lnTo>
                <a:lnTo>
                  <a:pt x="10632" y="1577"/>
                </a:lnTo>
                <a:lnTo>
                  <a:pt x="10615" y="1568"/>
                </a:lnTo>
                <a:lnTo>
                  <a:pt x="10597" y="1560"/>
                </a:lnTo>
                <a:lnTo>
                  <a:pt x="10578" y="1553"/>
                </a:lnTo>
                <a:lnTo>
                  <a:pt x="10558" y="1547"/>
                </a:lnTo>
                <a:lnTo>
                  <a:pt x="10536" y="1542"/>
                </a:lnTo>
                <a:lnTo>
                  <a:pt x="10513" y="1537"/>
                </a:lnTo>
                <a:lnTo>
                  <a:pt x="10489" y="1533"/>
                </a:lnTo>
                <a:lnTo>
                  <a:pt x="10462" y="1531"/>
                </a:lnTo>
                <a:lnTo>
                  <a:pt x="10435" y="1528"/>
                </a:lnTo>
                <a:lnTo>
                  <a:pt x="10405" y="1528"/>
                </a:lnTo>
                <a:close/>
                <a:moveTo>
                  <a:pt x="3346" y="1310"/>
                </a:moveTo>
                <a:lnTo>
                  <a:pt x="2841" y="1310"/>
                </a:lnTo>
                <a:lnTo>
                  <a:pt x="2841" y="2349"/>
                </a:lnTo>
                <a:lnTo>
                  <a:pt x="3148" y="2349"/>
                </a:lnTo>
                <a:lnTo>
                  <a:pt x="3148" y="1981"/>
                </a:lnTo>
                <a:lnTo>
                  <a:pt x="3411" y="1981"/>
                </a:lnTo>
                <a:lnTo>
                  <a:pt x="3439" y="1981"/>
                </a:lnTo>
                <a:lnTo>
                  <a:pt x="3466" y="1979"/>
                </a:lnTo>
                <a:lnTo>
                  <a:pt x="3493" y="1978"/>
                </a:lnTo>
                <a:lnTo>
                  <a:pt x="3518" y="1974"/>
                </a:lnTo>
                <a:lnTo>
                  <a:pt x="3543" y="1971"/>
                </a:lnTo>
                <a:lnTo>
                  <a:pt x="3567" y="1965"/>
                </a:lnTo>
                <a:lnTo>
                  <a:pt x="3590" y="1961"/>
                </a:lnTo>
                <a:lnTo>
                  <a:pt x="3614" y="1954"/>
                </a:lnTo>
                <a:lnTo>
                  <a:pt x="3636" y="1948"/>
                </a:lnTo>
                <a:lnTo>
                  <a:pt x="3656" y="1941"/>
                </a:lnTo>
                <a:lnTo>
                  <a:pt x="3677" y="1933"/>
                </a:lnTo>
                <a:lnTo>
                  <a:pt x="3696" y="1924"/>
                </a:lnTo>
                <a:lnTo>
                  <a:pt x="3715" y="1915"/>
                </a:lnTo>
                <a:lnTo>
                  <a:pt x="3732" y="1905"/>
                </a:lnTo>
                <a:lnTo>
                  <a:pt x="3750" y="1894"/>
                </a:lnTo>
                <a:lnTo>
                  <a:pt x="3765" y="1883"/>
                </a:lnTo>
                <a:lnTo>
                  <a:pt x="3781" y="1872"/>
                </a:lnTo>
                <a:lnTo>
                  <a:pt x="3795" y="1859"/>
                </a:lnTo>
                <a:lnTo>
                  <a:pt x="3808" y="1847"/>
                </a:lnTo>
                <a:lnTo>
                  <a:pt x="3820" y="1834"/>
                </a:lnTo>
                <a:lnTo>
                  <a:pt x="3832" y="1819"/>
                </a:lnTo>
                <a:lnTo>
                  <a:pt x="3842" y="1805"/>
                </a:lnTo>
                <a:lnTo>
                  <a:pt x="3852" y="1791"/>
                </a:lnTo>
                <a:lnTo>
                  <a:pt x="3861" y="1776"/>
                </a:lnTo>
                <a:lnTo>
                  <a:pt x="3869" y="1760"/>
                </a:lnTo>
                <a:lnTo>
                  <a:pt x="3875" y="1744"/>
                </a:lnTo>
                <a:lnTo>
                  <a:pt x="3881" y="1727"/>
                </a:lnTo>
                <a:lnTo>
                  <a:pt x="3885" y="1711"/>
                </a:lnTo>
                <a:lnTo>
                  <a:pt x="3889" y="1694"/>
                </a:lnTo>
                <a:lnTo>
                  <a:pt x="3892" y="1677"/>
                </a:lnTo>
                <a:lnTo>
                  <a:pt x="3893" y="1659"/>
                </a:lnTo>
                <a:lnTo>
                  <a:pt x="3894" y="1640"/>
                </a:lnTo>
                <a:lnTo>
                  <a:pt x="3893" y="1621"/>
                </a:lnTo>
                <a:lnTo>
                  <a:pt x="3892" y="1602"/>
                </a:lnTo>
                <a:lnTo>
                  <a:pt x="3890" y="1583"/>
                </a:lnTo>
                <a:lnTo>
                  <a:pt x="3886" y="1565"/>
                </a:lnTo>
                <a:lnTo>
                  <a:pt x="3882" y="1548"/>
                </a:lnTo>
                <a:lnTo>
                  <a:pt x="3876" y="1531"/>
                </a:lnTo>
                <a:lnTo>
                  <a:pt x="3870" y="1514"/>
                </a:lnTo>
                <a:lnTo>
                  <a:pt x="3863" y="1499"/>
                </a:lnTo>
                <a:lnTo>
                  <a:pt x="3854" y="1483"/>
                </a:lnTo>
                <a:lnTo>
                  <a:pt x="3845" y="1469"/>
                </a:lnTo>
                <a:lnTo>
                  <a:pt x="3835" y="1455"/>
                </a:lnTo>
                <a:lnTo>
                  <a:pt x="3823" y="1442"/>
                </a:lnTo>
                <a:lnTo>
                  <a:pt x="3810" y="1430"/>
                </a:lnTo>
                <a:lnTo>
                  <a:pt x="3796" y="1418"/>
                </a:lnTo>
                <a:lnTo>
                  <a:pt x="3782" y="1407"/>
                </a:lnTo>
                <a:lnTo>
                  <a:pt x="3765" y="1396"/>
                </a:lnTo>
                <a:lnTo>
                  <a:pt x="3749" y="1385"/>
                </a:lnTo>
                <a:lnTo>
                  <a:pt x="3730" y="1376"/>
                </a:lnTo>
                <a:lnTo>
                  <a:pt x="3710" y="1367"/>
                </a:lnTo>
                <a:lnTo>
                  <a:pt x="3691" y="1358"/>
                </a:lnTo>
                <a:lnTo>
                  <a:pt x="3669" y="1351"/>
                </a:lnTo>
                <a:lnTo>
                  <a:pt x="3645" y="1344"/>
                </a:lnTo>
                <a:lnTo>
                  <a:pt x="3621" y="1337"/>
                </a:lnTo>
                <a:lnTo>
                  <a:pt x="3596" y="1332"/>
                </a:lnTo>
                <a:lnTo>
                  <a:pt x="3568" y="1326"/>
                </a:lnTo>
                <a:lnTo>
                  <a:pt x="3541" y="1322"/>
                </a:lnTo>
                <a:lnTo>
                  <a:pt x="3511" y="1319"/>
                </a:lnTo>
                <a:lnTo>
                  <a:pt x="3482" y="1315"/>
                </a:lnTo>
                <a:lnTo>
                  <a:pt x="3450" y="1313"/>
                </a:lnTo>
                <a:lnTo>
                  <a:pt x="3417" y="1312"/>
                </a:lnTo>
                <a:lnTo>
                  <a:pt x="3381" y="1311"/>
                </a:lnTo>
                <a:lnTo>
                  <a:pt x="3346" y="1310"/>
                </a:lnTo>
                <a:close/>
                <a:moveTo>
                  <a:pt x="0" y="1207"/>
                </a:moveTo>
                <a:lnTo>
                  <a:pt x="519" y="1207"/>
                </a:lnTo>
                <a:lnTo>
                  <a:pt x="519" y="0"/>
                </a:lnTo>
                <a:lnTo>
                  <a:pt x="0" y="518"/>
                </a:lnTo>
                <a:lnTo>
                  <a:pt x="0" y="1207"/>
                </a:lnTo>
                <a:close/>
                <a:moveTo>
                  <a:pt x="1208" y="1829"/>
                </a:moveTo>
                <a:lnTo>
                  <a:pt x="1208" y="1311"/>
                </a:lnTo>
                <a:lnTo>
                  <a:pt x="0" y="1311"/>
                </a:lnTo>
                <a:lnTo>
                  <a:pt x="519" y="1829"/>
                </a:lnTo>
                <a:lnTo>
                  <a:pt x="1208" y="1829"/>
                </a:lnTo>
                <a:close/>
                <a:moveTo>
                  <a:pt x="624" y="0"/>
                </a:moveTo>
                <a:lnTo>
                  <a:pt x="624" y="518"/>
                </a:lnTo>
                <a:lnTo>
                  <a:pt x="1833" y="518"/>
                </a:lnTo>
                <a:lnTo>
                  <a:pt x="1313" y="0"/>
                </a:lnTo>
                <a:lnTo>
                  <a:pt x="624" y="0"/>
                </a:lnTo>
                <a:close/>
              </a:path>
            </a:pathLst>
          </a:custGeom>
          <a:solidFill>
            <a:schemeClr val="bg2"/>
          </a:solidFill>
          <a:ln w="9525" cap="flat" cmpd="sng">
            <a:noFill/>
            <a:prstDash val="solid"/>
            <a:round/>
            <a:headEnd type="none" w="med" len="med"/>
            <a:tailEnd type="none" w="med" len="med"/>
          </a:ln>
          <a:effectLst/>
        </p:spPr>
        <p:txBody>
          <a:bodyPr/>
          <a:lstStyle/>
          <a:p>
            <a:pPr>
              <a:defRPr/>
            </a:pPr>
            <a:endParaRPr lang="en-US"/>
          </a:p>
        </p:txBody>
      </p:sp>
      <p:sp>
        <p:nvSpPr>
          <p:cNvPr id="9" name="Freeform 11" hidden="1"/>
          <p:cNvSpPr>
            <a:spLocks noChangeAspect="1" noEditPoints="1"/>
          </p:cNvSpPr>
          <p:nvPr>
            <p:custDataLst>
              <p:tags r:id="rId6"/>
            </p:custDataLst>
          </p:nvPr>
        </p:nvSpPr>
        <p:spPr bwMode="gray">
          <a:xfrm>
            <a:off x="-2514600" y="3092450"/>
            <a:ext cx="2286000" cy="269875"/>
          </a:xfrm>
          <a:custGeom>
            <a:avLst/>
            <a:gdLst/>
            <a:ahLst/>
            <a:cxnLst>
              <a:cxn ang="0">
                <a:pos x="15860" y="1324"/>
              </a:cxn>
              <a:cxn ang="0">
                <a:pos x="16254" y="1358"/>
              </a:cxn>
              <a:cxn ang="0">
                <a:pos x="15397" y="1316"/>
              </a:cxn>
              <a:cxn ang="0">
                <a:pos x="14875" y="1318"/>
              </a:cxn>
              <a:cxn ang="0">
                <a:pos x="14869" y="1463"/>
              </a:cxn>
              <a:cxn ang="0">
                <a:pos x="14820" y="1787"/>
              </a:cxn>
              <a:cxn ang="0">
                <a:pos x="15190" y="1668"/>
              </a:cxn>
              <a:cxn ang="0">
                <a:pos x="14967" y="1564"/>
              </a:cxn>
              <a:cxn ang="0">
                <a:pos x="11909" y="1203"/>
              </a:cxn>
              <a:cxn ang="0">
                <a:pos x="11816" y="1319"/>
              </a:cxn>
              <a:cxn ang="0">
                <a:pos x="11374" y="1596"/>
              </a:cxn>
              <a:cxn ang="0">
                <a:pos x="11731" y="1818"/>
              </a:cxn>
              <a:cxn ang="0">
                <a:pos x="11608" y="1695"/>
              </a:cxn>
              <a:cxn ang="0">
                <a:pos x="10016" y="1182"/>
              </a:cxn>
              <a:cxn ang="0">
                <a:pos x="9957" y="1325"/>
              </a:cxn>
              <a:cxn ang="0">
                <a:pos x="9223" y="1387"/>
              </a:cxn>
              <a:cxn ang="0">
                <a:pos x="9291" y="1519"/>
              </a:cxn>
              <a:cxn ang="0">
                <a:pos x="9548" y="1180"/>
              </a:cxn>
              <a:cxn ang="0">
                <a:pos x="13116" y="1316"/>
              </a:cxn>
              <a:cxn ang="0">
                <a:pos x="12992" y="1299"/>
              </a:cxn>
              <a:cxn ang="0">
                <a:pos x="13365" y="1495"/>
              </a:cxn>
              <a:cxn ang="0">
                <a:pos x="13019" y="1178"/>
              </a:cxn>
              <a:cxn ang="0">
                <a:pos x="12672" y="1528"/>
              </a:cxn>
              <a:cxn ang="0">
                <a:pos x="13132" y="1824"/>
              </a:cxn>
              <a:cxn ang="0">
                <a:pos x="12324" y="1813"/>
              </a:cxn>
              <a:cxn ang="0">
                <a:pos x="12408" y="1651"/>
              </a:cxn>
              <a:cxn ang="0">
                <a:pos x="10469" y="1191"/>
              </a:cxn>
              <a:cxn ang="0">
                <a:pos x="14577" y="1107"/>
              </a:cxn>
              <a:cxn ang="0">
                <a:pos x="14556" y="1757"/>
              </a:cxn>
              <a:cxn ang="0">
                <a:pos x="14212" y="1677"/>
              </a:cxn>
              <a:cxn ang="0">
                <a:pos x="14262" y="1676"/>
              </a:cxn>
              <a:cxn ang="0">
                <a:pos x="14360" y="1180"/>
              </a:cxn>
              <a:cxn ang="0">
                <a:pos x="2741" y="1338"/>
              </a:cxn>
              <a:cxn ang="0">
                <a:pos x="2427" y="1528"/>
              </a:cxn>
              <a:cxn ang="0">
                <a:pos x="3001" y="1266"/>
              </a:cxn>
              <a:cxn ang="0">
                <a:pos x="8021" y="1178"/>
              </a:cxn>
              <a:cxn ang="0">
                <a:pos x="7908" y="1320"/>
              </a:cxn>
              <a:cxn ang="0">
                <a:pos x="8290" y="1345"/>
              </a:cxn>
              <a:cxn ang="0">
                <a:pos x="4068" y="1177"/>
              </a:cxn>
              <a:cxn ang="0">
                <a:pos x="4780" y="1696"/>
              </a:cxn>
              <a:cxn ang="0">
                <a:pos x="4821" y="1298"/>
              </a:cxn>
              <a:cxn ang="0">
                <a:pos x="5147" y="1264"/>
              </a:cxn>
              <a:cxn ang="0">
                <a:pos x="4558" y="1253"/>
              </a:cxn>
              <a:cxn ang="0">
                <a:pos x="4572" y="1758"/>
              </a:cxn>
              <a:cxn ang="0">
                <a:pos x="5158" y="1726"/>
              </a:cxn>
              <a:cxn ang="0">
                <a:pos x="6216" y="1178"/>
              </a:cxn>
              <a:cxn ang="0">
                <a:pos x="5886" y="1515"/>
              </a:cxn>
              <a:cxn ang="0">
                <a:pos x="6241" y="1817"/>
              </a:cxn>
              <a:cxn ang="0">
                <a:pos x="6394" y="1893"/>
              </a:cxn>
              <a:cxn ang="0">
                <a:pos x="6159" y="2078"/>
              </a:cxn>
              <a:cxn ang="0">
                <a:pos x="6634" y="1191"/>
              </a:cxn>
              <a:cxn ang="0">
                <a:pos x="6162" y="1338"/>
              </a:cxn>
              <a:cxn ang="0">
                <a:pos x="6417" y="1596"/>
              </a:cxn>
              <a:cxn ang="0">
                <a:pos x="7363" y="1240"/>
              </a:cxn>
              <a:cxn ang="0">
                <a:pos x="7109" y="1297"/>
              </a:cxn>
              <a:cxn ang="0">
                <a:pos x="6796" y="1520"/>
              </a:cxn>
              <a:cxn ang="0">
                <a:pos x="6997" y="1826"/>
              </a:cxn>
              <a:cxn ang="0">
                <a:pos x="7087" y="1707"/>
              </a:cxn>
              <a:cxn ang="0">
                <a:pos x="7094" y="1539"/>
              </a:cxn>
              <a:cxn ang="0">
                <a:pos x="1466" y="1819"/>
              </a:cxn>
              <a:cxn ang="0">
                <a:pos x="1983" y="1606"/>
              </a:cxn>
              <a:cxn ang="0">
                <a:pos x="5582" y="1445"/>
              </a:cxn>
            </a:cxnLst>
            <a:rect l="0" t="0" r="r" b="b"/>
            <a:pathLst>
              <a:path w="17120" h="2080">
                <a:moveTo>
                  <a:pt x="15983" y="1178"/>
                </a:moveTo>
                <a:lnTo>
                  <a:pt x="15965" y="1179"/>
                </a:lnTo>
                <a:lnTo>
                  <a:pt x="15949" y="1180"/>
                </a:lnTo>
                <a:lnTo>
                  <a:pt x="15932" y="1182"/>
                </a:lnTo>
                <a:lnTo>
                  <a:pt x="15916" y="1185"/>
                </a:lnTo>
                <a:lnTo>
                  <a:pt x="15901" y="1188"/>
                </a:lnTo>
                <a:lnTo>
                  <a:pt x="15885" y="1191"/>
                </a:lnTo>
                <a:lnTo>
                  <a:pt x="15870" y="1195"/>
                </a:lnTo>
                <a:lnTo>
                  <a:pt x="15855" y="1201"/>
                </a:lnTo>
                <a:lnTo>
                  <a:pt x="15841" y="1206"/>
                </a:lnTo>
                <a:lnTo>
                  <a:pt x="15827" y="1211"/>
                </a:lnTo>
                <a:lnTo>
                  <a:pt x="15815" y="1218"/>
                </a:lnTo>
                <a:lnTo>
                  <a:pt x="15802" y="1225"/>
                </a:lnTo>
                <a:lnTo>
                  <a:pt x="15790" y="1232"/>
                </a:lnTo>
                <a:lnTo>
                  <a:pt x="15779" y="1239"/>
                </a:lnTo>
                <a:lnTo>
                  <a:pt x="15769" y="1248"/>
                </a:lnTo>
                <a:lnTo>
                  <a:pt x="15759" y="1255"/>
                </a:lnTo>
                <a:lnTo>
                  <a:pt x="15756" y="1255"/>
                </a:lnTo>
                <a:lnTo>
                  <a:pt x="15756" y="1191"/>
                </a:lnTo>
                <a:lnTo>
                  <a:pt x="15561" y="1191"/>
                </a:lnTo>
                <a:lnTo>
                  <a:pt x="15561" y="1812"/>
                </a:lnTo>
                <a:lnTo>
                  <a:pt x="15759" y="1812"/>
                </a:lnTo>
                <a:lnTo>
                  <a:pt x="15759" y="1388"/>
                </a:lnTo>
                <a:lnTo>
                  <a:pt x="15768" y="1377"/>
                </a:lnTo>
                <a:lnTo>
                  <a:pt x="15777" y="1369"/>
                </a:lnTo>
                <a:lnTo>
                  <a:pt x="15787" y="1360"/>
                </a:lnTo>
                <a:lnTo>
                  <a:pt x="15796" y="1352"/>
                </a:lnTo>
                <a:lnTo>
                  <a:pt x="15806" y="1346"/>
                </a:lnTo>
                <a:lnTo>
                  <a:pt x="15817" y="1341"/>
                </a:lnTo>
                <a:lnTo>
                  <a:pt x="15827" y="1335"/>
                </a:lnTo>
                <a:lnTo>
                  <a:pt x="15838" y="1331"/>
                </a:lnTo>
                <a:lnTo>
                  <a:pt x="15849" y="1327"/>
                </a:lnTo>
                <a:lnTo>
                  <a:pt x="15860" y="1324"/>
                </a:lnTo>
                <a:lnTo>
                  <a:pt x="15869" y="1320"/>
                </a:lnTo>
                <a:lnTo>
                  <a:pt x="15880" y="1318"/>
                </a:lnTo>
                <a:lnTo>
                  <a:pt x="15901" y="1316"/>
                </a:lnTo>
                <a:lnTo>
                  <a:pt x="15922" y="1315"/>
                </a:lnTo>
                <a:lnTo>
                  <a:pt x="15934" y="1315"/>
                </a:lnTo>
                <a:lnTo>
                  <a:pt x="15946" y="1316"/>
                </a:lnTo>
                <a:lnTo>
                  <a:pt x="15958" y="1317"/>
                </a:lnTo>
                <a:lnTo>
                  <a:pt x="15969" y="1319"/>
                </a:lnTo>
                <a:lnTo>
                  <a:pt x="15978" y="1321"/>
                </a:lnTo>
                <a:lnTo>
                  <a:pt x="15988" y="1325"/>
                </a:lnTo>
                <a:lnTo>
                  <a:pt x="15995" y="1328"/>
                </a:lnTo>
                <a:lnTo>
                  <a:pt x="16004" y="1331"/>
                </a:lnTo>
                <a:lnTo>
                  <a:pt x="16011" y="1335"/>
                </a:lnTo>
                <a:lnTo>
                  <a:pt x="16018" y="1340"/>
                </a:lnTo>
                <a:lnTo>
                  <a:pt x="16024" y="1345"/>
                </a:lnTo>
                <a:lnTo>
                  <a:pt x="16030" y="1350"/>
                </a:lnTo>
                <a:lnTo>
                  <a:pt x="16034" y="1356"/>
                </a:lnTo>
                <a:lnTo>
                  <a:pt x="16039" y="1362"/>
                </a:lnTo>
                <a:lnTo>
                  <a:pt x="16043" y="1369"/>
                </a:lnTo>
                <a:lnTo>
                  <a:pt x="16047" y="1375"/>
                </a:lnTo>
                <a:lnTo>
                  <a:pt x="16053" y="1390"/>
                </a:lnTo>
                <a:lnTo>
                  <a:pt x="16057" y="1406"/>
                </a:lnTo>
                <a:lnTo>
                  <a:pt x="16061" y="1423"/>
                </a:lnTo>
                <a:lnTo>
                  <a:pt x="16063" y="1441"/>
                </a:lnTo>
                <a:lnTo>
                  <a:pt x="16065" y="1481"/>
                </a:lnTo>
                <a:lnTo>
                  <a:pt x="16065" y="1522"/>
                </a:lnTo>
                <a:lnTo>
                  <a:pt x="16065" y="1812"/>
                </a:lnTo>
                <a:lnTo>
                  <a:pt x="16263" y="1812"/>
                </a:lnTo>
                <a:lnTo>
                  <a:pt x="16263" y="1459"/>
                </a:lnTo>
                <a:lnTo>
                  <a:pt x="16263" y="1434"/>
                </a:lnTo>
                <a:lnTo>
                  <a:pt x="16261" y="1408"/>
                </a:lnTo>
                <a:lnTo>
                  <a:pt x="16259" y="1382"/>
                </a:lnTo>
                <a:lnTo>
                  <a:pt x="16254" y="1358"/>
                </a:lnTo>
                <a:lnTo>
                  <a:pt x="16251" y="1345"/>
                </a:lnTo>
                <a:lnTo>
                  <a:pt x="16248" y="1333"/>
                </a:lnTo>
                <a:lnTo>
                  <a:pt x="16244" y="1321"/>
                </a:lnTo>
                <a:lnTo>
                  <a:pt x="16239" y="1311"/>
                </a:lnTo>
                <a:lnTo>
                  <a:pt x="16234" y="1299"/>
                </a:lnTo>
                <a:lnTo>
                  <a:pt x="16229" y="1288"/>
                </a:lnTo>
                <a:lnTo>
                  <a:pt x="16222" y="1278"/>
                </a:lnTo>
                <a:lnTo>
                  <a:pt x="16215" y="1268"/>
                </a:lnTo>
                <a:lnTo>
                  <a:pt x="16207" y="1257"/>
                </a:lnTo>
                <a:lnTo>
                  <a:pt x="16199" y="1249"/>
                </a:lnTo>
                <a:lnTo>
                  <a:pt x="16189" y="1240"/>
                </a:lnTo>
                <a:lnTo>
                  <a:pt x="16179" y="1232"/>
                </a:lnTo>
                <a:lnTo>
                  <a:pt x="16169" y="1223"/>
                </a:lnTo>
                <a:lnTo>
                  <a:pt x="16157" y="1216"/>
                </a:lnTo>
                <a:lnTo>
                  <a:pt x="16144" y="1209"/>
                </a:lnTo>
                <a:lnTo>
                  <a:pt x="16130" y="1203"/>
                </a:lnTo>
                <a:lnTo>
                  <a:pt x="16115" y="1198"/>
                </a:lnTo>
                <a:lnTo>
                  <a:pt x="16099" y="1193"/>
                </a:lnTo>
                <a:lnTo>
                  <a:pt x="16083" y="1189"/>
                </a:lnTo>
                <a:lnTo>
                  <a:pt x="16065" y="1185"/>
                </a:lnTo>
                <a:lnTo>
                  <a:pt x="16046" y="1183"/>
                </a:lnTo>
                <a:lnTo>
                  <a:pt x="16026" y="1180"/>
                </a:lnTo>
                <a:lnTo>
                  <a:pt x="16005" y="1179"/>
                </a:lnTo>
                <a:lnTo>
                  <a:pt x="15983" y="1178"/>
                </a:lnTo>
                <a:close/>
                <a:moveTo>
                  <a:pt x="15417" y="1421"/>
                </a:moveTo>
                <a:lnTo>
                  <a:pt x="15417" y="1406"/>
                </a:lnTo>
                <a:lnTo>
                  <a:pt x="15415" y="1392"/>
                </a:lnTo>
                <a:lnTo>
                  <a:pt x="15413" y="1378"/>
                </a:lnTo>
                <a:lnTo>
                  <a:pt x="15412" y="1365"/>
                </a:lnTo>
                <a:lnTo>
                  <a:pt x="15409" y="1352"/>
                </a:lnTo>
                <a:lnTo>
                  <a:pt x="15406" y="1340"/>
                </a:lnTo>
                <a:lnTo>
                  <a:pt x="15402" y="1328"/>
                </a:lnTo>
                <a:lnTo>
                  <a:pt x="15397" y="1316"/>
                </a:lnTo>
                <a:lnTo>
                  <a:pt x="15392" y="1304"/>
                </a:lnTo>
                <a:lnTo>
                  <a:pt x="15387" y="1294"/>
                </a:lnTo>
                <a:lnTo>
                  <a:pt x="15380" y="1284"/>
                </a:lnTo>
                <a:lnTo>
                  <a:pt x="15373" y="1274"/>
                </a:lnTo>
                <a:lnTo>
                  <a:pt x="15365" y="1265"/>
                </a:lnTo>
                <a:lnTo>
                  <a:pt x="15358" y="1256"/>
                </a:lnTo>
                <a:lnTo>
                  <a:pt x="15348" y="1248"/>
                </a:lnTo>
                <a:lnTo>
                  <a:pt x="15338" y="1240"/>
                </a:lnTo>
                <a:lnTo>
                  <a:pt x="15329" y="1233"/>
                </a:lnTo>
                <a:lnTo>
                  <a:pt x="15317" y="1225"/>
                </a:lnTo>
                <a:lnTo>
                  <a:pt x="15306" y="1219"/>
                </a:lnTo>
                <a:lnTo>
                  <a:pt x="15294" y="1214"/>
                </a:lnTo>
                <a:lnTo>
                  <a:pt x="15281" y="1208"/>
                </a:lnTo>
                <a:lnTo>
                  <a:pt x="15267" y="1203"/>
                </a:lnTo>
                <a:lnTo>
                  <a:pt x="15253" y="1199"/>
                </a:lnTo>
                <a:lnTo>
                  <a:pt x="15238" y="1194"/>
                </a:lnTo>
                <a:lnTo>
                  <a:pt x="15222" y="1190"/>
                </a:lnTo>
                <a:lnTo>
                  <a:pt x="15206" y="1188"/>
                </a:lnTo>
                <a:lnTo>
                  <a:pt x="15189" y="1185"/>
                </a:lnTo>
                <a:lnTo>
                  <a:pt x="15170" y="1183"/>
                </a:lnTo>
                <a:lnTo>
                  <a:pt x="15132" y="1179"/>
                </a:lnTo>
                <a:lnTo>
                  <a:pt x="15091" y="1178"/>
                </a:lnTo>
                <a:lnTo>
                  <a:pt x="15062" y="1179"/>
                </a:lnTo>
                <a:lnTo>
                  <a:pt x="15031" y="1180"/>
                </a:lnTo>
                <a:lnTo>
                  <a:pt x="14997" y="1183"/>
                </a:lnTo>
                <a:lnTo>
                  <a:pt x="14963" y="1186"/>
                </a:lnTo>
                <a:lnTo>
                  <a:pt x="14927" y="1190"/>
                </a:lnTo>
                <a:lnTo>
                  <a:pt x="14890" y="1197"/>
                </a:lnTo>
                <a:lnTo>
                  <a:pt x="14855" y="1204"/>
                </a:lnTo>
                <a:lnTo>
                  <a:pt x="14820" y="1213"/>
                </a:lnTo>
                <a:lnTo>
                  <a:pt x="14820" y="1335"/>
                </a:lnTo>
                <a:lnTo>
                  <a:pt x="14847" y="1327"/>
                </a:lnTo>
                <a:lnTo>
                  <a:pt x="14875" y="1318"/>
                </a:lnTo>
                <a:lnTo>
                  <a:pt x="14905" y="1312"/>
                </a:lnTo>
                <a:lnTo>
                  <a:pt x="14934" y="1307"/>
                </a:lnTo>
                <a:lnTo>
                  <a:pt x="14964" y="1302"/>
                </a:lnTo>
                <a:lnTo>
                  <a:pt x="14993" y="1300"/>
                </a:lnTo>
                <a:lnTo>
                  <a:pt x="15021" y="1298"/>
                </a:lnTo>
                <a:lnTo>
                  <a:pt x="15048" y="1297"/>
                </a:lnTo>
                <a:lnTo>
                  <a:pt x="15067" y="1297"/>
                </a:lnTo>
                <a:lnTo>
                  <a:pt x="15085" y="1298"/>
                </a:lnTo>
                <a:lnTo>
                  <a:pt x="15102" y="1299"/>
                </a:lnTo>
                <a:lnTo>
                  <a:pt x="15118" y="1301"/>
                </a:lnTo>
                <a:lnTo>
                  <a:pt x="15133" y="1304"/>
                </a:lnTo>
                <a:lnTo>
                  <a:pt x="15148" y="1308"/>
                </a:lnTo>
                <a:lnTo>
                  <a:pt x="15162" y="1313"/>
                </a:lnTo>
                <a:lnTo>
                  <a:pt x="15174" y="1319"/>
                </a:lnTo>
                <a:lnTo>
                  <a:pt x="15185" y="1327"/>
                </a:lnTo>
                <a:lnTo>
                  <a:pt x="15195" y="1336"/>
                </a:lnTo>
                <a:lnTo>
                  <a:pt x="15199" y="1342"/>
                </a:lnTo>
                <a:lnTo>
                  <a:pt x="15204" y="1347"/>
                </a:lnTo>
                <a:lnTo>
                  <a:pt x="15208" y="1354"/>
                </a:lnTo>
                <a:lnTo>
                  <a:pt x="15211" y="1360"/>
                </a:lnTo>
                <a:lnTo>
                  <a:pt x="15218" y="1375"/>
                </a:lnTo>
                <a:lnTo>
                  <a:pt x="15222" y="1392"/>
                </a:lnTo>
                <a:lnTo>
                  <a:pt x="15224" y="1411"/>
                </a:lnTo>
                <a:lnTo>
                  <a:pt x="15225" y="1434"/>
                </a:lnTo>
                <a:lnTo>
                  <a:pt x="15128" y="1434"/>
                </a:lnTo>
                <a:lnTo>
                  <a:pt x="15096" y="1434"/>
                </a:lnTo>
                <a:lnTo>
                  <a:pt x="15061" y="1435"/>
                </a:lnTo>
                <a:lnTo>
                  <a:pt x="15026" y="1437"/>
                </a:lnTo>
                <a:lnTo>
                  <a:pt x="14991" y="1440"/>
                </a:lnTo>
                <a:lnTo>
                  <a:pt x="14956" y="1444"/>
                </a:lnTo>
                <a:lnTo>
                  <a:pt x="14923" y="1450"/>
                </a:lnTo>
                <a:lnTo>
                  <a:pt x="14894" y="1455"/>
                </a:lnTo>
                <a:lnTo>
                  <a:pt x="14869" y="1463"/>
                </a:lnTo>
                <a:lnTo>
                  <a:pt x="14856" y="1468"/>
                </a:lnTo>
                <a:lnTo>
                  <a:pt x="14842" y="1473"/>
                </a:lnTo>
                <a:lnTo>
                  <a:pt x="14829" y="1480"/>
                </a:lnTo>
                <a:lnTo>
                  <a:pt x="14816" y="1486"/>
                </a:lnTo>
                <a:lnTo>
                  <a:pt x="14805" y="1493"/>
                </a:lnTo>
                <a:lnTo>
                  <a:pt x="14793" y="1502"/>
                </a:lnTo>
                <a:lnTo>
                  <a:pt x="14782" y="1511"/>
                </a:lnTo>
                <a:lnTo>
                  <a:pt x="14771" y="1520"/>
                </a:lnTo>
                <a:lnTo>
                  <a:pt x="14763" y="1531"/>
                </a:lnTo>
                <a:lnTo>
                  <a:pt x="14754" y="1543"/>
                </a:lnTo>
                <a:lnTo>
                  <a:pt x="14747" y="1554"/>
                </a:lnTo>
                <a:lnTo>
                  <a:pt x="14740" y="1567"/>
                </a:lnTo>
                <a:lnTo>
                  <a:pt x="14735" y="1581"/>
                </a:lnTo>
                <a:lnTo>
                  <a:pt x="14732" y="1596"/>
                </a:lnTo>
                <a:lnTo>
                  <a:pt x="14730" y="1612"/>
                </a:lnTo>
                <a:lnTo>
                  <a:pt x="14729" y="1628"/>
                </a:lnTo>
                <a:lnTo>
                  <a:pt x="14729" y="1642"/>
                </a:lnTo>
                <a:lnTo>
                  <a:pt x="14730" y="1654"/>
                </a:lnTo>
                <a:lnTo>
                  <a:pt x="14732" y="1667"/>
                </a:lnTo>
                <a:lnTo>
                  <a:pt x="14734" y="1678"/>
                </a:lnTo>
                <a:lnTo>
                  <a:pt x="14737" y="1689"/>
                </a:lnTo>
                <a:lnTo>
                  <a:pt x="14741" y="1700"/>
                </a:lnTo>
                <a:lnTo>
                  <a:pt x="14746" y="1710"/>
                </a:lnTo>
                <a:lnTo>
                  <a:pt x="14751" y="1720"/>
                </a:lnTo>
                <a:lnTo>
                  <a:pt x="14756" y="1730"/>
                </a:lnTo>
                <a:lnTo>
                  <a:pt x="14763" y="1738"/>
                </a:lnTo>
                <a:lnTo>
                  <a:pt x="14769" y="1747"/>
                </a:lnTo>
                <a:lnTo>
                  <a:pt x="14777" y="1754"/>
                </a:lnTo>
                <a:lnTo>
                  <a:pt x="14784" y="1762"/>
                </a:lnTo>
                <a:lnTo>
                  <a:pt x="14793" y="1769"/>
                </a:lnTo>
                <a:lnTo>
                  <a:pt x="14801" y="1776"/>
                </a:lnTo>
                <a:lnTo>
                  <a:pt x="14810" y="1781"/>
                </a:lnTo>
                <a:lnTo>
                  <a:pt x="14820" y="1787"/>
                </a:lnTo>
                <a:lnTo>
                  <a:pt x="14829" y="1793"/>
                </a:lnTo>
                <a:lnTo>
                  <a:pt x="14840" y="1797"/>
                </a:lnTo>
                <a:lnTo>
                  <a:pt x="14851" y="1801"/>
                </a:lnTo>
                <a:lnTo>
                  <a:pt x="14873" y="1810"/>
                </a:lnTo>
                <a:lnTo>
                  <a:pt x="14897" y="1815"/>
                </a:lnTo>
                <a:lnTo>
                  <a:pt x="14921" y="1820"/>
                </a:lnTo>
                <a:lnTo>
                  <a:pt x="14947" y="1824"/>
                </a:lnTo>
                <a:lnTo>
                  <a:pt x="14973" y="1826"/>
                </a:lnTo>
                <a:lnTo>
                  <a:pt x="14999" y="1826"/>
                </a:lnTo>
                <a:lnTo>
                  <a:pt x="15019" y="1826"/>
                </a:lnTo>
                <a:lnTo>
                  <a:pt x="15038" y="1825"/>
                </a:lnTo>
                <a:lnTo>
                  <a:pt x="15056" y="1824"/>
                </a:lnTo>
                <a:lnTo>
                  <a:pt x="15073" y="1821"/>
                </a:lnTo>
                <a:lnTo>
                  <a:pt x="15089" y="1818"/>
                </a:lnTo>
                <a:lnTo>
                  <a:pt x="15105" y="1815"/>
                </a:lnTo>
                <a:lnTo>
                  <a:pt x="15121" y="1812"/>
                </a:lnTo>
                <a:lnTo>
                  <a:pt x="15136" y="1808"/>
                </a:lnTo>
                <a:lnTo>
                  <a:pt x="15150" y="1802"/>
                </a:lnTo>
                <a:lnTo>
                  <a:pt x="15164" y="1797"/>
                </a:lnTo>
                <a:lnTo>
                  <a:pt x="15177" y="1790"/>
                </a:lnTo>
                <a:lnTo>
                  <a:pt x="15189" y="1784"/>
                </a:lnTo>
                <a:lnTo>
                  <a:pt x="15200" y="1776"/>
                </a:lnTo>
                <a:lnTo>
                  <a:pt x="15212" y="1768"/>
                </a:lnTo>
                <a:lnTo>
                  <a:pt x="15223" y="1760"/>
                </a:lnTo>
                <a:lnTo>
                  <a:pt x="15234" y="1750"/>
                </a:lnTo>
                <a:lnTo>
                  <a:pt x="15237" y="1750"/>
                </a:lnTo>
                <a:lnTo>
                  <a:pt x="15237" y="1812"/>
                </a:lnTo>
                <a:lnTo>
                  <a:pt x="15417" y="1812"/>
                </a:lnTo>
                <a:lnTo>
                  <a:pt x="15417" y="1421"/>
                </a:lnTo>
                <a:close/>
                <a:moveTo>
                  <a:pt x="15225" y="1645"/>
                </a:moveTo>
                <a:lnTo>
                  <a:pt x="15213" y="1654"/>
                </a:lnTo>
                <a:lnTo>
                  <a:pt x="15201" y="1661"/>
                </a:lnTo>
                <a:lnTo>
                  <a:pt x="15190" y="1668"/>
                </a:lnTo>
                <a:lnTo>
                  <a:pt x="15178" y="1674"/>
                </a:lnTo>
                <a:lnTo>
                  <a:pt x="15153" y="1685"/>
                </a:lnTo>
                <a:lnTo>
                  <a:pt x="15131" y="1693"/>
                </a:lnTo>
                <a:lnTo>
                  <a:pt x="15107" y="1700"/>
                </a:lnTo>
                <a:lnTo>
                  <a:pt x="15085" y="1704"/>
                </a:lnTo>
                <a:lnTo>
                  <a:pt x="15062" y="1707"/>
                </a:lnTo>
                <a:lnTo>
                  <a:pt x="15041" y="1708"/>
                </a:lnTo>
                <a:lnTo>
                  <a:pt x="15028" y="1708"/>
                </a:lnTo>
                <a:lnTo>
                  <a:pt x="15016" y="1708"/>
                </a:lnTo>
                <a:lnTo>
                  <a:pt x="15005" y="1707"/>
                </a:lnTo>
                <a:lnTo>
                  <a:pt x="14994" y="1705"/>
                </a:lnTo>
                <a:lnTo>
                  <a:pt x="14984" y="1703"/>
                </a:lnTo>
                <a:lnTo>
                  <a:pt x="14975" y="1700"/>
                </a:lnTo>
                <a:lnTo>
                  <a:pt x="14966" y="1695"/>
                </a:lnTo>
                <a:lnTo>
                  <a:pt x="14958" y="1691"/>
                </a:lnTo>
                <a:lnTo>
                  <a:pt x="14950" y="1686"/>
                </a:lnTo>
                <a:lnTo>
                  <a:pt x="14944" y="1679"/>
                </a:lnTo>
                <a:lnTo>
                  <a:pt x="14938" y="1673"/>
                </a:lnTo>
                <a:lnTo>
                  <a:pt x="14934" y="1665"/>
                </a:lnTo>
                <a:lnTo>
                  <a:pt x="14931" y="1657"/>
                </a:lnTo>
                <a:lnTo>
                  <a:pt x="14928" y="1647"/>
                </a:lnTo>
                <a:lnTo>
                  <a:pt x="14927" y="1637"/>
                </a:lnTo>
                <a:lnTo>
                  <a:pt x="14925" y="1625"/>
                </a:lnTo>
                <a:lnTo>
                  <a:pt x="14925" y="1618"/>
                </a:lnTo>
                <a:lnTo>
                  <a:pt x="14927" y="1612"/>
                </a:lnTo>
                <a:lnTo>
                  <a:pt x="14929" y="1606"/>
                </a:lnTo>
                <a:lnTo>
                  <a:pt x="14931" y="1599"/>
                </a:lnTo>
                <a:lnTo>
                  <a:pt x="14933" y="1594"/>
                </a:lnTo>
                <a:lnTo>
                  <a:pt x="14936" y="1589"/>
                </a:lnTo>
                <a:lnTo>
                  <a:pt x="14940" y="1584"/>
                </a:lnTo>
                <a:lnTo>
                  <a:pt x="14945" y="1579"/>
                </a:lnTo>
                <a:lnTo>
                  <a:pt x="14954" y="1571"/>
                </a:lnTo>
                <a:lnTo>
                  <a:pt x="14967" y="1564"/>
                </a:lnTo>
                <a:lnTo>
                  <a:pt x="14980" y="1558"/>
                </a:lnTo>
                <a:lnTo>
                  <a:pt x="14996" y="1552"/>
                </a:lnTo>
                <a:lnTo>
                  <a:pt x="15012" y="1548"/>
                </a:lnTo>
                <a:lnTo>
                  <a:pt x="15030" y="1545"/>
                </a:lnTo>
                <a:lnTo>
                  <a:pt x="15050" y="1542"/>
                </a:lnTo>
                <a:lnTo>
                  <a:pt x="15070" y="1539"/>
                </a:lnTo>
                <a:lnTo>
                  <a:pt x="15112" y="1537"/>
                </a:lnTo>
                <a:lnTo>
                  <a:pt x="15157" y="1536"/>
                </a:lnTo>
                <a:lnTo>
                  <a:pt x="15225" y="1536"/>
                </a:lnTo>
                <a:lnTo>
                  <a:pt x="15225" y="1645"/>
                </a:lnTo>
                <a:close/>
                <a:moveTo>
                  <a:pt x="12059" y="1421"/>
                </a:moveTo>
                <a:lnTo>
                  <a:pt x="12059" y="1406"/>
                </a:lnTo>
                <a:lnTo>
                  <a:pt x="12058" y="1392"/>
                </a:lnTo>
                <a:lnTo>
                  <a:pt x="12056" y="1378"/>
                </a:lnTo>
                <a:lnTo>
                  <a:pt x="12055" y="1365"/>
                </a:lnTo>
                <a:lnTo>
                  <a:pt x="12051" y="1352"/>
                </a:lnTo>
                <a:lnTo>
                  <a:pt x="12048" y="1340"/>
                </a:lnTo>
                <a:lnTo>
                  <a:pt x="12044" y="1328"/>
                </a:lnTo>
                <a:lnTo>
                  <a:pt x="12040" y="1316"/>
                </a:lnTo>
                <a:lnTo>
                  <a:pt x="12034" y="1304"/>
                </a:lnTo>
                <a:lnTo>
                  <a:pt x="12029" y="1294"/>
                </a:lnTo>
                <a:lnTo>
                  <a:pt x="12023" y="1284"/>
                </a:lnTo>
                <a:lnTo>
                  <a:pt x="12015" y="1274"/>
                </a:lnTo>
                <a:lnTo>
                  <a:pt x="12008" y="1265"/>
                </a:lnTo>
                <a:lnTo>
                  <a:pt x="12000" y="1256"/>
                </a:lnTo>
                <a:lnTo>
                  <a:pt x="11990" y="1248"/>
                </a:lnTo>
                <a:lnTo>
                  <a:pt x="11981" y="1240"/>
                </a:lnTo>
                <a:lnTo>
                  <a:pt x="11971" y="1233"/>
                </a:lnTo>
                <a:lnTo>
                  <a:pt x="11959" y="1225"/>
                </a:lnTo>
                <a:lnTo>
                  <a:pt x="11948" y="1219"/>
                </a:lnTo>
                <a:lnTo>
                  <a:pt x="11936" y="1214"/>
                </a:lnTo>
                <a:lnTo>
                  <a:pt x="11923" y="1208"/>
                </a:lnTo>
                <a:lnTo>
                  <a:pt x="11909" y="1203"/>
                </a:lnTo>
                <a:lnTo>
                  <a:pt x="11895" y="1199"/>
                </a:lnTo>
                <a:lnTo>
                  <a:pt x="11880" y="1194"/>
                </a:lnTo>
                <a:lnTo>
                  <a:pt x="11864" y="1190"/>
                </a:lnTo>
                <a:lnTo>
                  <a:pt x="11848" y="1188"/>
                </a:lnTo>
                <a:lnTo>
                  <a:pt x="11831" y="1185"/>
                </a:lnTo>
                <a:lnTo>
                  <a:pt x="11813" y="1183"/>
                </a:lnTo>
                <a:lnTo>
                  <a:pt x="11774" y="1179"/>
                </a:lnTo>
                <a:lnTo>
                  <a:pt x="11734" y="1178"/>
                </a:lnTo>
                <a:lnTo>
                  <a:pt x="11705" y="1179"/>
                </a:lnTo>
                <a:lnTo>
                  <a:pt x="11674" y="1180"/>
                </a:lnTo>
                <a:lnTo>
                  <a:pt x="11639" y="1183"/>
                </a:lnTo>
                <a:lnTo>
                  <a:pt x="11605" y="1186"/>
                </a:lnTo>
                <a:lnTo>
                  <a:pt x="11569" y="1190"/>
                </a:lnTo>
                <a:lnTo>
                  <a:pt x="11532" y="1197"/>
                </a:lnTo>
                <a:lnTo>
                  <a:pt x="11496" y="1204"/>
                </a:lnTo>
                <a:lnTo>
                  <a:pt x="11461" y="1213"/>
                </a:lnTo>
                <a:lnTo>
                  <a:pt x="11461" y="1335"/>
                </a:lnTo>
                <a:lnTo>
                  <a:pt x="11489" y="1327"/>
                </a:lnTo>
                <a:lnTo>
                  <a:pt x="11517" y="1318"/>
                </a:lnTo>
                <a:lnTo>
                  <a:pt x="11547" y="1312"/>
                </a:lnTo>
                <a:lnTo>
                  <a:pt x="11576" y="1307"/>
                </a:lnTo>
                <a:lnTo>
                  <a:pt x="11606" y="1302"/>
                </a:lnTo>
                <a:lnTo>
                  <a:pt x="11635" y="1300"/>
                </a:lnTo>
                <a:lnTo>
                  <a:pt x="11663" y="1298"/>
                </a:lnTo>
                <a:lnTo>
                  <a:pt x="11690" y="1297"/>
                </a:lnTo>
                <a:lnTo>
                  <a:pt x="11709" y="1297"/>
                </a:lnTo>
                <a:lnTo>
                  <a:pt x="11726" y="1298"/>
                </a:lnTo>
                <a:lnTo>
                  <a:pt x="11743" y="1299"/>
                </a:lnTo>
                <a:lnTo>
                  <a:pt x="11760" y="1301"/>
                </a:lnTo>
                <a:lnTo>
                  <a:pt x="11775" y="1304"/>
                </a:lnTo>
                <a:lnTo>
                  <a:pt x="11790" y="1308"/>
                </a:lnTo>
                <a:lnTo>
                  <a:pt x="11803" y="1313"/>
                </a:lnTo>
                <a:lnTo>
                  <a:pt x="11816" y="1319"/>
                </a:lnTo>
                <a:lnTo>
                  <a:pt x="11828" y="1327"/>
                </a:lnTo>
                <a:lnTo>
                  <a:pt x="11837" y="1336"/>
                </a:lnTo>
                <a:lnTo>
                  <a:pt x="11842" y="1342"/>
                </a:lnTo>
                <a:lnTo>
                  <a:pt x="11846" y="1347"/>
                </a:lnTo>
                <a:lnTo>
                  <a:pt x="11850" y="1354"/>
                </a:lnTo>
                <a:lnTo>
                  <a:pt x="11853" y="1360"/>
                </a:lnTo>
                <a:lnTo>
                  <a:pt x="11859" y="1375"/>
                </a:lnTo>
                <a:lnTo>
                  <a:pt x="11863" y="1392"/>
                </a:lnTo>
                <a:lnTo>
                  <a:pt x="11866" y="1411"/>
                </a:lnTo>
                <a:lnTo>
                  <a:pt x="11867" y="1434"/>
                </a:lnTo>
                <a:lnTo>
                  <a:pt x="11770" y="1434"/>
                </a:lnTo>
                <a:lnTo>
                  <a:pt x="11738" y="1434"/>
                </a:lnTo>
                <a:lnTo>
                  <a:pt x="11703" y="1435"/>
                </a:lnTo>
                <a:lnTo>
                  <a:pt x="11668" y="1437"/>
                </a:lnTo>
                <a:lnTo>
                  <a:pt x="11633" y="1440"/>
                </a:lnTo>
                <a:lnTo>
                  <a:pt x="11599" y="1444"/>
                </a:lnTo>
                <a:lnTo>
                  <a:pt x="11566" y="1450"/>
                </a:lnTo>
                <a:lnTo>
                  <a:pt x="11537" y="1455"/>
                </a:lnTo>
                <a:lnTo>
                  <a:pt x="11511" y="1463"/>
                </a:lnTo>
                <a:lnTo>
                  <a:pt x="11497" y="1468"/>
                </a:lnTo>
                <a:lnTo>
                  <a:pt x="11484" y="1473"/>
                </a:lnTo>
                <a:lnTo>
                  <a:pt x="11471" y="1480"/>
                </a:lnTo>
                <a:lnTo>
                  <a:pt x="11459" y="1486"/>
                </a:lnTo>
                <a:lnTo>
                  <a:pt x="11447" y="1493"/>
                </a:lnTo>
                <a:lnTo>
                  <a:pt x="11435" y="1502"/>
                </a:lnTo>
                <a:lnTo>
                  <a:pt x="11424" y="1511"/>
                </a:lnTo>
                <a:lnTo>
                  <a:pt x="11414" y="1520"/>
                </a:lnTo>
                <a:lnTo>
                  <a:pt x="11405" y="1531"/>
                </a:lnTo>
                <a:lnTo>
                  <a:pt x="11397" y="1543"/>
                </a:lnTo>
                <a:lnTo>
                  <a:pt x="11389" y="1554"/>
                </a:lnTo>
                <a:lnTo>
                  <a:pt x="11383" y="1567"/>
                </a:lnTo>
                <a:lnTo>
                  <a:pt x="11377" y="1581"/>
                </a:lnTo>
                <a:lnTo>
                  <a:pt x="11374" y="1596"/>
                </a:lnTo>
                <a:lnTo>
                  <a:pt x="11372" y="1612"/>
                </a:lnTo>
                <a:lnTo>
                  <a:pt x="11371" y="1628"/>
                </a:lnTo>
                <a:lnTo>
                  <a:pt x="11371" y="1642"/>
                </a:lnTo>
                <a:lnTo>
                  <a:pt x="11372" y="1654"/>
                </a:lnTo>
                <a:lnTo>
                  <a:pt x="11374" y="1667"/>
                </a:lnTo>
                <a:lnTo>
                  <a:pt x="11376" y="1678"/>
                </a:lnTo>
                <a:lnTo>
                  <a:pt x="11379" y="1689"/>
                </a:lnTo>
                <a:lnTo>
                  <a:pt x="11384" y="1700"/>
                </a:lnTo>
                <a:lnTo>
                  <a:pt x="11388" y="1710"/>
                </a:lnTo>
                <a:lnTo>
                  <a:pt x="11393" y="1720"/>
                </a:lnTo>
                <a:lnTo>
                  <a:pt x="11399" y="1730"/>
                </a:lnTo>
                <a:lnTo>
                  <a:pt x="11405" y="1738"/>
                </a:lnTo>
                <a:lnTo>
                  <a:pt x="11412" y="1747"/>
                </a:lnTo>
                <a:lnTo>
                  <a:pt x="11419" y="1754"/>
                </a:lnTo>
                <a:lnTo>
                  <a:pt x="11427" y="1762"/>
                </a:lnTo>
                <a:lnTo>
                  <a:pt x="11435" y="1769"/>
                </a:lnTo>
                <a:lnTo>
                  <a:pt x="11444" y="1776"/>
                </a:lnTo>
                <a:lnTo>
                  <a:pt x="11452" y="1781"/>
                </a:lnTo>
                <a:lnTo>
                  <a:pt x="11462" y="1787"/>
                </a:lnTo>
                <a:lnTo>
                  <a:pt x="11471" y="1793"/>
                </a:lnTo>
                <a:lnTo>
                  <a:pt x="11482" y="1797"/>
                </a:lnTo>
                <a:lnTo>
                  <a:pt x="11493" y="1801"/>
                </a:lnTo>
                <a:lnTo>
                  <a:pt x="11515" y="1810"/>
                </a:lnTo>
                <a:lnTo>
                  <a:pt x="11539" y="1815"/>
                </a:lnTo>
                <a:lnTo>
                  <a:pt x="11563" y="1820"/>
                </a:lnTo>
                <a:lnTo>
                  <a:pt x="11589" y="1824"/>
                </a:lnTo>
                <a:lnTo>
                  <a:pt x="11615" y="1826"/>
                </a:lnTo>
                <a:lnTo>
                  <a:pt x="11642" y="1826"/>
                </a:lnTo>
                <a:lnTo>
                  <a:pt x="11661" y="1826"/>
                </a:lnTo>
                <a:lnTo>
                  <a:pt x="11680" y="1825"/>
                </a:lnTo>
                <a:lnTo>
                  <a:pt x="11698" y="1824"/>
                </a:lnTo>
                <a:lnTo>
                  <a:pt x="11715" y="1821"/>
                </a:lnTo>
                <a:lnTo>
                  <a:pt x="11731" y="1818"/>
                </a:lnTo>
                <a:lnTo>
                  <a:pt x="11748" y="1815"/>
                </a:lnTo>
                <a:lnTo>
                  <a:pt x="11764" y="1812"/>
                </a:lnTo>
                <a:lnTo>
                  <a:pt x="11779" y="1808"/>
                </a:lnTo>
                <a:lnTo>
                  <a:pt x="11792" y="1802"/>
                </a:lnTo>
                <a:lnTo>
                  <a:pt x="11805" y="1797"/>
                </a:lnTo>
                <a:lnTo>
                  <a:pt x="11819" y="1790"/>
                </a:lnTo>
                <a:lnTo>
                  <a:pt x="11831" y="1784"/>
                </a:lnTo>
                <a:lnTo>
                  <a:pt x="11843" y="1776"/>
                </a:lnTo>
                <a:lnTo>
                  <a:pt x="11855" y="1768"/>
                </a:lnTo>
                <a:lnTo>
                  <a:pt x="11865" y="1760"/>
                </a:lnTo>
                <a:lnTo>
                  <a:pt x="11876" y="1750"/>
                </a:lnTo>
                <a:lnTo>
                  <a:pt x="11878" y="1750"/>
                </a:lnTo>
                <a:lnTo>
                  <a:pt x="11878" y="1812"/>
                </a:lnTo>
                <a:lnTo>
                  <a:pt x="12059" y="1812"/>
                </a:lnTo>
                <a:lnTo>
                  <a:pt x="12059" y="1421"/>
                </a:lnTo>
                <a:close/>
                <a:moveTo>
                  <a:pt x="11867" y="1645"/>
                </a:moveTo>
                <a:lnTo>
                  <a:pt x="11856" y="1654"/>
                </a:lnTo>
                <a:lnTo>
                  <a:pt x="11844" y="1661"/>
                </a:lnTo>
                <a:lnTo>
                  <a:pt x="11831" y="1668"/>
                </a:lnTo>
                <a:lnTo>
                  <a:pt x="11819" y="1674"/>
                </a:lnTo>
                <a:lnTo>
                  <a:pt x="11796" y="1685"/>
                </a:lnTo>
                <a:lnTo>
                  <a:pt x="11772" y="1693"/>
                </a:lnTo>
                <a:lnTo>
                  <a:pt x="11750" y="1700"/>
                </a:lnTo>
                <a:lnTo>
                  <a:pt x="11726" y="1704"/>
                </a:lnTo>
                <a:lnTo>
                  <a:pt x="11705" y="1707"/>
                </a:lnTo>
                <a:lnTo>
                  <a:pt x="11682" y="1708"/>
                </a:lnTo>
                <a:lnTo>
                  <a:pt x="11670" y="1708"/>
                </a:lnTo>
                <a:lnTo>
                  <a:pt x="11659" y="1708"/>
                </a:lnTo>
                <a:lnTo>
                  <a:pt x="11647" y="1707"/>
                </a:lnTo>
                <a:lnTo>
                  <a:pt x="11636" y="1705"/>
                </a:lnTo>
                <a:lnTo>
                  <a:pt x="11627" y="1703"/>
                </a:lnTo>
                <a:lnTo>
                  <a:pt x="11617" y="1700"/>
                </a:lnTo>
                <a:lnTo>
                  <a:pt x="11608" y="1695"/>
                </a:lnTo>
                <a:lnTo>
                  <a:pt x="11600" y="1691"/>
                </a:lnTo>
                <a:lnTo>
                  <a:pt x="11592" y="1686"/>
                </a:lnTo>
                <a:lnTo>
                  <a:pt x="11586" y="1679"/>
                </a:lnTo>
                <a:lnTo>
                  <a:pt x="11581" y="1673"/>
                </a:lnTo>
                <a:lnTo>
                  <a:pt x="11576" y="1665"/>
                </a:lnTo>
                <a:lnTo>
                  <a:pt x="11573" y="1657"/>
                </a:lnTo>
                <a:lnTo>
                  <a:pt x="11570" y="1647"/>
                </a:lnTo>
                <a:lnTo>
                  <a:pt x="11569" y="1637"/>
                </a:lnTo>
                <a:lnTo>
                  <a:pt x="11568" y="1625"/>
                </a:lnTo>
                <a:lnTo>
                  <a:pt x="11568" y="1618"/>
                </a:lnTo>
                <a:lnTo>
                  <a:pt x="11569" y="1612"/>
                </a:lnTo>
                <a:lnTo>
                  <a:pt x="11571" y="1606"/>
                </a:lnTo>
                <a:lnTo>
                  <a:pt x="11573" y="1599"/>
                </a:lnTo>
                <a:lnTo>
                  <a:pt x="11575" y="1594"/>
                </a:lnTo>
                <a:lnTo>
                  <a:pt x="11578" y="1589"/>
                </a:lnTo>
                <a:lnTo>
                  <a:pt x="11583" y="1584"/>
                </a:lnTo>
                <a:lnTo>
                  <a:pt x="11587" y="1579"/>
                </a:lnTo>
                <a:lnTo>
                  <a:pt x="11597" y="1571"/>
                </a:lnTo>
                <a:lnTo>
                  <a:pt x="11610" y="1564"/>
                </a:lnTo>
                <a:lnTo>
                  <a:pt x="11622" y="1558"/>
                </a:lnTo>
                <a:lnTo>
                  <a:pt x="11638" y="1552"/>
                </a:lnTo>
                <a:lnTo>
                  <a:pt x="11654" y="1548"/>
                </a:lnTo>
                <a:lnTo>
                  <a:pt x="11673" y="1545"/>
                </a:lnTo>
                <a:lnTo>
                  <a:pt x="11692" y="1542"/>
                </a:lnTo>
                <a:lnTo>
                  <a:pt x="11712" y="1539"/>
                </a:lnTo>
                <a:lnTo>
                  <a:pt x="11754" y="1537"/>
                </a:lnTo>
                <a:lnTo>
                  <a:pt x="11799" y="1536"/>
                </a:lnTo>
                <a:lnTo>
                  <a:pt x="11867" y="1536"/>
                </a:lnTo>
                <a:lnTo>
                  <a:pt x="11867" y="1645"/>
                </a:lnTo>
                <a:close/>
                <a:moveTo>
                  <a:pt x="10062" y="1178"/>
                </a:moveTo>
                <a:lnTo>
                  <a:pt x="10047" y="1179"/>
                </a:lnTo>
                <a:lnTo>
                  <a:pt x="10031" y="1179"/>
                </a:lnTo>
                <a:lnTo>
                  <a:pt x="10016" y="1182"/>
                </a:lnTo>
                <a:lnTo>
                  <a:pt x="10001" y="1184"/>
                </a:lnTo>
                <a:lnTo>
                  <a:pt x="9986" y="1187"/>
                </a:lnTo>
                <a:lnTo>
                  <a:pt x="9971" y="1190"/>
                </a:lnTo>
                <a:lnTo>
                  <a:pt x="9957" y="1194"/>
                </a:lnTo>
                <a:lnTo>
                  <a:pt x="9944" y="1201"/>
                </a:lnTo>
                <a:lnTo>
                  <a:pt x="9931" y="1207"/>
                </a:lnTo>
                <a:lnTo>
                  <a:pt x="9917" y="1215"/>
                </a:lnTo>
                <a:lnTo>
                  <a:pt x="9905" y="1223"/>
                </a:lnTo>
                <a:lnTo>
                  <a:pt x="9893" y="1233"/>
                </a:lnTo>
                <a:lnTo>
                  <a:pt x="9881" y="1245"/>
                </a:lnTo>
                <a:lnTo>
                  <a:pt x="9871" y="1257"/>
                </a:lnTo>
                <a:lnTo>
                  <a:pt x="9860" y="1270"/>
                </a:lnTo>
                <a:lnTo>
                  <a:pt x="9850" y="1286"/>
                </a:lnTo>
                <a:lnTo>
                  <a:pt x="9848" y="1286"/>
                </a:lnTo>
                <a:lnTo>
                  <a:pt x="9848" y="1191"/>
                </a:lnTo>
                <a:lnTo>
                  <a:pt x="9660" y="1191"/>
                </a:lnTo>
                <a:lnTo>
                  <a:pt x="9660" y="1812"/>
                </a:lnTo>
                <a:lnTo>
                  <a:pt x="9864" y="1812"/>
                </a:lnTo>
                <a:lnTo>
                  <a:pt x="9864" y="1508"/>
                </a:lnTo>
                <a:lnTo>
                  <a:pt x="9865" y="1485"/>
                </a:lnTo>
                <a:lnTo>
                  <a:pt x="9866" y="1465"/>
                </a:lnTo>
                <a:lnTo>
                  <a:pt x="9869" y="1445"/>
                </a:lnTo>
                <a:lnTo>
                  <a:pt x="9872" y="1429"/>
                </a:lnTo>
                <a:lnTo>
                  <a:pt x="9875" y="1416"/>
                </a:lnTo>
                <a:lnTo>
                  <a:pt x="9879" y="1403"/>
                </a:lnTo>
                <a:lnTo>
                  <a:pt x="9884" y="1392"/>
                </a:lnTo>
                <a:lnTo>
                  <a:pt x="9889" y="1382"/>
                </a:lnTo>
                <a:lnTo>
                  <a:pt x="9898" y="1369"/>
                </a:lnTo>
                <a:lnTo>
                  <a:pt x="9906" y="1357"/>
                </a:lnTo>
                <a:lnTo>
                  <a:pt x="9917" y="1347"/>
                </a:lnTo>
                <a:lnTo>
                  <a:pt x="9929" y="1339"/>
                </a:lnTo>
                <a:lnTo>
                  <a:pt x="9942" y="1331"/>
                </a:lnTo>
                <a:lnTo>
                  <a:pt x="9957" y="1325"/>
                </a:lnTo>
                <a:lnTo>
                  <a:pt x="9973" y="1320"/>
                </a:lnTo>
                <a:lnTo>
                  <a:pt x="9993" y="1317"/>
                </a:lnTo>
                <a:lnTo>
                  <a:pt x="10003" y="1316"/>
                </a:lnTo>
                <a:lnTo>
                  <a:pt x="10015" y="1315"/>
                </a:lnTo>
                <a:lnTo>
                  <a:pt x="10028" y="1316"/>
                </a:lnTo>
                <a:lnTo>
                  <a:pt x="10040" y="1317"/>
                </a:lnTo>
                <a:lnTo>
                  <a:pt x="10053" y="1319"/>
                </a:lnTo>
                <a:lnTo>
                  <a:pt x="10064" y="1321"/>
                </a:lnTo>
                <a:lnTo>
                  <a:pt x="10076" y="1326"/>
                </a:lnTo>
                <a:lnTo>
                  <a:pt x="10087" y="1331"/>
                </a:lnTo>
                <a:lnTo>
                  <a:pt x="10180" y="1201"/>
                </a:lnTo>
                <a:lnTo>
                  <a:pt x="10165" y="1195"/>
                </a:lnTo>
                <a:lnTo>
                  <a:pt x="10152" y="1191"/>
                </a:lnTo>
                <a:lnTo>
                  <a:pt x="10138" y="1187"/>
                </a:lnTo>
                <a:lnTo>
                  <a:pt x="10124" y="1185"/>
                </a:lnTo>
                <a:lnTo>
                  <a:pt x="10109" y="1182"/>
                </a:lnTo>
                <a:lnTo>
                  <a:pt x="10094" y="1180"/>
                </a:lnTo>
                <a:lnTo>
                  <a:pt x="10079" y="1179"/>
                </a:lnTo>
                <a:lnTo>
                  <a:pt x="10062" y="1178"/>
                </a:lnTo>
                <a:close/>
                <a:moveTo>
                  <a:pt x="9325" y="1262"/>
                </a:moveTo>
                <a:lnTo>
                  <a:pt x="9325" y="1272"/>
                </a:lnTo>
                <a:lnTo>
                  <a:pt x="9324" y="1283"/>
                </a:lnTo>
                <a:lnTo>
                  <a:pt x="9322" y="1294"/>
                </a:lnTo>
                <a:lnTo>
                  <a:pt x="9319" y="1305"/>
                </a:lnTo>
                <a:lnTo>
                  <a:pt x="9314" y="1316"/>
                </a:lnTo>
                <a:lnTo>
                  <a:pt x="9309" y="1328"/>
                </a:lnTo>
                <a:lnTo>
                  <a:pt x="9302" y="1339"/>
                </a:lnTo>
                <a:lnTo>
                  <a:pt x="9293" y="1348"/>
                </a:lnTo>
                <a:lnTo>
                  <a:pt x="9283" y="1358"/>
                </a:lnTo>
                <a:lnTo>
                  <a:pt x="9270" y="1366"/>
                </a:lnTo>
                <a:lnTo>
                  <a:pt x="9258" y="1374"/>
                </a:lnTo>
                <a:lnTo>
                  <a:pt x="9242" y="1381"/>
                </a:lnTo>
                <a:lnTo>
                  <a:pt x="9223" y="1387"/>
                </a:lnTo>
                <a:lnTo>
                  <a:pt x="9203" y="1391"/>
                </a:lnTo>
                <a:lnTo>
                  <a:pt x="9181" y="1393"/>
                </a:lnTo>
                <a:lnTo>
                  <a:pt x="9156" y="1394"/>
                </a:lnTo>
                <a:lnTo>
                  <a:pt x="8987" y="1394"/>
                </a:lnTo>
                <a:lnTo>
                  <a:pt x="8987" y="1145"/>
                </a:lnTo>
                <a:lnTo>
                  <a:pt x="9156" y="1145"/>
                </a:lnTo>
                <a:lnTo>
                  <a:pt x="9181" y="1145"/>
                </a:lnTo>
                <a:lnTo>
                  <a:pt x="9203" y="1147"/>
                </a:lnTo>
                <a:lnTo>
                  <a:pt x="9223" y="1152"/>
                </a:lnTo>
                <a:lnTo>
                  <a:pt x="9242" y="1156"/>
                </a:lnTo>
                <a:lnTo>
                  <a:pt x="9258" y="1161"/>
                </a:lnTo>
                <a:lnTo>
                  <a:pt x="9270" y="1169"/>
                </a:lnTo>
                <a:lnTo>
                  <a:pt x="9283" y="1176"/>
                </a:lnTo>
                <a:lnTo>
                  <a:pt x="9293" y="1184"/>
                </a:lnTo>
                <a:lnTo>
                  <a:pt x="9302" y="1193"/>
                </a:lnTo>
                <a:lnTo>
                  <a:pt x="9309" y="1202"/>
                </a:lnTo>
                <a:lnTo>
                  <a:pt x="9314" y="1213"/>
                </a:lnTo>
                <a:lnTo>
                  <a:pt x="9319" y="1222"/>
                </a:lnTo>
                <a:lnTo>
                  <a:pt x="9322" y="1232"/>
                </a:lnTo>
                <a:lnTo>
                  <a:pt x="9324" y="1242"/>
                </a:lnTo>
                <a:lnTo>
                  <a:pt x="9325" y="1252"/>
                </a:lnTo>
                <a:lnTo>
                  <a:pt x="9325" y="1262"/>
                </a:lnTo>
                <a:close/>
                <a:moveTo>
                  <a:pt x="9139" y="1011"/>
                </a:moveTo>
                <a:lnTo>
                  <a:pt x="8750" y="1011"/>
                </a:lnTo>
                <a:lnTo>
                  <a:pt x="8750" y="1812"/>
                </a:lnTo>
                <a:lnTo>
                  <a:pt x="8987" y="1812"/>
                </a:lnTo>
                <a:lnTo>
                  <a:pt x="8987" y="1528"/>
                </a:lnTo>
                <a:lnTo>
                  <a:pt x="9189" y="1528"/>
                </a:lnTo>
                <a:lnTo>
                  <a:pt x="9211" y="1527"/>
                </a:lnTo>
                <a:lnTo>
                  <a:pt x="9231" y="1526"/>
                </a:lnTo>
                <a:lnTo>
                  <a:pt x="9251" y="1524"/>
                </a:lnTo>
                <a:lnTo>
                  <a:pt x="9272" y="1522"/>
                </a:lnTo>
                <a:lnTo>
                  <a:pt x="9291" y="1519"/>
                </a:lnTo>
                <a:lnTo>
                  <a:pt x="9309" y="1516"/>
                </a:lnTo>
                <a:lnTo>
                  <a:pt x="9327" y="1512"/>
                </a:lnTo>
                <a:lnTo>
                  <a:pt x="9345" y="1507"/>
                </a:lnTo>
                <a:lnTo>
                  <a:pt x="9361" y="1502"/>
                </a:lnTo>
                <a:lnTo>
                  <a:pt x="9379" y="1497"/>
                </a:lnTo>
                <a:lnTo>
                  <a:pt x="9394" y="1490"/>
                </a:lnTo>
                <a:lnTo>
                  <a:pt x="9409" y="1484"/>
                </a:lnTo>
                <a:lnTo>
                  <a:pt x="9423" y="1476"/>
                </a:lnTo>
                <a:lnTo>
                  <a:pt x="9436" y="1469"/>
                </a:lnTo>
                <a:lnTo>
                  <a:pt x="9449" y="1460"/>
                </a:lnTo>
                <a:lnTo>
                  <a:pt x="9462" y="1452"/>
                </a:lnTo>
                <a:lnTo>
                  <a:pt x="9474" y="1443"/>
                </a:lnTo>
                <a:lnTo>
                  <a:pt x="9484" y="1434"/>
                </a:lnTo>
                <a:lnTo>
                  <a:pt x="9495" y="1424"/>
                </a:lnTo>
                <a:lnTo>
                  <a:pt x="9505" y="1413"/>
                </a:lnTo>
                <a:lnTo>
                  <a:pt x="9513" y="1403"/>
                </a:lnTo>
                <a:lnTo>
                  <a:pt x="9521" y="1392"/>
                </a:lnTo>
                <a:lnTo>
                  <a:pt x="9528" y="1380"/>
                </a:lnTo>
                <a:lnTo>
                  <a:pt x="9535" y="1369"/>
                </a:lnTo>
                <a:lnTo>
                  <a:pt x="9541" y="1357"/>
                </a:lnTo>
                <a:lnTo>
                  <a:pt x="9547" y="1345"/>
                </a:lnTo>
                <a:lnTo>
                  <a:pt x="9551" y="1332"/>
                </a:lnTo>
                <a:lnTo>
                  <a:pt x="9554" y="1319"/>
                </a:lnTo>
                <a:lnTo>
                  <a:pt x="9557" y="1307"/>
                </a:lnTo>
                <a:lnTo>
                  <a:pt x="9559" y="1293"/>
                </a:lnTo>
                <a:lnTo>
                  <a:pt x="9560" y="1279"/>
                </a:lnTo>
                <a:lnTo>
                  <a:pt x="9560" y="1265"/>
                </a:lnTo>
                <a:lnTo>
                  <a:pt x="9560" y="1250"/>
                </a:lnTo>
                <a:lnTo>
                  <a:pt x="9559" y="1235"/>
                </a:lnTo>
                <a:lnTo>
                  <a:pt x="9557" y="1221"/>
                </a:lnTo>
                <a:lnTo>
                  <a:pt x="9555" y="1207"/>
                </a:lnTo>
                <a:lnTo>
                  <a:pt x="9552" y="1193"/>
                </a:lnTo>
                <a:lnTo>
                  <a:pt x="9548" y="1180"/>
                </a:lnTo>
                <a:lnTo>
                  <a:pt x="9542" y="1168"/>
                </a:lnTo>
                <a:lnTo>
                  <a:pt x="9537" y="1156"/>
                </a:lnTo>
                <a:lnTo>
                  <a:pt x="9530" y="1144"/>
                </a:lnTo>
                <a:lnTo>
                  <a:pt x="9523" y="1133"/>
                </a:lnTo>
                <a:lnTo>
                  <a:pt x="9514" y="1123"/>
                </a:lnTo>
                <a:lnTo>
                  <a:pt x="9506" y="1112"/>
                </a:lnTo>
                <a:lnTo>
                  <a:pt x="9496" y="1102"/>
                </a:lnTo>
                <a:lnTo>
                  <a:pt x="9486" y="1093"/>
                </a:lnTo>
                <a:lnTo>
                  <a:pt x="9474" y="1084"/>
                </a:lnTo>
                <a:lnTo>
                  <a:pt x="9462" y="1076"/>
                </a:lnTo>
                <a:lnTo>
                  <a:pt x="9449" y="1068"/>
                </a:lnTo>
                <a:lnTo>
                  <a:pt x="9434" y="1061"/>
                </a:lnTo>
                <a:lnTo>
                  <a:pt x="9419" y="1054"/>
                </a:lnTo>
                <a:lnTo>
                  <a:pt x="9404" y="1048"/>
                </a:lnTo>
                <a:lnTo>
                  <a:pt x="9387" y="1042"/>
                </a:lnTo>
                <a:lnTo>
                  <a:pt x="9369" y="1036"/>
                </a:lnTo>
                <a:lnTo>
                  <a:pt x="9351" y="1032"/>
                </a:lnTo>
                <a:lnTo>
                  <a:pt x="9331" y="1028"/>
                </a:lnTo>
                <a:lnTo>
                  <a:pt x="9310" y="1023"/>
                </a:lnTo>
                <a:lnTo>
                  <a:pt x="9289" y="1020"/>
                </a:lnTo>
                <a:lnTo>
                  <a:pt x="9266" y="1017"/>
                </a:lnTo>
                <a:lnTo>
                  <a:pt x="9243" y="1015"/>
                </a:lnTo>
                <a:lnTo>
                  <a:pt x="9219" y="1013"/>
                </a:lnTo>
                <a:lnTo>
                  <a:pt x="9193" y="1012"/>
                </a:lnTo>
                <a:lnTo>
                  <a:pt x="9167" y="1011"/>
                </a:lnTo>
                <a:lnTo>
                  <a:pt x="9139" y="1011"/>
                </a:lnTo>
                <a:close/>
                <a:moveTo>
                  <a:pt x="13030" y="1297"/>
                </a:moveTo>
                <a:lnTo>
                  <a:pt x="13047" y="1297"/>
                </a:lnTo>
                <a:lnTo>
                  <a:pt x="13063" y="1299"/>
                </a:lnTo>
                <a:lnTo>
                  <a:pt x="13078" y="1302"/>
                </a:lnTo>
                <a:lnTo>
                  <a:pt x="13091" y="1305"/>
                </a:lnTo>
                <a:lnTo>
                  <a:pt x="13104" y="1311"/>
                </a:lnTo>
                <a:lnTo>
                  <a:pt x="13116" y="1316"/>
                </a:lnTo>
                <a:lnTo>
                  <a:pt x="13127" y="1324"/>
                </a:lnTo>
                <a:lnTo>
                  <a:pt x="13136" y="1331"/>
                </a:lnTo>
                <a:lnTo>
                  <a:pt x="13145" y="1340"/>
                </a:lnTo>
                <a:lnTo>
                  <a:pt x="13154" y="1348"/>
                </a:lnTo>
                <a:lnTo>
                  <a:pt x="13160" y="1358"/>
                </a:lnTo>
                <a:lnTo>
                  <a:pt x="13166" y="1369"/>
                </a:lnTo>
                <a:lnTo>
                  <a:pt x="13172" y="1379"/>
                </a:lnTo>
                <a:lnTo>
                  <a:pt x="13177" y="1390"/>
                </a:lnTo>
                <a:lnTo>
                  <a:pt x="13180" y="1402"/>
                </a:lnTo>
                <a:lnTo>
                  <a:pt x="13183" y="1413"/>
                </a:lnTo>
                <a:lnTo>
                  <a:pt x="13185" y="1417"/>
                </a:lnTo>
                <a:lnTo>
                  <a:pt x="13185" y="1421"/>
                </a:lnTo>
                <a:lnTo>
                  <a:pt x="13186" y="1425"/>
                </a:lnTo>
                <a:lnTo>
                  <a:pt x="13186" y="1428"/>
                </a:lnTo>
                <a:lnTo>
                  <a:pt x="13186" y="1433"/>
                </a:lnTo>
                <a:lnTo>
                  <a:pt x="13187" y="1437"/>
                </a:lnTo>
                <a:lnTo>
                  <a:pt x="13187" y="1440"/>
                </a:lnTo>
                <a:lnTo>
                  <a:pt x="13187" y="1443"/>
                </a:lnTo>
                <a:lnTo>
                  <a:pt x="12857" y="1443"/>
                </a:lnTo>
                <a:lnTo>
                  <a:pt x="12859" y="1429"/>
                </a:lnTo>
                <a:lnTo>
                  <a:pt x="12862" y="1414"/>
                </a:lnTo>
                <a:lnTo>
                  <a:pt x="12867" y="1402"/>
                </a:lnTo>
                <a:lnTo>
                  <a:pt x="12873" y="1388"/>
                </a:lnTo>
                <a:lnTo>
                  <a:pt x="12880" y="1375"/>
                </a:lnTo>
                <a:lnTo>
                  <a:pt x="12887" y="1363"/>
                </a:lnTo>
                <a:lnTo>
                  <a:pt x="12896" y="1351"/>
                </a:lnTo>
                <a:lnTo>
                  <a:pt x="12906" y="1341"/>
                </a:lnTo>
                <a:lnTo>
                  <a:pt x="12917" y="1331"/>
                </a:lnTo>
                <a:lnTo>
                  <a:pt x="12930" y="1323"/>
                </a:lnTo>
                <a:lnTo>
                  <a:pt x="12944" y="1315"/>
                </a:lnTo>
                <a:lnTo>
                  <a:pt x="12959" y="1309"/>
                </a:lnTo>
                <a:lnTo>
                  <a:pt x="12975" y="1303"/>
                </a:lnTo>
                <a:lnTo>
                  <a:pt x="12992" y="1299"/>
                </a:lnTo>
                <a:lnTo>
                  <a:pt x="13010" y="1297"/>
                </a:lnTo>
                <a:lnTo>
                  <a:pt x="13030" y="1297"/>
                </a:lnTo>
                <a:close/>
                <a:moveTo>
                  <a:pt x="13290" y="1671"/>
                </a:moveTo>
                <a:lnTo>
                  <a:pt x="13263" y="1678"/>
                </a:lnTo>
                <a:lnTo>
                  <a:pt x="13237" y="1684"/>
                </a:lnTo>
                <a:lnTo>
                  <a:pt x="13212" y="1689"/>
                </a:lnTo>
                <a:lnTo>
                  <a:pt x="13189" y="1693"/>
                </a:lnTo>
                <a:lnTo>
                  <a:pt x="13164" y="1696"/>
                </a:lnTo>
                <a:lnTo>
                  <a:pt x="13139" y="1700"/>
                </a:lnTo>
                <a:lnTo>
                  <a:pt x="13113" y="1701"/>
                </a:lnTo>
                <a:lnTo>
                  <a:pt x="13084" y="1701"/>
                </a:lnTo>
                <a:lnTo>
                  <a:pt x="13060" y="1701"/>
                </a:lnTo>
                <a:lnTo>
                  <a:pt x="13038" y="1699"/>
                </a:lnTo>
                <a:lnTo>
                  <a:pt x="13017" y="1696"/>
                </a:lnTo>
                <a:lnTo>
                  <a:pt x="12996" y="1692"/>
                </a:lnTo>
                <a:lnTo>
                  <a:pt x="12977" y="1687"/>
                </a:lnTo>
                <a:lnTo>
                  <a:pt x="12959" y="1680"/>
                </a:lnTo>
                <a:lnTo>
                  <a:pt x="12942" y="1674"/>
                </a:lnTo>
                <a:lnTo>
                  <a:pt x="12927" y="1665"/>
                </a:lnTo>
                <a:lnTo>
                  <a:pt x="12913" y="1655"/>
                </a:lnTo>
                <a:lnTo>
                  <a:pt x="12900" y="1644"/>
                </a:lnTo>
                <a:lnTo>
                  <a:pt x="12888" y="1632"/>
                </a:lnTo>
                <a:lnTo>
                  <a:pt x="12880" y="1620"/>
                </a:lnTo>
                <a:lnTo>
                  <a:pt x="12871" y="1605"/>
                </a:lnTo>
                <a:lnTo>
                  <a:pt x="12865" y="1589"/>
                </a:lnTo>
                <a:lnTo>
                  <a:pt x="12860" y="1573"/>
                </a:lnTo>
                <a:lnTo>
                  <a:pt x="12857" y="1554"/>
                </a:lnTo>
                <a:lnTo>
                  <a:pt x="13363" y="1554"/>
                </a:lnTo>
                <a:lnTo>
                  <a:pt x="13364" y="1544"/>
                </a:lnTo>
                <a:lnTo>
                  <a:pt x="13365" y="1532"/>
                </a:lnTo>
                <a:lnTo>
                  <a:pt x="13365" y="1520"/>
                </a:lnTo>
                <a:lnTo>
                  <a:pt x="13365" y="1507"/>
                </a:lnTo>
                <a:lnTo>
                  <a:pt x="13365" y="1495"/>
                </a:lnTo>
                <a:lnTo>
                  <a:pt x="13365" y="1483"/>
                </a:lnTo>
                <a:lnTo>
                  <a:pt x="13364" y="1470"/>
                </a:lnTo>
                <a:lnTo>
                  <a:pt x="13363" y="1458"/>
                </a:lnTo>
                <a:lnTo>
                  <a:pt x="13360" y="1429"/>
                </a:lnTo>
                <a:lnTo>
                  <a:pt x="13354" y="1402"/>
                </a:lnTo>
                <a:lnTo>
                  <a:pt x="13350" y="1388"/>
                </a:lnTo>
                <a:lnTo>
                  <a:pt x="13346" y="1374"/>
                </a:lnTo>
                <a:lnTo>
                  <a:pt x="13341" y="1361"/>
                </a:lnTo>
                <a:lnTo>
                  <a:pt x="13336" y="1348"/>
                </a:lnTo>
                <a:lnTo>
                  <a:pt x="13330" y="1336"/>
                </a:lnTo>
                <a:lnTo>
                  <a:pt x="13324" y="1324"/>
                </a:lnTo>
                <a:lnTo>
                  <a:pt x="13317" y="1312"/>
                </a:lnTo>
                <a:lnTo>
                  <a:pt x="13310" y="1301"/>
                </a:lnTo>
                <a:lnTo>
                  <a:pt x="13301" y="1289"/>
                </a:lnTo>
                <a:lnTo>
                  <a:pt x="13293" y="1280"/>
                </a:lnTo>
                <a:lnTo>
                  <a:pt x="13283" y="1269"/>
                </a:lnTo>
                <a:lnTo>
                  <a:pt x="13273" y="1260"/>
                </a:lnTo>
                <a:lnTo>
                  <a:pt x="13263" y="1251"/>
                </a:lnTo>
                <a:lnTo>
                  <a:pt x="13251" y="1241"/>
                </a:lnTo>
                <a:lnTo>
                  <a:pt x="13239" y="1234"/>
                </a:lnTo>
                <a:lnTo>
                  <a:pt x="13226" y="1225"/>
                </a:lnTo>
                <a:lnTo>
                  <a:pt x="13213" y="1219"/>
                </a:lnTo>
                <a:lnTo>
                  <a:pt x="13198" y="1211"/>
                </a:lnTo>
                <a:lnTo>
                  <a:pt x="13185" y="1206"/>
                </a:lnTo>
                <a:lnTo>
                  <a:pt x="13168" y="1201"/>
                </a:lnTo>
                <a:lnTo>
                  <a:pt x="13152" y="1195"/>
                </a:lnTo>
                <a:lnTo>
                  <a:pt x="13135" y="1191"/>
                </a:lnTo>
                <a:lnTo>
                  <a:pt x="13118" y="1187"/>
                </a:lnTo>
                <a:lnTo>
                  <a:pt x="13100" y="1185"/>
                </a:lnTo>
                <a:lnTo>
                  <a:pt x="13081" y="1182"/>
                </a:lnTo>
                <a:lnTo>
                  <a:pt x="13060" y="1180"/>
                </a:lnTo>
                <a:lnTo>
                  <a:pt x="13040" y="1179"/>
                </a:lnTo>
                <a:lnTo>
                  <a:pt x="13019" y="1178"/>
                </a:lnTo>
                <a:lnTo>
                  <a:pt x="12996" y="1179"/>
                </a:lnTo>
                <a:lnTo>
                  <a:pt x="12975" y="1180"/>
                </a:lnTo>
                <a:lnTo>
                  <a:pt x="12954" y="1183"/>
                </a:lnTo>
                <a:lnTo>
                  <a:pt x="12934" y="1186"/>
                </a:lnTo>
                <a:lnTo>
                  <a:pt x="12916" y="1190"/>
                </a:lnTo>
                <a:lnTo>
                  <a:pt x="12898" y="1194"/>
                </a:lnTo>
                <a:lnTo>
                  <a:pt x="12880" y="1200"/>
                </a:lnTo>
                <a:lnTo>
                  <a:pt x="12864" y="1206"/>
                </a:lnTo>
                <a:lnTo>
                  <a:pt x="12847" y="1214"/>
                </a:lnTo>
                <a:lnTo>
                  <a:pt x="12831" y="1221"/>
                </a:lnTo>
                <a:lnTo>
                  <a:pt x="12818" y="1229"/>
                </a:lnTo>
                <a:lnTo>
                  <a:pt x="12804" y="1238"/>
                </a:lnTo>
                <a:lnTo>
                  <a:pt x="12791" y="1248"/>
                </a:lnTo>
                <a:lnTo>
                  <a:pt x="12778" y="1257"/>
                </a:lnTo>
                <a:lnTo>
                  <a:pt x="12766" y="1268"/>
                </a:lnTo>
                <a:lnTo>
                  <a:pt x="12755" y="1279"/>
                </a:lnTo>
                <a:lnTo>
                  <a:pt x="12745" y="1291"/>
                </a:lnTo>
                <a:lnTo>
                  <a:pt x="12735" y="1303"/>
                </a:lnTo>
                <a:lnTo>
                  <a:pt x="12727" y="1315"/>
                </a:lnTo>
                <a:lnTo>
                  <a:pt x="12718" y="1329"/>
                </a:lnTo>
                <a:lnTo>
                  <a:pt x="12711" y="1342"/>
                </a:lnTo>
                <a:lnTo>
                  <a:pt x="12704" y="1356"/>
                </a:lnTo>
                <a:lnTo>
                  <a:pt x="12698" y="1370"/>
                </a:lnTo>
                <a:lnTo>
                  <a:pt x="12692" y="1385"/>
                </a:lnTo>
                <a:lnTo>
                  <a:pt x="12687" y="1398"/>
                </a:lnTo>
                <a:lnTo>
                  <a:pt x="12684" y="1413"/>
                </a:lnTo>
                <a:lnTo>
                  <a:pt x="12680" y="1428"/>
                </a:lnTo>
                <a:lnTo>
                  <a:pt x="12677" y="1444"/>
                </a:lnTo>
                <a:lnTo>
                  <a:pt x="12674" y="1459"/>
                </a:lnTo>
                <a:lnTo>
                  <a:pt x="12673" y="1475"/>
                </a:lnTo>
                <a:lnTo>
                  <a:pt x="12672" y="1491"/>
                </a:lnTo>
                <a:lnTo>
                  <a:pt x="12672" y="1506"/>
                </a:lnTo>
                <a:lnTo>
                  <a:pt x="12672" y="1528"/>
                </a:lnTo>
                <a:lnTo>
                  <a:pt x="12674" y="1548"/>
                </a:lnTo>
                <a:lnTo>
                  <a:pt x="12676" y="1567"/>
                </a:lnTo>
                <a:lnTo>
                  <a:pt x="12680" y="1586"/>
                </a:lnTo>
                <a:lnTo>
                  <a:pt x="12684" y="1605"/>
                </a:lnTo>
                <a:lnTo>
                  <a:pt x="12689" y="1622"/>
                </a:lnTo>
                <a:lnTo>
                  <a:pt x="12694" y="1638"/>
                </a:lnTo>
                <a:lnTo>
                  <a:pt x="12702" y="1654"/>
                </a:lnTo>
                <a:lnTo>
                  <a:pt x="12709" y="1669"/>
                </a:lnTo>
                <a:lnTo>
                  <a:pt x="12718" y="1683"/>
                </a:lnTo>
                <a:lnTo>
                  <a:pt x="12728" y="1695"/>
                </a:lnTo>
                <a:lnTo>
                  <a:pt x="12737" y="1708"/>
                </a:lnTo>
                <a:lnTo>
                  <a:pt x="12748" y="1721"/>
                </a:lnTo>
                <a:lnTo>
                  <a:pt x="12760" y="1732"/>
                </a:lnTo>
                <a:lnTo>
                  <a:pt x="12772" y="1742"/>
                </a:lnTo>
                <a:lnTo>
                  <a:pt x="12784" y="1752"/>
                </a:lnTo>
                <a:lnTo>
                  <a:pt x="12798" y="1762"/>
                </a:lnTo>
                <a:lnTo>
                  <a:pt x="12812" y="1770"/>
                </a:lnTo>
                <a:lnTo>
                  <a:pt x="12827" y="1778"/>
                </a:lnTo>
                <a:lnTo>
                  <a:pt x="12843" y="1785"/>
                </a:lnTo>
                <a:lnTo>
                  <a:pt x="12858" y="1793"/>
                </a:lnTo>
                <a:lnTo>
                  <a:pt x="12875" y="1798"/>
                </a:lnTo>
                <a:lnTo>
                  <a:pt x="12892" y="1803"/>
                </a:lnTo>
                <a:lnTo>
                  <a:pt x="12910" y="1809"/>
                </a:lnTo>
                <a:lnTo>
                  <a:pt x="12928" y="1813"/>
                </a:lnTo>
                <a:lnTo>
                  <a:pt x="12947" y="1816"/>
                </a:lnTo>
                <a:lnTo>
                  <a:pt x="12966" y="1819"/>
                </a:lnTo>
                <a:lnTo>
                  <a:pt x="12986" y="1821"/>
                </a:lnTo>
                <a:lnTo>
                  <a:pt x="13005" y="1824"/>
                </a:lnTo>
                <a:lnTo>
                  <a:pt x="13025" y="1825"/>
                </a:lnTo>
                <a:lnTo>
                  <a:pt x="13047" y="1826"/>
                </a:lnTo>
                <a:lnTo>
                  <a:pt x="13067" y="1826"/>
                </a:lnTo>
                <a:lnTo>
                  <a:pt x="13101" y="1826"/>
                </a:lnTo>
                <a:lnTo>
                  <a:pt x="13132" y="1824"/>
                </a:lnTo>
                <a:lnTo>
                  <a:pt x="13162" y="1821"/>
                </a:lnTo>
                <a:lnTo>
                  <a:pt x="13190" y="1817"/>
                </a:lnTo>
                <a:lnTo>
                  <a:pt x="13216" y="1813"/>
                </a:lnTo>
                <a:lnTo>
                  <a:pt x="13241" y="1808"/>
                </a:lnTo>
                <a:lnTo>
                  <a:pt x="13266" y="1802"/>
                </a:lnTo>
                <a:lnTo>
                  <a:pt x="13290" y="1796"/>
                </a:lnTo>
                <a:lnTo>
                  <a:pt x="13290" y="1671"/>
                </a:lnTo>
                <a:close/>
                <a:moveTo>
                  <a:pt x="12608" y="1315"/>
                </a:moveTo>
                <a:lnTo>
                  <a:pt x="12608" y="1191"/>
                </a:lnTo>
                <a:lnTo>
                  <a:pt x="12396" y="1191"/>
                </a:lnTo>
                <a:lnTo>
                  <a:pt x="12396" y="1062"/>
                </a:lnTo>
                <a:lnTo>
                  <a:pt x="12198" y="1062"/>
                </a:lnTo>
                <a:lnTo>
                  <a:pt x="12198" y="1594"/>
                </a:lnTo>
                <a:lnTo>
                  <a:pt x="12199" y="1623"/>
                </a:lnTo>
                <a:lnTo>
                  <a:pt x="12201" y="1651"/>
                </a:lnTo>
                <a:lnTo>
                  <a:pt x="12204" y="1676"/>
                </a:lnTo>
                <a:lnTo>
                  <a:pt x="12210" y="1699"/>
                </a:lnTo>
                <a:lnTo>
                  <a:pt x="12213" y="1709"/>
                </a:lnTo>
                <a:lnTo>
                  <a:pt x="12217" y="1720"/>
                </a:lnTo>
                <a:lnTo>
                  <a:pt x="12222" y="1730"/>
                </a:lnTo>
                <a:lnTo>
                  <a:pt x="12226" y="1739"/>
                </a:lnTo>
                <a:lnTo>
                  <a:pt x="12231" y="1748"/>
                </a:lnTo>
                <a:lnTo>
                  <a:pt x="12237" y="1756"/>
                </a:lnTo>
                <a:lnTo>
                  <a:pt x="12243" y="1764"/>
                </a:lnTo>
                <a:lnTo>
                  <a:pt x="12249" y="1771"/>
                </a:lnTo>
                <a:lnTo>
                  <a:pt x="12257" y="1778"/>
                </a:lnTo>
                <a:lnTo>
                  <a:pt x="12264" y="1784"/>
                </a:lnTo>
                <a:lnTo>
                  <a:pt x="12273" y="1790"/>
                </a:lnTo>
                <a:lnTo>
                  <a:pt x="12283" y="1796"/>
                </a:lnTo>
                <a:lnTo>
                  <a:pt x="12292" y="1800"/>
                </a:lnTo>
                <a:lnTo>
                  <a:pt x="12302" y="1805"/>
                </a:lnTo>
                <a:lnTo>
                  <a:pt x="12312" y="1809"/>
                </a:lnTo>
                <a:lnTo>
                  <a:pt x="12324" y="1813"/>
                </a:lnTo>
                <a:lnTo>
                  <a:pt x="12337" y="1816"/>
                </a:lnTo>
                <a:lnTo>
                  <a:pt x="12350" y="1818"/>
                </a:lnTo>
                <a:lnTo>
                  <a:pt x="12363" y="1820"/>
                </a:lnTo>
                <a:lnTo>
                  <a:pt x="12377" y="1823"/>
                </a:lnTo>
                <a:lnTo>
                  <a:pt x="12408" y="1825"/>
                </a:lnTo>
                <a:lnTo>
                  <a:pt x="12441" y="1826"/>
                </a:lnTo>
                <a:lnTo>
                  <a:pt x="12459" y="1826"/>
                </a:lnTo>
                <a:lnTo>
                  <a:pt x="12479" y="1825"/>
                </a:lnTo>
                <a:lnTo>
                  <a:pt x="12501" y="1825"/>
                </a:lnTo>
                <a:lnTo>
                  <a:pt x="12523" y="1823"/>
                </a:lnTo>
                <a:lnTo>
                  <a:pt x="12546" y="1821"/>
                </a:lnTo>
                <a:lnTo>
                  <a:pt x="12568" y="1819"/>
                </a:lnTo>
                <a:lnTo>
                  <a:pt x="12589" y="1817"/>
                </a:lnTo>
                <a:lnTo>
                  <a:pt x="12608" y="1814"/>
                </a:lnTo>
                <a:lnTo>
                  <a:pt x="12608" y="1687"/>
                </a:lnTo>
                <a:lnTo>
                  <a:pt x="12591" y="1691"/>
                </a:lnTo>
                <a:lnTo>
                  <a:pt x="12575" y="1694"/>
                </a:lnTo>
                <a:lnTo>
                  <a:pt x="12558" y="1696"/>
                </a:lnTo>
                <a:lnTo>
                  <a:pt x="12541" y="1699"/>
                </a:lnTo>
                <a:lnTo>
                  <a:pt x="12526" y="1700"/>
                </a:lnTo>
                <a:lnTo>
                  <a:pt x="12514" y="1701"/>
                </a:lnTo>
                <a:lnTo>
                  <a:pt x="12501" y="1701"/>
                </a:lnTo>
                <a:lnTo>
                  <a:pt x="12491" y="1701"/>
                </a:lnTo>
                <a:lnTo>
                  <a:pt x="12478" y="1700"/>
                </a:lnTo>
                <a:lnTo>
                  <a:pt x="12468" y="1698"/>
                </a:lnTo>
                <a:lnTo>
                  <a:pt x="12457" y="1695"/>
                </a:lnTo>
                <a:lnTo>
                  <a:pt x="12447" y="1692"/>
                </a:lnTo>
                <a:lnTo>
                  <a:pt x="12439" y="1688"/>
                </a:lnTo>
                <a:lnTo>
                  <a:pt x="12431" y="1684"/>
                </a:lnTo>
                <a:lnTo>
                  <a:pt x="12424" y="1677"/>
                </a:lnTo>
                <a:lnTo>
                  <a:pt x="12417" y="1670"/>
                </a:lnTo>
                <a:lnTo>
                  <a:pt x="12412" y="1660"/>
                </a:lnTo>
                <a:lnTo>
                  <a:pt x="12408" y="1651"/>
                </a:lnTo>
                <a:lnTo>
                  <a:pt x="12405" y="1638"/>
                </a:lnTo>
                <a:lnTo>
                  <a:pt x="12401" y="1625"/>
                </a:lnTo>
                <a:lnTo>
                  <a:pt x="12399" y="1609"/>
                </a:lnTo>
                <a:lnTo>
                  <a:pt x="12397" y="1592"/>
                </a:lnTo>
                <a:lnTo>
                  <a:pt x="12396" y="1571"/>
                </a:lnTo>
                <a:lnTo>
                  <a:pt x="12396" y="1550"/>
                </a:lnTo>
                <a:lnTo>
                  <a:pt x="12396" y="1315"/>
                </a:lnTo>
                <a:lnTo>
                  <a:pt x="12608" y="1315"/>
                </a:lnTo>
                <a:close/>
                <a:moveTo>
                  <a:pt x="10573" y="1191"/>
                </a:moveTo>
                <a:lnTo>
                  <a:pt x="10791" y="1191"/>
                </a:lnTo>
                <a:lnTo>
                  <a:pt x="10976" y="1656"/>
                </a:lnTo>
                <a:lnTo>
                  <a:pt x="10979" y="1656"/>
                </a:lnTo>
                <a:lnTo>
                  <a:pt x="11168" y="1191"/>
                </a:lnTo>
                <a:lnTo>
                  <a:pt x="11370" y="1191"/>
                </a:lnTo>
                <a:lnTo>
                  <a:pt x="11082" y="1812"/>
                </a:lnTo>
                <a:lnTo>
                  <a:pt x="10856" y="1812"/>
                </a:lnTo>
                <a:lnTo>
                  <a:pt x="10573" y="1191"/>
                </a:lnTo>
                <a:close/>
                <a:moveTo>
                  <a:pt x="16408" y="1011"/>
                </a:moveTo>
                <a:lnTo>
                  <a:pt x="16611" y="1011"/>
                </a:lnTo>
                <a:lnTo>
                  <a:pt x="16611" y="1439"/>
                </a:lnTo>
                <a:lnTo>
                  <a:pt x="16614" y="1439"/>
                </a:lnTo>
                <a:lnTo>
                  <a:pt x="16862" y="1191"/>
                </a:lnTo>
                <a:lnTo>
                  <a:pt x="17101" y="1191"/>
                </a:lnTo>
                <a:lnTo>
                  <a:pt x="16814" y="1465"/>
                </a:lnTo>
                <a:lnTo>
                  <a:pt x="17120" y="1812"/>
                </a:lnTo>
                <a:lnTo>
                  <a:pt x="16881" y="1812"/>
                </a:lnTo>
                <a:lnTo>
                  <a:pt x="16614" y="1492"/>
                </a:lnTo>
                <a:lnTo>
                  <a:pt x="16611" y="1492"/>
                </a:lnTo>
                <a:lnTo>
                  <a:pt x="16611" y="1812"/>
                </a:lnTo>
                <a:lnTo>
                  <a:pt x="16408" y="1812"/>
                </a:lnTo>
                <a:lnTo>
                  <a:pt x="16408" y="1011"/>
                </a:lnTo>
                <a:close/>
                <a:moveTo>
                  <a:pt x="10265" y="1191"/>
                </a:moveTo>
                <a:lnTo>
                  <a:pt x="10469" y="1191"/>
                </a:lnTo>
                <a:lnTo>
                  <a:pt x="10469" y="1812"/>
                </a:lnTo>
                <a:lnTo>
                  <a:pt x="10265" y="1812"/>
                </a:lnTo>
                <a:lnTo>
                  <a:pt x="10265" y="1191"/>
                </a:lnTo>
                <a:close/>
                <a:moveTo>
                  <a:pt x="10265" y="1133"/>
                </a:moveTo>
                <a:lnTo>
                  <a:pt x="10469" y="1133"/>
                </a:lnTo>
                <a:lnTo>
                  <a:pt x="10469" y="1011"/>
                </a:lnTo>
                <a:lnTo>
                  <a:pt x="10265" y="1011"/>
                </a:lnTo>
                <a:lnTo>
                  <a:pt x="10265" y="1133"/>
                </a:lnTo>
                <a:close/>
                <a:moveTo>
                  <a:pt x="14452" y="1390"/>
                </a:moveTo>
                <a:lnTo>
                  <a:pt x="14470" y="1386"/>
                </a:lnTo>
                <a:lnTo>
                  <a:pt x="14486" y="1380"/>
                </a:lnTo>
                <a:lnTo>
                  <a:pt x="14501" y="1374"/>
                </a:lnTo>
                <a:lnTo>
                  <a:pt x="14516" y="1366"/>
                </a:lnTo>
                <a:lnTo>
                  <a:pt x="14528" y="1358"/>
                </a:lnTo>
                <a:lnTo>
                  <a:pt x="14541" y="1349"/>
                </a:lnTo>
                <a:lnTo>
                  <a:pt x="14553" y="1339"/>
                </a:lnTo>
                <a:lnTo>
                  <a:pt x="14564" y="1328"/>
                </a:lnTo>
                <a:lnTo>
                  <a:pt x="14572" y="1316"/>
                </a:lnTo>
                <a:lnTo>
                  <a:pt x="14581" y="1303"/>
                </a:lnTo>
                <a:lnTo>
                  <a:pt x="14587" y="1289"/>
                </a:lnTo>
                <a:lnTo>
                  <a:pt x="14594" y="1276"/>
                </a:lnTo>
                <a:lnTo>
                  <a:pt x="14598" y="1260"/>
                </a:lnTo>
                <a:lnTo>
                  <a:pt x="14601" y="1242"/>
                </a:lnTo>
                <a:lnTo>
                  <a:pt x="14603" y="1225"/>
                </a:lnTo>
                <a:lnTo>
                  <a:pt x="14604" y="1206"/>
                </a:lnTo>
                <a:lnTo>
                  <a:pt x="14603" y="1191"/>
                </a:lnTo>
                <a:lnTo>
                  <a:pt x="14602" y="1177"/>
                </a:lnTo>
                <a:lnTo>
                  <a:pt x="14600" y="1163"/>
                </a:lnTo>
                <a:lnTo>
                  <a:pt x="14597" y="1151"/>
                </a:lnTo>
                <a:lnTo>
                  <a:pt x="14594" y="1139"/>
                </a:lnTo>
                <a:lnTo>
                  <a:pt x="14588" y="1127"/>
                </a:lnTo>
                <a:lnTo>
                  <a:pt x="14583" y="1116"/>
                </a:lnTo>
                <a:lnTo>
                  <a:pt x="14577" y="1107"/>
                </a:lnTo>
                <a:lnTo>
                  <a:pt x="14569" y="1097"/>
                </a:lnTo>
                <a:lnTo>
                  <a:pt x="14561" y="1089"/>
                </a:lnTo>
                <a:lnTo>
                  <a:pt x="14552" y="1080"/>
                </a:lnTo>
                <a:lnTo>
                  <a:pt x="14541" y="1073"/>
                </a:lnTo>
                <a:lnTo>
                  <a:pt x="14531" y="1065"/>
                </a:lnTo>
                <a:lnTo>
                  <a:pt x="14520" y="1059"/>
                </a:lnTo>
                <a:lnTo>
                  <a:pt x="14507" y="1052"/>
                </a:lnTo>
                <a:lnTo>
                  <a:pt x="14494" y="1046"/>
                </a:lnTo>
                <a:lnTo>
                  <a:pt x="14482" y="1042"/>
                </a:lnTo>
                <a:lnTo>
                  <a:pt x="14470" y="1037"/>
                </a:lnTo>
                <a:lnTo>
                  <a:pt x="14456" y="1033"/>
                </a:lnTo>
                <a:lnTo>
                  <a:pt x="14442" y="1030"/>
                </a:lnTo>
                <a:lnTo>
                  <a:pt x="14412" y="1023"/>
                </a:lnTo>
                <a:lnTo>
                  <a:pt x="14380" y="1018"/>
                </a:lnTo>
                <a:lnTo>
                  <a:pt x="14345" y="1015"/>
                </a:lnTo>
                <a:lnTo>
                  <a:pt x="14310" y="1013"/>
                </a:lnTo>
                <a:lnTo>
                  <a:pt x="14273" y="1011"/>
                </a:lnTo>
                <a:lnTo>
                  <a:pt x="14235" y="1011"/>
                </a:lnTo>
                <a:lnTo>
                  <a:pt x="13816" y="1011"/>
                </a:lnTo>
                <a:lnTo>
                  <a:pt x="13816" y="1812"/>
                </a:lnTo>
                <a:lnTo>
                  <a:pt x="14263" y="1812"/>
                </a:lnTo>
                <a:lnTo>
                  <a:pt x="14311" y="1811"/>
                </a:lnTo>
                <a:lnTo>
                  <a:pt x="14356" y="1809"/>
                </a:lnTo>
                <a:lnTo>
                  <a:pt x="14397" y="1804"/>
                </a:lnTo>
                <a:lnTo>
                  <a:pt x="14435" y="1799"/>
                </a:lnTo>
                <a:lnTo>
                  <a:pt x="14454" y="1795"/>
                </a:lnTo>
                <a:lnTo>
                  <a:pt x="14471" y="1790"/>
                </a:lnTo>
                <a:lnTo>
                  <a:pt x="14487" y="1786"/>
                </a:lnTo>
                <a:lnTo>
                  <a:pt x="14502" y="1782"/>
                </a:lnTo>
                <a:lnTo>
                  <a:pt x="14517" y="1777"/>
                </a:lnTo>
                <a:lnTo>
                  <a:pt x="14531" y="1770"/>
                </a:lnTo>
                <a:lnTo>
                  <a:pt x="14543" y="1765"/>
                </a:lnTo>
                <a:lnTo>
                  <a:pt x="14556" y="1757"/>
                </a:lnTo>
                <a:lnTo>
                  <a:pt x="14568" y="1751"/>
                </a:lnTo>
                <a:lnTo>
                  <a:pt x="14579" y="1743"/>
                </a:lnTo>
                <a:lnTo>
                  <a:pt x="14588" y="1735"/>
                </a:lnTo>
                <a:lnTo>
                  <a:pt x="14598" y="1726"/>
                </a:lnTo>
                <a:lnTo>
                  <a:pt x="14607" y="1718"/>
                </a:lnTo>
                <a:lnTo>
                  <a:pt x="14614" y="1708"/>
                </a:lnTo>
                <a:lnTo>
                  <a:pt x="14620" y="1699"/>
                </a:lnTo>
                <a:lnTo>
                  <a:pt x="14627" y="1688"/>
                </a:lnTo>
                <a:lnTo>
                  <a:pt x="14632" y="1677"/>
                </a:lnTo>
                <a:lnTo>
                  <a:pt x="14638" y="1665"/>
                </a:lnTo>
                <a:lnTo>
                  <a:pt x="14642" y="1654"/>
                </a:lnTo>
                <a:lnTo>
                  <a:pt x="14645" y="1641"/>
                </a:lnTo>
                <a:lnTo>
                  <a:pt x="14647" y="1628"/>
                </a:lnTo>
                <a:lnTo>
                  <a:pt x="14649" y="1614"/>
                </a:lnTo>
                <a:lnTo>
                  <a:pt x="14650" y="1600"/>
                </a:lnTo>
                <a:lnTo>
                  <a:pt x="14650" y="1586"/>
                </a:lnTo>
                <a:lnTo>
                  <a:pt x="14650" y="1568"/>
                </a:lnTo>
                <a:lnTo>
                  <a:pt x="14648" y="1551"/>
                </a:lnTo>
                <a:lnTo>
                  <a:pt x="14645" y="1535"/>
                </a:lnTo>
                <a:lnTo>
                  <a:pt x="14641" y="1519"/>
                </a:lnTo>
                <a:lnTo>
                  <a:pt x="14634" y="1504"/>
                </a:lnTo>
                <a:lnTo>
                  <a:pt x="14627" y="1490"/>
                </a:lnTo>
                <a:lnTo>
                  <a:pt x="14618" y="1476"/>
                </a:lnTo>
                <a:lnTo>
                  <a:pt x="14608" y="1464"/>
                </a:lnTo>
                <a:lnTo>
                  <a:pt x="14595" y="1452"/>
                </a:lnTo>
                <a:lnTo>
                  <a:pt x="14581" y="1440"/>
                </a:lnTo>
                <a:lnTo>
                  <a:pt x="14565" y="1429"/>
                </a:lnTo>
                <a:lnTo>
                  <a:pt x="14547" y="1420"/>
                </a:lnTo>
                <a:lnTo>
                  <a:pt x="14526" y="1411"/>
                </a:lnTo>
                <a:lnTo>
                  <a:pt x="14504" y="1404"/>
                </a:lnTo>
                <a:lnTo>
                  <a:pt x="14479" y="1396"/>
                </a:lnTo>
                <a:lnTo>
                  <a:pt x="14452" y="1390"/>
                </a:lnTo>
                <a:close/>
                <a:moveTo>
                  <a:pt x="14212" y="1677"/>
                </a:moveTo>
                <a:lnTo>
                  <a:pt x="14048" y="1677"/>
                </a:lnTo>
                <a:lnTo>
                  <a:pt x="14048" y="1461"/>
                </a:lnTo>
                <a:lnTo>
                  <a:pt x="14219" y="1461"/>
                </a:lnTo>
                <a:lnTo>
                  <a:pt x="14245" y="1463"/>
                </a:lnTo>
                <a:lnTo>
                  <a:pt x="14270" y="1464"/>
                </a:lnTo>
                <a:lnTo>
                  <a:pt x="14291" y="1466"/>
                </a:lnTo>
                <a:lnTo>
                  <a:pt x="14310" y="1468"/>
                </a:lnTo>
                <a:lnTo>
                  <a:pt x="14328" y="1472"/>
                </a:lnTo>
                <a:lnTo>
                  <a:pt x="14344" y="1476"/>
                </a:lnTo>
                <a:lnTo>
                  <a:pt x="14358" y="1482"/>
                </a:lnTo>
                <a:lnTo>
                  <a:pt x="14370" y="1488"/>
                </a:lnTo>
                <a:lnTo>
                  <a:pt x="14381" y="1495"/>
                </a:lnTo>
                <a:lnTo>
                  <a:pt x="14390" y="1502"/>
                </a:lnTo>
                <a:lnTo>
                  <a:pt x="14397" y="1511"/>
                </a:lnTo>
                <a:lnTo>
                  <a:pt x="14403" y="1520"/>
                </a:lnTo>
                <a:lnTo>
                  <a:pt x="14408" y="1530"/>
                </a:lnTo>
                <a:lnTo>
                  <a:pt x="14411" y="1542"/>
                </a:lnTo>
                <a:lnTo>
                  <a:pt x="14413" y="1552"/>
                </a:lnTo>
                <a:lnTo>
                  <a:pt x="14413" y="1565"/>
                </a:lnTo>
                <a:lnTo>
                  <a:pt x="14413" y="1579"/>
                </a:lnTo>
                <a:lnTo>
                  <a:pt x="14411" y="1593"/>
                </a:lnTo>
                <a:lnTo>
                  <a:pt x="14406" y="1605"/>
                </a:lnTo>
                <a:lnTo>
                  <a:pt x="14402" y="1616"/>
                </a:lnTo>
                <a:lnTo>
                  <a:pt x="14396" y="1626"/>
                </a:lnTo>
                <a:lnTo>
                  <a:pt x="14387" y="1636"/>
                </a:lnTo>
                <a:lnTo>
                  <a:pt x="14378" y="1643"/>
                </a:lnTo>
                <a:lnTo>
                  <a:pt x="14366" y="1651"/>
                </a:lnTo>
                <a:lnTo>
                  <a:pt x="14353" y="1657"/>
                </a:lnTo>
                <a:lnTo>
                  <a:pt x="14338" y="1662"/>
                </a:lnTo>
                <a:lnTo>
                  <a:pt x="14322" y="1668"/>
                </a:lnTo>
                <a:lnTo>
                  <a:pt x="14304" y="1671"/>
                </a:lnTo>
                <a:lnTo>
                  <a:pt x="14283" y="1674"/>
                </a:lnTo>
                <a:lnTo>
                  <a:pt x="14262" y="1676"/>
                </a:lnTo>
                <a:lnTo>
                  <a:pt x="14237" y="1677"/>
                </a:lnTo>
                <a:lnTo>
                  <a:pt x="14212" y="1677"/>
                </a:lnTo>
                <a:close/>
                <a:moveTo>
                  <a:pt x="14379" y="1234"/>
                </a:moveTo>
                <a:lnTo>
                  <a:pt x="14379" y="1247"/>
                </a:lnTo>
                <a:lnTo>
                  <a:pt x="14377" y="1258"/>
                </a:lnTo>
                <a:lnTo>
                  <a:pt x="14373" y="1269"/>
                </a:lnTo>
                <a:lnTo>
                  <a:pt x="14369" y="1280"/>
                </a:lnTo>
                <a:lnTo>
                  <a:pt x="14363" y="1289"/>
                </a:lnTo>
                <a:lnTo>
                  <a:pt x="14356" y="1298"/>
                </a:lnTo>
                <a:lnTo>
                  <a:pt x="14347" y="1305"/>
                </a:lnTo>
                <a:lnTo>
                  <a:pt x="14336" y="1313"/>
                </a:lnTo>
                <a:lnTo>
                  <a:pt x="14324" y="1318"/>
                </a:lnTo>
                <a:lnTo>
                  <a:pt x="14310" y="1324"/>
                </a:lnTo>
                <a:lnTo>
                  <a:pt x="14293" y="1328"/>
                </a:lnTo>
                <a:lnTo>
                  <a:pt x="14276" y="1332"/>
                </a:lnTo>
                <a:lnTo>
                  <a:pt x="14256" y="1335"/>
                </a:lnTo>
                <a:lnTo>
                  <a:pt x="14233" y="1336"/>
                </a:lnTo>
                <a:lnTo>
                  <a:pt x="14209" y="1339"/>
                </a:lnTo>
                <a:lnTo>
                  <a:pt x="14182" y="1339"/>
                </a:lnTo>
                <a:lnTo>
                  <a:pt x="14048" y="1339"/>
                </a:lnTo>
                <a:lnTo>
                  <a:pt x="14048" y="1140"/>
                </a:lnTo>
                <a:lnTo>
                  <a:pt x="14178" y="1140"/>
                </a:lnTo>
                <a:lnTo>
                  <a:pt x="14203" y="1140"/>
                </a:lnTo>
                <a:lnTo>
                  <a:pt x="14227" y="1141"/>
                </a:lnTo>
                <a:lnTo>
                  <a:pt x="14248" y="1142"/>
                </a:lnTo>
                <a:lnTo>
                  <a:pt x="14268" y="1144"/>
                </a:lnTo>
                <a:lnTo>
                  <a:pt x="14287" y="1147"/>
                </a:lnTo>
                <a:lnTo>
                  <a:pt x="14303" y="1151"/>
                </a:lnTo>
                <a:lnTo>
                  <a:pt x="14318" y="1155"/>
                </a:lnTo>
                <a:lnTo>
                  <a:pt x="14331" y="1160"/>
                </a:lnTo>
                <a:lnTo>
                  <a:pt x="14342" y="1166"/>
                </a:lnTo>
                <a:lnTo>
                  <a:pt x="14352" y="1173"/>
                </a:lnTo>
                <a:lnTo>
                  <a:pt x="14360" y="1180"/>
                </a:lnTo>
                <a:lnTo>
                  <a:pt x="14367" y="1189"/>
                </a:lnTo>
                <a:lnTo>
                  <a:pt x="14372" y="1199"/>
                </a:lnTo>
                <a:lnTo>
                  <a:pt x="14375" y="1209"/>
                </a:lnTo>
                <a:lnTo>
                  <a:pt x="14378" y="1221"/>
                </a:lnTo>
                <a:lnTo>
                  <a:pt x="14379" y="1234"/>
                </a:lnTo>
                <a:close/>
                <a:moveTo>
                  <a:pt x="1412" y="481"/>
                </a:moveTo>
                <a:lnTo>
                  <a:pt x="1012" y="481"/>
                </a:lnTo>
                <a:lnTo>
                  <a:pt x="1012" y="1410"/>
                </a:lnTo>
                <a:lnTo>
                  <a:pt x="1412" y="1011"/>
                </a:lnTo>
                <a:lnTo>
                  <a:pt x="1412" y="481"/>
                </a:lnTo>
                <a:close/>
                <a:moveTo>
                  <a:pt x="482" y="0"/>
                </a:moveTo>
                <a:lnTo>
                  <a:pt x="482" y="400"/>
                </a:lnTo>
                <a:lnTo>
                  <a:pt x="1412" y="400"/>
                </a:lnTo>
                <a:lnTo>
                  <a:pt x="1012" y="0"/>
                </a:lnTo>
                <a:lnTo>
                  <a:pt x="482" y="0"/>
                </a:lnTo>
                <a:close/>
                <a:moveTo>
                  <a:pt x="931" y="1410"/>
                </a:moveTo>
                <a:lnTo>
                  <a:pt x="931" y="1011"/>
                </a:lnTo>
                <a:lnTo>
                  <a:pt x="0" y="1011"/>
                </a:lnTo>
                <a:lnTo>
                  <a:pt x="400" y="1410"/>
                </a:lnTo>
                <a:lnTo>
                  <a:pt x="931" y="1410"/>
                </a:lnTo>
                <a:close/>
                <a:moveTo>
                  <a:pt x="0" y="930"/>
                </a:moveTo>
                <a:lnTo>
                  <a:pt x="400" y="930"/>
                </a:lnTo>
                <a:lnTo>
                  <a:pt x="400" y="0"/>
                </a:lnTo>
                <a:lnTo>
                  <a:pt x="0" y="400"/>
                </a:lnTo>
                <a:lnTo>
                  <a:pt x="0" y="930"/>
                </a:lnTo>
                <a:close/>
                <a:moveTo>
                  <a:pt x="2765" y="1262"/>
                </a:moveTo>
                <a:lnTo>
                  <a:pt x="2765" y="1272"/>
                </a:lnTo>
                <a:lnTo>
                  <a:pt x="2764" y="1283"/>
                </a:lnTo>
                <a:lnTo>
                  <a:pt x="2762" y="1294"/>
                </a:lnTo>
                <a:lnTo>
                  <a:pt x="2758" y="1305"/>
                </a:lnTo>
                <a:lnTo>
                  <a:pt x="2754" y="1316"/>
                </a:lnTo>
                <a:lnTo>
                  <a:pt x="2749" y="1327"/>
                </a:lnTo>
                <a:lnTo>
                  <a:pt x="2741" y="1338"/>
                </a:lnTo>
                <a:lnTo>
                  <a:pt x="2733" y="1347"/>
                </a:lnTo>
                <a:lnTo>
                  <a:pt x="2723" y="1357"/>
                </a:lnTo>
                <a:lnTo>
                  <a:pt x="2711" y="1365"/>
                </a:lnTo>
                <a:lnTo>
                  <a:pt x="2697" y="1374"/>
                </a:lnTo>
                <a:lnTo>
                  <a:pt x="2681" y="1380"/>
                </a:lnTo>
                <a:lnTo>
                  <a:pt x="2663" y="1386"/>
                </a:lnTo>
                <a:lnTo>
                  <a:pt x="2643" y="1390"/>
                </a:lnTo>
                <a:lnTo>
                  <a:pt x="2620" y="1392"/>
                </a:lnTo>
                <a:lnTo>
                  <a:pt x="2596" y="1393"/>
                </a:lnTo>
                <a:lnTo>
                  <a:pt x="2427" y="1393"/>
                </a:lnTo>
                <a:lnTo>
                  <a:pt x="2427" y="1144"/>
                </a:lnTo>
                <a:lnTo>
                  <a:pt x="2596" y="1144"/>
                </a:lnTo>
                <a:lnTo>
                  <a:pt x="2620" y="1144"/>
                </a:lnTo>
                <a:lnTo>
                  <a:pt x="2643" y="1146"/>
                </a:lnTo>
                <a:lnTo>
                  <a:pt x="2663" y="1151"/>
                </a:lnTo>
                <a:lnTo>
                  <a:pt x="2681" y="1155"/>
                </a:lnTo>
                <a:lnTo>
                  <a:pt x="2697" y="1161"/>
                </a:lnTo>
                <a:lnTo>
                  <a:pt x="2711" y="1168"/>
                </a:lnTo>
                <a:lnTo>
                  <a:pt x="2723" y="1175"/>
                </a:lnTo>
                <a:lnTo>
                  <a:pt x="2733" y="1184"/>
                </a:lnTo>
                <a:lnTo>
                  <a:pt x="2741" y="1192"/>
                </a:lnTo>
                <a:lnTo>
                  <a:pt x="2749" y="1202"/>
                </a:lnTo>
                <a:lnTo>
                  <a:pt x="2754" y="1211"/>
                </a:lnTo>
                <a:lnTo>
                  <a:pt x="2758" y="1222"/>
                </a:lnTo>
                <a:lnTo>
                  <a:pt x="2762" y="1232"/>
                </a:lnTo>
                <a:lnTo>
                  <a:pt x="2764" y="1242"/>
                </a:lnTo>
                <a:lnTo>
                  <a:pt x="2765" y="1252"/>
                </a:lnTo>
                <a:lnTo>
                  <a:pt x="2765" y="1262"/>
                </a:lnTo>
                <a:close/>
                <a:moveTo>
                  <a:pt x="2580" y="1011"/>
                </a:moveTo>
                <a:lnTo>
                  <a:pt x="2190" y="1011"/>
                </a:lnTo>
                <a:lnTo>
                  <a:pt x="2190" y="1812"/>
                </a:lnTo>
                <a:lnTo>
                  <a:pt x="2427" y="1812"/>
                </a:lnTo>
                <a:lnTo>
                  <a:pt x="2427" y="1528"/>
                </a:lnTo>
                <a:lnTo>
                  <a:pt x="2629" y="1528"/>
                </a:lnTo>
                <a:lnTo>
                  <a:pt x="2650" y="1528"/>
                </a:lnTo>
                <a:lnTo>
                  <a:pt x="2672" y="1527"/>
                </a:lnTo>
                <a:lnTo>
                  <a:pt x="2692" y="1524"/>
                </a:lnTo>
                <a:lnTo>
                  <a:pt x="2712" y="1522"/>
                </a:lnTo>
                <a:lnTo>
                  <a:pt x="2732" y="1520"/>
                </a:lnTo>
                <a:lnTo>
                  <a:pt x="2750" y="1516"/>
                </a:lnTo>
                <a:lnTo>
                  <a:pt x="2768" y="1513"/>
                </a:lnTo>
                <a:lnTo>
                  <a:pt x="2785" y="1507"/>
                </a:lnTo>
                <a:lnTo>
                  <a:pt x="2802" y="1502"/>
                </a:lnTo>
                <a:lnTo>
                  <a:pt x="2818" y="1497"/>
                </a:lnTo>
                <a:lnTo>
                  <a:pt x="2834" y="1490"/>
                </a:lnTo>
                <a:lnTo>
                  <a:pt x="2849" y="1484"/>
                </a:lnTo>
                <a:lnTo>
                  <a:pt x="2863" y="1476"/>
                </a:lnTo>
                <a:lnTo>
                  <a:pt x="2877" y="1469"/>
                </a:lnTo>
                <a:lnTo>
                  <a:pt x="2890" y="1461"/>
                </a:lnTo>
                <a:lnTo>
                  <a:pt x="2903" y="1453"/>
                </a:lnTo>
                <a:lnTo>
                  <a:pt x="2915" y="1443"/>
                </a:lnTo>
                <a:lnTo>
                  <a:pt x="2925" y="1434"/>
                </a:lnTo>
                <a:lnTo>
                  <a:pt x="2935" y="1424"/>
                </a:lnTo>
                <a:lnTo>
                  <a:pt x="2945" y="1413"/>
                </a:lnTo>
                <a:lnTo>
                  <a:pt x="2954" y="1404"/>
                </a:lnTo>
                <a:lnTo>
                  <a:pt x="2962" y="1392"/>
                </a:lnTo>
                <a:lnTo>
                  <a:pt x="2969" y="1381"/>
                </a:lnTo>
                <a:lnTo>
                  <a:pt x="2976" y="1370"/>
                </a:lnTo>
                <a:lnTo>
                  <a:pt x="2982" y="1358"/>
                </a:lnTo>
                <a:lnTo>
                  <a:pt x="2987" y="1345"/>
                </a:lnTo>
                <a:lnTo>
                  <a:pt x="2992" y="1332"/>
                </a:lnTo>
                <a:lnTo>
                  <a:pt x="2995" y="1319"/>
                </a:lnTo>
                <a:lnTo>
                  <a:pt x="2998" y="1307"/>
                </a:lnTo>
                <a:lnTo>
                  <a:pt x="3000" y="1293"/>
                </a:lnTo>
                <a:lnTo>
                  <a:pt x="3001" y="1280"/>
                </a:lnTo>
                <a:lnTo>
                  <a:pt x="3001" y="1266"/>
                </a:lnTo>
                <a:lnTo>
                  <a:pt x="3001" y="1250"/>
                </a:lnTo>
                <a:lnTo>
                  <a:pt x="3000" y="1236"/>
                </a:lnTo>
                <a:lnTo>
                  <a:pt x="2998" y="1221"/>
                </a:lnTo>
                <a:lnTo>
                  <a:pt x="2996" y="1207"/>
                </a:lnTo>
                <a:lnTo>
                  <a:pt x="2992" y="1193"/>
                </a:lnTo>
                <a:lnTo>
                  <a:pt x="2989" y="1180"/>
                </a:lnTo>
                <a:lnTo>
                  <a:pt x="2983" y="1168"/>
                </a:lnTo>
                <a:lnTo>
                  <a:pt x="2978" y="1156"/>
                </a:lnTo>
                <a:lnTo>
                  <a:pt x="2971" y="1144"/>
                </a:lnTo>
                <a:lnTo>
                  <a:pt x="2964" y="1133"/>
                </a:lnTo>
                <a:lnTo>
                  <a:pt x="2955" y="1123"/>
                </a:lnTo>
                <a:lnTo>
                  <a:pt x="2947" y="1112"/>
                </a:lnTo>
                <a:lnTo>
                  <a:pt x="2937" y="1102"/>
                </a:lnTo>
                <a:lnTo>
                  <a:pt x="2926" y="1093"/>
                </a:lnTo>
                <a:lnTo>
                  <a:pt x="2915" y="1084"/>
                </a:lnTo>
                <a:lnTo>
                  <a:pt x="2903" y="1076"/>
                </a:lnTo>
                <a:lnTo>
                  <a:pt x="2889" y="1068"/>
                </a:lnTo>
                <a:lnTo>
                  <a:pt x="2875" y="1061"/>
                </a:lnTo>
                <a:lnTo>
                  <a:pt x="2860" y="1054"/>
                </a:lnTo>
                <a:lnTo>
                  <a:pt x="2844" y="1048"/>
                </a:lnTo>
                <a:lnTo>
                  <a:pt x="2828" y="1042"/>
                </a:lnTo>
                <a:lnTo>
                  <a:pt x="2810" y="1036"/>
                </a:lnTo>
                <a:lnTo>
                  <a:pt x="2792" y="1032"/>
                </a:lnTo>
                <a:lnTo>
                  <a:pt x="2771" y="1028"/>
                </a:lnTo>
                <a:lnTo>
                  <a:pt x="2751" y="1023"/>
                </a:lnTo>
                <a:lnTo>
                  <a:pt x="2730" y="1020"/>
                </a:lnTo>
                <a:lnTo>
                  <a:pt x="2707" y="1017"/>
                </a:lnTo>
                <a:lnTo>
                  <a:pt x="2684" y="1015"/>
                </a:lnTo>
                <a:lnTo>
                  <a:pt x="2659" y="1013"/>
                </a:lnTo>
                <a:lnTo>
                  <a:pt x="2633" y="1012"/>
                </a:lnTo>
                <a:lnTo>
                  <a:pt x="2607" y="1011"/>
                </a:lnTo>
                <a:lnTo>
                  <a:pt x="2580" y="1011"/>
                </a:lnTo>
                <a:close/>
                <a:moveTo>
                  <a:pt x="8021" y="1178"/>
                </a:moveTo>
                <a:lnTo>
                  <a:pt x="8005" y="1179"/>
                </a:lnTo>
                <a:lnTo>
                  <a:pt x="7988" y="1180"/>
                </a:lnTo>
                <a:lnTo>
                  <a:pt x="7972" y="1183"/>
                </a:lnTo>
                <a:lnTo>
                  <a:pt x="7955" y="1185"/>
                </a:lnTo>
                <a:lnTo>
                  <a:pt x="7939" y="1188"/>
                </a:lnTo>
                <a:lnTo>
                  <a:pt x="7924" y="1191"/>
                </a:lnTo>
                <a:lnTo>
                  <a:pt x="7908" y="1195"/>
                </a:lnTo>
                <a:lnTo>
                  <a:pt x="7894" y="1201"/>
                </a:lnTo>
                <a:lnTo>
                  <a:pt x="7879" y="1206"/>
                </a:lnTo>
                <a:lnTo>
                  <a:pt x="7866" y="1211"/>
                </a:lnTo>
                <a:lnTo>
                  <a:pt x="7853" y="1218"/>
                </a:lnTo>
                <a:lnTo>
                  <a:pt x="7841" y="1225"/>
                </a:lnTo>
                <a:lnTo>
                  <a:pt x="7829" y="1232"/>
                </a:lnTo>
                <a:lnTo>
                  <a:pt x="7817" y="1240"/>
                </a:lnTo>
                <a:lnTo>
                  <a:pt x="7808" y="1248"/>
                </a:lnTo>
                <a:lnTo>
                  <a:pt x="7798" y="1256"/>
                </a:lnTo>
                <a:lnTo>
                  <a:pt x="7795" y="1256"/>
                </a:lnTo>
                <a:lnTo>
                  <a:pt x="7795" y="1191"/>
                </a:lnTo>
                <a:lnTo>
                  <a:pt x="7600" y="1191"/>
                </a:lnTo>
                <a:lnTo>
                  <a:pt x="7600" y="1812"/>
                </a:lnTo>
                <a:lnTo>
                  <a:pt x="7798" y="1812"/>
                </a:lnTo>
                <a:lnTo>
                  <a:pt x="7798" y="1387"/>
                </a:lnTo>
                <a:lnTo>
                  <a:pt x="7807" y="1377"/>
                </a:lnTo>
                <a:lnTo>
                  <a:pt x="7816" y="1369"/>
                </a:lnTo>
                <a:lnTo>
                  <a:pt x="7825" y="1360"/>
                </a:lnTo>
                <a:lnTo>
                  <a:pt x="7836" y="1354"/>
                </a:lnTo>
                <a:lnTo>
                  <a:pt x="7845" y="1346"/>
                </a:lnTo>
                <a:lnTo>
                  <a:pt x="7856" y="1341"/>
                </a:lnTo>
                <a:lnTo>
                  <a:pt x="7866" y="1335"/>
                </a:lnTo>
                <a:lnTo>
                  <a:pt x="7876" y="1330"/>
                </a:lnTo>
                <a:lnTo>
                  <a:pt x="7887" y="1327"/>
                </a:lnTo>
                <a:lnTo>
                  <a:pt x="7898" y="1324"/>
                </a:lnTo>
                <a:lnTo>
                  <a:pt x="7908" y="1320"/>
                </a:lnTo>
                <a:lnTo>
                  <a:pt x="7919" y="1318"/>
                </a:lnTo>
                <a:lnTo>
                  <a:pt x="7939" y="1315"/>
                </a:lnTo>
                <a:lnTo>
                  <a:pt x="7960" y="1314"/>
                </a:lnTo>
                <a:lnTo>
                  <a:pt x="7973" y="1315"/>
                </a:lnTo>
                <a:lnTo>
                  <a:pt x="7985" y="1315"/>
                </a:lnTo>
                <a:lnTo>
                  <a:pt x="7996" y="1316"/>
                </a:lnTo>
                <a:lnTo>
                  <a:pt x="8007" y="1318"/>
                </a:lnTo>
                <a:lnTo>
                  <a:pt x="8016" y="1320"/>
                </a:lnTo>
                <a:lnTo>
                  <a:pt x="8026" y="1324"/>
                </a:lnTo>
                <a:lnTo>
                  <a:pt x="8035" y="1327"/>
                </a:lnTo>
                <a:lnTo>
                  <a:pt x="8042" y="1330"/>
                </a:lnTo>
                <a:lnTo>
                  <a:pt x="8050" y="1334"/>
                </a:lnTo>
                <a:lnTo>
                  <a:pt x="8056" y="1339"/>
                </a:lnTo>
                <a:lnTo>
                  <a:pt x="8062" y="1344"/>
                </a:lnTo>
                <a:lnTo>
                  <a:pt x="8068" y="1349"/>
                </a:lnTo>
                <a:lnTo>
                  <a:pt x="8073" y="1355"/>
                </a:lnTo>
                <a:lnTo>
                  <a:pt x="8077" y="1361"/>
                </a:lnTo>
                <a:lnTo>
                  <a:pt x="8082" y="1367"/>
                </a:lnTo>
                <a:lnTo>
                  <a:pt x="8085" y="1375"/>
                </a:lnTo>
                <a:lnTo>
                  <a:pt x="8091" y="1389"/>
                </a:lnTo>
                <a:lnTo>
                  <a:pt x="8096" y="1405"/>
                </a:lnTo>
                <a:lnTo>
                  <a:pt x="8099" y="1423"/>
                </a:lnTo>
                <a:lnTo>
                  <a:pt x="8101" y="1441"/>
                </a:lnTo>
                <a:lnTo>
                  <a:pt x="8104" y="1481"/>
                </a:lnTo>
                <a:lnTo>
                  <a:pt x="8104" y="1523"/>
                </a:lnTo>
                <a:lnTo>
                  <a:pt x="8104" y="1812"/>
                </a:lnTo>
                <a:lnTo>
                  <a:pt x="8302" y="1812"/>
                </a:lnTo>
                <a:lnTo>
                  <a:pt x="8302" y="1458"/>
                </a:lnTo>
                <a:lnTo>
                  <a:pt x="8302" y="1433"/>
                </a:lnTo>
                <a:lnTo>
                  <a:pt x="8300" y="1407"/>
                </a:lnTo>
                <a:lnTo>
                  <a:pt x="8298" y="1382"/>
                </a:lnTo>
                <a:lnTo>
                  <a:pt x="8294" y="1358"/>
                </a:lnTo>
                <a:lnTo>
                  <a:pt x="8290" y="1345"/>
                </a:lnTo>
                <a:lnTo>
                  <a:pt x="8287" y="1333"/>
                </a:lnTo>
                <a:lnTo>
                  <a:pt x="8283" y="1321"/>
                </a:lnTo>
                <a:lnTo>
                  <a:pt x="8279" y="1310"/>
                </a:lnTo>
                <a:lnTo>
                  <a:pt x="8273" y="1299"/>
                </a:lnTo>
                <a:lnTo>
                  <a:pt x="8268" y="1288"/>
                </a:lnTo>
                <a:lnTo>
                  <a:pt x="8261" y="1278"/>
                </a:lnTo>
                <a:lnTo>
                  <a:pt x="8254" y="1267"/>
                </a:lnTo>
                <a:lnTo>
                  <a:pt x="8246" y="1257"/>
                </a:lnTo>
                <a:lnTo>
                  <a:pt x="8238" y="1249"/>
                </a:lnTo>
                <a:lnTo>
                  <a:pt x="8228" y="1239"/>
                </a:lnTo>
                <a:lnTo>
                  <a:pt x="8219" y="1232"/>
                </a:lnTo>
                <a:lnTo>
                  <a:pt x="8207" y="1223"/>
                </a:lnTo>
                <a:lnTo>
                  <a:pt x="8195" y="1216"/>
                </a:lnTo>
                <a:lnTo>
                  <a:pt x="8182" y="1209"/>
                </a:lnTo>
                <a:lnTo>
                  <a:pt x="8169" y="1203"/>
                </a:lnTo>
                <a:lnTo>
                  <a:pt x="8154" y="1198"/>
                </a:lnTo>
                <a:lnTo>
                  <a:pt x="8138" y="1193"/>
                </a:lnTo>
                <a:lnTo>
                  <a:pt x="8121" y="1189"/>
                </a:lnTo>
                <a:lnTo>
                  <a:pt x="8104" y="1185"/>
                </a:lnTo>
                <a:lnTo>
                  <a:pt x="8085" y="1183"/>
                </a:lnTo>
                <a:lnTo>
                  <a:pt x="8065" y="1180"/>
                </a:lnTo>
                <a:lnTo>
                  <a:pt x="8043" y="1179"/>
                </a:lnTo>
                <a:lnTo>
                  <a:pt x="8021" y="1178"/>
                </a:lnTo>
                <a:close/>
                <a:moveTo>
                  <a:pt x="3729" y="1580"/>
                </a:moveTo>
                <a:lnTo>
                  <a:pt x="3525" y="1011"/>
                </a:lnTo>
                <a:lnTo>
                  <a:pt x="3147" y="1011"/>
                </a:lnTo>
                <a:lnTo>
                  <a:pt x="3147" y="1812"/>
                </a:lnTo>
                <a:lnTo>
                  <a:pt x="3375" y="1812"/>
                </a:lnTo>
                <a:lnTo>
                  <a:pt x="3375" y="1177"/>
                </a:lnTo>
                <a:lnTo>
                  <a:pt x="3389" y="1177"/>
                </a:lnTo>
                <a:lnTo>
                  <a:pt x="3622" y="1812"/>
                </a:lnTo>
                <a:lnTo>
                  <a:pt x="3836" y="1812"/>
                </a:lnTo>
                <a:lnTo>
                  <a:pt x="4068" y="1177"/>
                </a:lnTo>
                <a:lnTo>
                  <a:pt x="4082" y="1177"/>
                </a:lnTo>
                <a:lnTo>
                  <a:pt x="4082" y="1812"/>
                </a:lnTo>
                <a:lnTo>
                  <a:pt x="4311" y="1812"/>
                </a:lnTo>
                <a:lnTo>
                  <a:pt x="4311" y="1011"/>
                </a:lnTo>
                <a:lnTo>
                  <a:pt x="3935" y="1011"/>
                </a:lnTo>
                <a:lnTo>
                  <a:pt x="3729" y="1580"/>
                </a:lnTo>
                <a:close/>
                <a:moveTo>
                  <a:pt x="5039" y="1501"/>
                </a:moveTo>
                <a:lnTo>
                  <a:pt x="5039" y="1523"/>
                </a:lnTo>
                <a:lnTo>
                  <a:pt x="5035" y="1545"/>
                </a:lnTo>
                <a:lnTo>
                  <a:pt x="5032" y="1565"/>
                </a:lnTo>
                <a:lnTo>
                  <a:pt x="5027" y="1584"/>
                </a:lnTo>
                <a:lnTo>
                  <a:pt x="5020" y="1601"/>
                </a:lnTo>
                <a:lnTo>
                  <a:pt x="5012" y="1618"/>
                </a:lnTo>
                <a:lnTo>
                  <a:pt x="5002" y="1635"/>
                </a:lnTo>
                <a:lnTo>
                  <a:pt x="4992" y="1648"/>
                </a:lnTo>
                <a:lnTo>
                  <a:pt x="4985" y="1655"/>
                </a:lnTo>
                <a:lnTo>
                  <a:pt x="4979" y="1661"/>
                </a:lnTo>
                <a:lnTo>
                  <a:pt x="4971" y="1667"/>
                </a:lnTo>
                <a:lnTo>
                  <a:pt x="4964" y="1672"/>
                </a:lnTo>
                <a:lnTo>
                  <a:pt x="4956" y="1677"/>
                </a:lnTo>
                <a:lnTo>
                  <a:pt x="4949" y="1682"/>
                </a:lnTo>
                <a:lnTo>
                  <a:pt x="4940" y="1686"/>
                </a:lnTo>
                <a:lnTo>
                  <a:pt x="4931" y="1690"/>
                </a:lnTo>
                <a:lnTo>
                  <a:pt x="4922" y="1693"/>
                </a:lnTo>
                <a:lnTo>
                  <a:pt x="4912" y="1696"/>
                </a:lnTo>
                <a:lnTo>
                  <a:pt x="4902" y="1699"/>
                </a:lnTo>
                <a:lnTo>
                  <a:pt x="4891" y="1701"/>
                </a:lnTo>
                <a:lnTo>
                  <a:pt x="4870" y="1704"/>
                </a:lnTo>
                <a:lnTo>
                  <a:pt x="4846" y="1704"/>
                </a:lnTo>
                <a:lnTo>
                  <a:pt x="4821" y="1704"/>
                </a:lnTo>
                <a:lnTo>
                  <a:pt x="4800" y="1701"/>
                </a:lnTo>
                <a:lnTo>
                  <a:pt x="4789" y="1699"/>
                </a:lnTo>
                <a:lnTo>
                  <a:pt x="4780" y="1696"/>
                </a:lnTo>
                <a:lnTo>
                  <a:pt x="4770" y="1693"/>
                </a:lnTo>
                <a:lnTo>
                  <a:pt x="4760" y="1690"/>
                </a:lnTo>
                <a:lnTo>
                  <a:pt x="4752" y="1686"/>
                </a:lnTo>
                <a:lnTo>
                  <a:pt x="4743" y="1682"/>
                </a:lnTo>
                <a:lnTo>
                  <a:pt x="4735" y="1677"/>
                </a:lnTo>
                <a:lnTo>
                  <a:pt x="4727" y="1672"/>
                </a:lnTo>
                <a:lnTo>
                  <a:pt x="4720" y="1667"/>
                </a:lnTo>
                <a:lnTo>
                  <a:pt x="4713" y="1661"/>
                </a:lnTo>
                <a:lnTo>
                  <a:pt x="4706" y="1655"/>
                </a:lnTo>
                <a:lnTo>
                  <a:pt x="4701" y="1648"/>
                </a:lnTo>
                <a:lnTo>
                  <a:pt x="4689" y="1635"/>
                </a:lnTo>
                <a:lnTo>
                  <a:pt x="4679" y="1618"/>
                </a:lnTo>
                <a:lnTo>
                  <a:pt x="4671" y="1601"/>
                </a:lnTo>
                <a:lnTo>
                  <a:pt x="4664" y="1584"/>
                </a:lnTo>
                <a:lnTo>
                  <a:pt x="4659" y="1565"/>
                </a:lnTo>
                <a:lnTo>
                  <a:pt x="4656" y="1545"/>
                </a:lnTo>
                <a:lnTo>
                  <a:pt x="4652" y="1523"/>
                </a:lnTo>
                <a:lnTo>
                  <a:pt x="4652" y="1501"/>
                </a:lnTo>
                <a:lnTo>
                  <a:pt x="4652" y="1479"/>
                </a:lnTo>
                <a:lnTo>
                  <a:pt x="4656" y="1457"/>
                </a:lnTo>
                <a:lnTo>
                  <a:pt x="4659" y="1437"/>
                </a:lnTo>
                <a:lnTo>
                  <a:pt x="4664" y="1418"/>
                </a:lnTo>
                <a:lnTo>
                  <a:pt x="4671" y="1399"/>
                </a:lnTo>
                <a:lnTo>
                  <a:pt x="4679" y="1383"/>
                </a:lnTo>
                <a:lnTo>
                  <a:pt x="4689" y="1367"/>
                </a:lnTo>
                <a:lnTo>
                  <a:pt x="4701" y="1354"/>
                </a:lnTo>
                <a:lnTo>
                  <a:pt x="4713" y="1341"/>
                </a:lnTo>
                <a:lnTo>
                  <a:pt x="4727" y="1329"/>
                </a:lnTo>
                <a:lnTo>
                  <a:pt x="4743" y="1319"/>
                </a:lnTo>
                <a:lnTo>
                  <a:pt x="4760" y="1312"/>
                </a:lnTo>
                <a:lnTo>
                  <a:pt x="4780" y="1305"/>
                </a:lnTo>
                <a:lnTo>
                  <a:pt x="4800" y="1300"/>
                </a:lnTo>
                <a:lnTo>
                  <a:pt x="4821" y="1298"/>
                </a:lnTo>
                <a:lnTo>
                  <a:pt x="4846" y="1297"/>
                </a:lnTo>
                <a:lnTo>
                  <a:pt x="4870" y="1298"/>
                </a:lnTo>
                <a:lnTo>
                  <a:pt x="4891" y="1300"/>
                </a:lnTo>
                <a:lnTo>
                  <a:pt x="4912" y="1305"/>
                </a:lnTo>
                <a:lnTo>
                  <a:pt x="4931" y="1312"/>
                </a:lnTo>
                <a:lnTo>
                  <a:pt x="4949" y="1319"/>
                </a:lnTo>
                <a:lnTo>
                  <a:pt x="4964" y="1329"/>
                </a:lnTo>
                <a:lnTo>
                  <a:pt x="4979" y="1341"/>
                </a:lnTo>
                <a:lnTo>
                  <a:pt x="4992" y="1354"/>
                </a:lnTo>
                <a:lnTo>
                  <a:pt x="5002" y="1367"/>
                </a:lnTo>
                <a:lnTo>
                  <a:pt x="5012" y="1383"/>
                </a:lnTo>
                <a:lnTo>
                  <a:pt x="5020" y="1399"/>
                </a:lnTo>
                <a:lnTo>
                  <a:pt x="5027" y="1418"/>
                </a:lnTo>
                <a:lnTo>
                  <a:pt x="5032" y="1437"/>
                </a:lnTo>
                <a:lnTo>
                  <a:pt x="5035" y="1457"/>
                </a:lnTo>
                <a:lnTo>
                  <a:pt x="5039" y="1479"/>
                </a:lnTo>
                <a:lnTo>
                  <a:pt x="5039" y="1501"/>
                </a:lnTo>
                <a:close/>
                <a:moveTo>
                  <a:pt x="5250" y="1501"/>
                </a:moveTo>
                <a:lnTo>
                  <a:pt x="5249" y="1481"/>
                </a:lnTo>
                <a:lnTo>
                  <a:pt x="5248" y="1461"/>
                </a:lnTo>
                <a:lnTo>
                  <a:pt x="5245" y="1442"/>
                </a:lnTo>
                <a:lnTo>
                  <a:pt x="5242" y="1424"/>
                </a:lnTo>
                <a:lnTo>
                  <a:pt x="5238" y="1406"/>
                </a:lnTo>
                <a:lnTo>
                  <a:pt x="5232" y="1389"/>
                </a:lnTo>
                <a:lnTo>
                  <a:pt x="5226" y="1372"/>
                </a:lnTo>
                <a:lnTo>
                  <a:pt x="5218" y="1357"/>
                </a:lnTo>
                <a:lnTo>
                  <a:pt x="5211" y="1341"/>
                </a:lnTo>
                <a:lnTo>
                  <a:pt x="5202" y="1327"/>
                </a:lnTo>
                <a:lnTo>
                  <a:pt x="5193" y="1313"/>
                </a:lnTo>
                <a:lnTo>
                  <a:pt x="5182" y="1300"/>
                </a:lnTo>
                <a:lnTo>
                  <a:pt x="5171" y="1287"/>
                </a:lnTo>
                <a:lnTo>
                  <a:pt x="5158" y="1276"/>
                </a:lnTo>
                <a:lnTo>
                  <a:pt x="5147" y="1264"/>
                </a:lnTo>
                <a:lnTo>
                  <a:pt x="5133" y="1253"/>
                </a:lnTo>
                <a:lnTo>
                  <a:pt x="5119" y="1244"/>
                </a:lnTo>
                <a:lnTo>
                  <a:pt x="5105" y="1234"/>
                </a:lnTo>
                <a:lnTo>
                  <a:pt x="5089" y="1225"/>
                </a:lnTo>
                <a:lnTo>
                  <a:pt x="5074" y="1217"/>
                </a:lnTo>
                <a:lnTo>
                  <a:pt x="5057" y="1209"/>
                </a:lnTo>
                <a:lnTo>
                  <a:pt x="5040" y="1203"/>
                </a:lnTo>
                <a:lnTo>
                  <a:pt x="5023" y="1197"/>
                </a:lnTo>
                <a:lnTo>
                  <a:pt x="5004" y="1191"/>
                </a:lnTo>
                <a:lnTo>
                  <a:pt x="4986" y="1187"/>
                </a:lnTo>
                <a:lnTo>
                  <a:pt x="4967" y="1183"/>
                </a:lnTo>
                <a:lnTo>
                  <a:pt x="4948" y="1178"/>
                </a:lnTo>
                <a:lnTo>
                  <a:pt x="4928" y="1176"/>
                </a:lnTo>
                <a:lnTo>
                  <a:pt x="4908" y="1174"/>
                </a:lnTo>
                <a:lnTo>
                  <a:pt x="4888" y="1172"/>
                </a:lnTo>
                <a:lnTo>
                  <a:pt x="4866" y="1171"/>
                </a:lnTo>
                <a:lnTo>
                  <a:pt x="4846" y="1171"/>
                </a:lnTo>
                <a:lnTo>
                  <a:pt x="4825" y="1171"/>
                </a:lnTo>
                <a:lnTo>
                  <a:pt x="4803" y="1172"/>
                </a:lnTo>
                <a:lnTo>
                  <a:pt x="4783" y="1174"/>
                </a:lnTo>
                <a:lnTo>
                  <a:pt x="4763" y="1176"/>
                </a:lnTo>
                <a:lnTo>
                  <a:pt x="4743" y="1178"/>
                </a:lnTo>
                <a:lnTo>
                  <a:pt x="4724" y="1183"/>
                </a:lnTo>
                <a:lnTo>
                  <a:pt x="4705" y="1187"/>
                </a:lnTo>
                <a:lnTo>
                  <a:pt x="4687" y="1191"/>
                </a:lnTo>
                <a:lnTo>
                  <a:pt x="4668" y="1197"/>
                </a:lnTo>
                <a:lnTo>
                  <a:pt x="4651" y="1203"/>
                </a:lnTo>
                <a:lnTo>
                  <a:pt x="4634" y="1209"/>
                </a:lnTo>
                <a:lnTo>
                  <a:pt x="4618" y="1217"/>
                </a:lnTo>
                <a:lnTo>
                  <a:pt x="4602" y="1225"/>
                </a:lnTo>
                <a:lnTo>
                  <a:pt x="4587" y="1234"/>
                </a:lnTo>
                <a:lnTo>
                  <a:pt x="4572" y="1244"/>
                </a:lnTo>
                <a:lnTo>
                  <a:pt x="4558" y="1253"/>
                </a:lnTo>
                <a:lnTo>
                  <a:pt x="4545" y="1264"/>
                </a:lnTo>
                <a:lnTo>
                  <a:pt x="4533" y="1276"/>
                </a:lnTo>
                <a:lnTo>
                  <a:pt x="4521" y="1287"/>
                </a:lnTo>
                <a:lnTo>
                  <a:pt x="4509" y="1300"/>
                </a:lnTo>
                <a:lnTo>
                  <a:pt x="4498" y="1313"/>
                </a:lnTo>
                <a:lnTo>
                  <a:pt x="4489" y="1327"/>
                </a:lnTo>
                <a:lnTo>
                  <a:pt x="4480" y="1341"/>
                </a:lnTo>
                <a:lnTo>
                  <a:pt x="4473" y="1357"/>
                </a:lnTo>
                <a:lnTo>
                  <a:pt x="4465" y="1372"/>
                </a:lnTo>
                <a:lnTo>
                  <a:pt x="4459" y="1389"/>
                </a:lnTo>
                <a:lnTo>
                  <a:pt x="4453" y="1406"/>
                </a:lnTo>
                <a:lnTo>
                  <a:pt x="4449" y="1424"/>
                </a:lnTo>
                <a:lnTo>
                  <a:pt x="4446" y="1442"/>
                </a:lnTo>
                <a:lnTo>
                  <a:pt x="4444" y="1461"/>
                </a:lnTo>
                <a:lnTo>
                  <a:pt x="4442" y="1481"/>
                </a:lnTo>
                <a:lnTo>
                  <a:pt x="4442" y="1501"/>
                </a:lnTo>
                <a:lnTo>
                  <a:pt x="4442" y="1521"/>
                </a:lnTo>
                <a:lnTo>
                  <a:pt x="4444" y="1541"/>
                </a:lnTo>
                <a:lnTo>
                  <a:pt x="4446" y="1560"/>
                </a:lnTo>
                <a:lnTo>
                  <a:pt x="4449" y="1578"/>
                </a:lnTo>
                <a:lnTo>
                  <a:pt x="4453" y="1596"/>
                </a:lnTo>
                <a:lnTo>
                  <a:pt x="4459" y="1613"/>
                </a:lnTo>
                <a:lnTo>
                  <a:pt x="4465" y="1629"/>
                </a:lnTo>
                <a:lnTo>
                  <a:pt x="4473" y="1645"/>
                </a:lnTo>
                <a:lnTo>
                  <a:pt x="4480" y="1660"/>
                </a:lnTo>
                <a:lnTo>
                  <a:pt x="4489" y="1675"/>
                </a:lnTo>
                <a:lnTo>
                  <a:pt x="4498" y="1689"/>
                </a:lnTo>
                <a:lnTo>
                  <a:pt x="4509" y="1702"/>
                </a:lnTo>
                <a:lnTo>
                  <a:pt x="4521" y="1715"/>
                </a:lnTo>
                <a:lnTo>
                  <a:pt x="4533" y="1726"/>
                </a:lnTo>
                <a:lnTo>
                  <a:pt x="4545" y="1738"/>
                </a:lnTo>
                <a:lnTo>
                  <a:pt x="4558" y="1749"/>
                </a:lnTo>
                <a:lnTo>
                  <a:pt x="4572" y="1758"/>
                </a:lnTo>
                <a:lnTo>
                  <a:pt x="4587" y="1768"/>
                </a:lnTo>
                <a:lnTo>
                  <a:pt x="4602" y="1777"/>
                </a:lnTo>
                <a:lnTo>
                  <a:pt x="4618" y="1784"/>
                </a:lnTo>
                <a:lnTo>
                  <a:pt x="4634" y="1792"/>
                </a:lnTo>
                <a:lnTo>
                  <a:pt x="4651" y="1799"/>
                </a:lnTo>
                <a:lnTo>
                  <a:pt x="4668" y="1805"/>
                </a:lnTo>
                <a:lnTo>
                  <a:pt x="4687" y="1811"/>
                </a:lnTo>
                <a:lnTo>
                  <a:pt x="4705" y="1815"/>
                </a:lnTo>
                <a:lnTo>
                  <a:pt x="4724" y="1819"/>
                </a:lnTo>
                <a:lnTo>
                  <a:pt x="4743" y="1823"/>
                </a:lnTo>
                <a:lnTo>
                  <a:pt x="4763" y="1826"/>
                </a:lnTo>
                <a:lnTo>
                  <a:pt x="4783" y="1828"/>
                </a:lnTo>
                <a:lnTo>
                  <a:pt x="4803" y="1830"/>
                </a:lnTo>
                <a:lnTo>
                  <a:pt x="4825" y="1831"/>
                </a:lnTo>
                <a:lnTo>
                  <a:pt x="4846" y="1831"/>
                </a:lnTo>
                <a:lnTo>
                  <a:pt x="4866" y="1831"/>
                </a:lnTo>
                <a:lnTo>
                  <a:pt x="4888" y="1830"/>
                </a:lnTo>
                <a:lnTo>
                  <a:pt x="4908" y="1828"/>
                </a:lnTo>
                <a:lnTo>
                  <a:pt x="4928" y="1826"/>
                </a:lnTo>
                <a:lnTo>
                  <a:pt x="4948" y="1823"/>
                </a:lnTo>
                <a:lnTo>
                  <a:pt x="4967" y="1819"/>
                </a:lnTo>
                <a:lnTo>
                  <a:pt x="4986" y="1815"/>
                </a:lnTo>
                <a:lnTo>
                  <a:pt x="5004" y="1811"/>
                </a:lnTo>
                <a:lnTo>
                  <a:pt x="5023" y="1805"/>
                </a:lnTo>
                <a:lnTo>
                  <a:pt x="5040" y="1799"/>
                </a:lnTo>
                <a:lnTo>
                  <a:pt x="5057" y="1792"/>
                </a:lnTo>
                <a:lnTo>
                  <a:pt x="5074" y="1784"/>
                </a:lnTo>
                <a:lnTo>
                  <a:pt x="5089" y="1777"/>
                </a:lnTo>
                <a:lnTo>
                  <a:pt x="5105" y="1768"/>
                </a:lnTo>
                <a:lnTo>
                  <a:pt x="5119" y="1758"/>
                </a:lnTo>
                <a:lnTo>
                  <a:pt x="5133" y="1749"/>
                </a:lnTo>
                <a:lnTo>
                  <a:pt x="5147" y="1738"/>
                </a:lnTo>
                <a:lnTo>
                  <a:pt x="5158" y="1726"/>
                </a:lnTo>
                <a:lnTo>
                  <a:pt x="5171" y="1715"/>
                </a:lnTo>
                <a:lnTo>
                  <a:pt x="5182" y="1702"/>
                </a:lnTo>
                <a:lnTo>
                  <a:pt x="5193" y="1689"/>
                </a:lnTo>
                <a:lnTo>
                  <a:pt x="5202" y="1675"/>
                </a:lnTo>
                <a:lnTo>
                  <a:pt x="5211" y="1660"/>
                </a:lnTo>
                <a:lnTo>
                  <a:pt x="5218" y="1645"/>
                </a:lnTo>
                <a:lnTo>
                  <a:pt x="5226" y="1629"/>
                </a:lnTo>
                <a:lnTo>
                  <a:pt x="5232" y="1613"/>
                </a:lnTo>
                <a:lnTo>
                  <a:pt x="5238" y="1596"/>
                </a:lnTo>
                <a:lnTo>
                  <a:pt x="5242" y="1578"/>
                </a:lnTo>
                <a:lnTo>
                  <a:pt x="5245" y="1560"/>
                </a:lnTo>
                <a:lnTo>
                  <a:pt x="5248" y="1541"/>
                </a:lnTo>
                <a:lnTo>
                  <a:pt x="5249" y="1521"/>
                </a:lnTo>
                <a:lnTo>
                  <a:pt x="5250" y="1501"/>
                </a:lnTo>
                <a:close/>
                <a:moveTo>
                  <a:pt x="6447" y="1191"/>
                </a:moveTo>
                <a:lnTo>
                  <a:pt x="6447" y="1251"/>
                </a:lnTo>
                <a:lnTo>
                  <a:pt x="6444" y="1251"/>
                </a:lnTo>
                <a:lnTo>
                  <a:pt x="6435" y="1244"/>
                </a:lnTo>
                <a:lnTo>
                  <a:pt x="6426" y="1236"/>
                </a:lnTo>
                <a:lnTo>
                  <a:pt x="6417" y="1229"/>
                </a:lnTo>
                <a:lnTo>
                  <a:pt x="6407" y="1222"/>
                </a:lnTo>
                <a:lnTo>
                  <a:pt x="6395" y="1216"/>
                </a:lnTo>
                <a:lnTo>
                  <a:pt x="6384" y="1209"/>
                </a:lnTo>
                <a:lnTo>
                  <a:pt x="6372" y="1204"/>
                </a:lnTo>
                <a:lnTo>
                  <a:pt x="6358" y="1199"/>
                </a:lnTo>
                <a:lnTo>
                  <a:pt x="6344" y="1194"/>
                </a:lnTo>
                <a:lnTo>
                  <a:pt x="6328" y="1190"/>
                </a:lnTo>
                <a:lnTo>
                  <a:pt x="6312" y="1187"/>
                </a:lnTo>
                <a:lnTo>
                  <a:pt x="6295" y="1184"/>
                </a:lnTo>
                <a:lnTo>
                  <a:pt x="6277" y="1182"/>
                </a:lnTo>
                <a:lnTo>
                  <a:pt x="6257" y="1180"/>
                </a:lnTo>
                <a:lnTo>
                  <a:pt x="6237" y="1179"/>
                </a:lnTo>
                <a:lnTo>
                  <a:pt x="6216" y="1178"/>
                </a:lnTo>
                <a:lnTo>
                  <a:pt x="6194" y="1179"/>
                </a:lnTo>
                <a:lnTo>
                  <a:pt x="6174" y="1180"/>
                </a:lnTo>
                <a:lnTo>
                  <a:pt x="6155" y="1183"/>
                </a:lnTo>
                <a:lnTo>
                  <a:pt x="6135" y="1186"/>
                </a:lnTo>
                <a:lnTo>
                  <a:pt x="6117" y="1190"/>
                </a:lnTo>
                <a:lnTo>
                  <a:pt x="6100" y="1195"/>
                </a:lnTo>
                <a:lnTo>
                  <a:pt x="6083" y="1201"/>
                </a:lnTo>
                <a:lnTo>
                  <a:pt x="6067" y="1207"/>
                </a:lnTo>
                <a:lnTo>
                  <a:pt x="6052" y="1215"/>
                </a:lnTo>
                <a:lnTo>
                  <a:pt x="6037" y="1222"/>
                </a:lnTo>
                <a:lnTo>
                  <a:pt x="6023" y="1231"/>
                </a:lnTo>
                <a:lnTo>
                  <a:pt x="6010" y="1239"/>
                </a:lnTo>
                <a:lnTo>
                  <a:pt x="5997" y="1249"/>
                </a:lnTo>
                <a:lnTo>
                  <a:pt x="5986" y="1260"/>
                </a:lnTo>
                <a:lnTo>
                  <a:pt x="5975" y="1270"/>
                </a:lnTo>
                <a:lnTo>
                  <a:pt x="5964" y="1281"/>
                </a:lnTo>
                <a:lnTo>
                  <a:pt x="5955" y="1293"/>
                </a:lnTo>
                <a:lnTo>
                  <a:pt x="5946" y="1305"/>
                </a:lnTo>
                <a:lnTo>
                  <a:pt x="5937" y="1317"/>
                </a:lnTo>
                <a:lnTo>
                  <a:pt x="5929" y="1330"/>
                </a:lnTo>
                <a:lnTo>
                  <a:pt x="5922" y="1343"/>
                </a:lnTo>
                <a:lnTo>
                  <a:pt x="5916" y="1357"/>
                </a:lnTo>
                <a:lnTo>
                  <a:pt x="5910" y="1371"/>
                </a:lnTo>
                <a:lnTo>
                  <a:pt x="5904" y="1383"/>
                </a:lnTo>
                <a:lnTo>
                  <a:pt x="5900" y="1398"/>
                </a:lnTo>
                <a:lnTo>
                  <a:pt x="5897" y="1412"/>
                </a:lnTo>
                <a:lnTo>
                  <a:pt x="5892" y="1426"/>
                </a:lnTo>
                <a:lnTo>
                  <a:pt x="5890" y="1440"/>
                </a:lnTo>
                <a:lnTo>
                  <a:pt x="5888" y="1455"/>
                </a:lnTo>
                <a:lnTo>
                  <a:pt x="5887" y="1469"/>
                </a:lnTo>
                <a:lnTo>
                  <a:pt x="5886" y="1484"/>
                </a:lnTo>
                <a:lnTo>
                  <a:pt x="5885" y="1498"/>
                </a:lnTo>
                <a:lnTo>
                  <a:pt x="5886" y="1515"/>
                </a:lnTo>
                <a:lnTo>
                  <a:pt x="5887" y="1531"/>
                </a:lnTo>
                <a:lnTo>
                  <a:pt x="5888" y="1547"/>
                </a:lnTo>
                <a:lnTo>
                  <a:pt x="5890" y="1563"/>
                </a:lnTo>
                <a:lnTo>
                  <a:pt x="5894" y="1578"/>
                </a:lnTo>
                <a:lnTo>
                  <a:pt x="5897" y="1593"/>
                </a:lnTo>
                <a:lnTo>
                  <a:pt x="5900" y="1608"/>
                </a:lnTo>
                <a:lnTo>
                  <a:pt x="5905" y="1622"/>
                </a:lnTo>
                <a:lnTo>
                  <a:pt x="5910" y="1636"/>
                </a:lnTo>
                <a:lnTo>
                  <a:pt x="5916" y="1649"/>
                </a:lnTo>
                <a:lnTo>
                  <a:pt x="5922" y="1663"/>
                </a:lnTo>
                <a:lnTo>
                  <a:pt x="5929" y="1675"/>
                </a:lnTo>
                <a:lnTo>
                  <a:pt x="5937" y="1688"/>
                </a:lnTo>
                <a:lnTo>
                  <a:pt x="5945" y="1700"/>
                </a:lnTo>
                <a:lnTo>
                  <a:pt x="5955" y="1711"/>
                </a:lnTo>
                <a:lnTo>
                  <a:pt x="5964" y="1722"/>
                </a:lnTo>
                <a:lnTo>
                  <a:pt x="5974" y="1733"/>
                </a:lnTo>
                <a:lnTo>
                  <a:pt x="5985" y="1742"/>
                </a:lnTo>
                <a:lnTo>
                  <a:pt x="5996" y="1752"/>
                </a:lnTo>
                <a:lnTo>
                  <a:pt x="6008" y="1761"/>
                </a:lnTo>
                <a:lnTo>
                  <a:pt x="6021" y="1769"/>
                </a:lnTo>
                <a:lnTo>
                  <a:pt x="6034" y="1777"/>
                </a:lnTo>
                <a:lnTo>
                  <a:pt x="6048" y="1783"/>
                </a:lnTo>
                <a:lnTo>
                  <a:pt x="6063" y="1789"/>
                </a:lnTo>
                <a:lnTo>
                  <a:pt x="6078" y="1796"/>
                </a:lnTo>
                <a:lnTo>
                  <a:pt x="6094" y="1801"/>
                </a:lnTo>
                <a:lnTo>
                  <a:pt x="6110" y="1805"/>
                </a:lnTo>
                <a:lnTo>
                  <a:pt x="6127" y="1810"/>
                </a:lnTo>
                <a:lnTo>
                  <a:pt x="6145" y="1813"/>
                </a:lnTo>
                <a:lnTo>
                  <a:pt x="6163" y="1815"/>
                </a:lnTo>
                <a:lnTo>
                  <a:pt x="6182" y="1817"/>
                </a:lnTo>
                <a:lnTo>
                  <a:pt x="6202" y="1818"/>
                </a:lnTo>
                <a:lnTo>
                  <a:pt x="6222" y="1818"/>
                </a:lnTo>
                <a:lnTo>
                  <a:pt x="6241" y="1817"/>
                </a:lnTo>
                <a:lnTo>
                  <a:pt x="6261" y="1815"/>
                </a:lnTo>
                <a:lnTo>
                  <a:pt x="6279" y="1813"/>
                </a:lnTo>
                <a:lnTo>
                  <a:pt x="6296" y="1809"/>
                </a:lnTo>
                <a:lnTo>
                  <a:pt x="6313" y="1804"/>
                </a:lnTo>
                <a:lnTo>
                  <a:pt x="6329" y="1799"/>
                </a:lnTo>
                <a:lnTo>
                  <a:pt x="6344" y="1794"/>
                </a:lnTo>
                <a:lnTo>
                  <a:pt x="6359" y="1787"/>
                </a:lnTo>
                <a:lnTo>
                  <a:pt x="6373" y="1781"/>
                </a:lnTo>
                <a:lnTo>
                  <a:pt x="6386" y="1773"/>
                </a:lnTo>
                <a:lnTo>
                  <a:pt x="6398" y="1767"/>
                </a:lnTo>
                <a:lnTo>
                  <a:pt x="6408" y="1760"/>
                </a:lnTo>
                <a:lnTo>
                  <a:pt x="6418" y="1752"/>
                </a:lnTo>
                <a:lnTo>
                  <a:pt x="6426" y="1745"/>
                </a:lnTo>
                <a:lnTo>
                  <a:pt x="6435" y="1737"/>
                </a:lnTo>
                <a:lnTo>
                  <a:pt x="6437" y="1737"/>
                </a:lnTo>
                <a:lnTo>
                  <a:pt x="6437" y="1738"/>
                </a:lnTo>
                <a:lnTo>
                  <a:pt x="6437" y="1739"/>
                </a:lnTo>
                <a:lnTo>
                  <a:pt x="6437" y="1742"/>
                </a:lnTo>
                <a:lnTo>
                  <a:pt x="6437" y="1746"/>
                </a:lnTo>
                <a:lnTo>
                  <a:pt x="6437" y="1750"/>
                </a:lnTo>
                <a:lnTo>
                  <a:pt x="6437" y="1754"/>
                </a:lnTo>
                <a:lnTo>
                  <a:pt x="6437" y="1758"/>
                </a:lnTo>
                <a:lnTo>
                  <a:pt x="6437" y="1764"/>
                </a:lnTo>
                <a:lnTo>
                  <a:pt x="6437" y="1781"/>
                </a:lnTo>
                <a:lnTo>
                  <a:pt x="6436" y="1799"/>
                </a:lnTo>
                <a:lnTo>
                  <a:pt x="6433" y="1816"/>
                </a:lnTo>
                <a:lnTo>
                  <a:pt x="6429" y="1833"/>
                </a:lnTo>
                <a:lnTo>
                  <a:pt x="6423" y="1849"/>
                </a:lnTo>
                <a:lnTo>
                  <a:pt x="6416" y="1865"/>
                </a:lnTo>
                <a:lnTo>
                  <a:pt x="6411" y="1873"/>
                </a:lnTo>
                <a:lnTo>
                  <a:pt x="6406" y="1880"/>
                </a:lnTo>
                <a:lnTo>
                  <a:pt x="6401" y="1887"/>
                </a:lnTo>
                <a:lnTo>
                  <a:pt x="6394" y="1893"/>
                </a:lnTo>
                <a:lnTo>
                  <a:pt x="6388" y="1901"/>
                </a:lnTo>
                <a:lnTo>
                  <a:pt x="6380" y="1906"/>
                </a:lnTo>
                <a:lnTo>
                  <a:pt x="6373" y="1912"/>
                </a:lnTo>
                <a:lnTo>
                  <a:pt x="6364" y="1918"/>
                </a:lnTo>
                <a:lnTo>
                  <a:pt x="6356" y="1923"/>
                </a:lnTo>
                <a:lnTo>
                  <a:pt x="6346" y="1927"/>
                </a:lnTo>
                <a:lnTo>
                  <a:pt x="6335" y="1932"/>
                </a:lnTo>
                <a:lnTo>
                  <a:pt x="6324" y="1936"/>
                </a:lnTo>
                <a:lnTo>
                  <a:pt x="6312" y="1940"/>
                </a:lnTo>
                <a:lnTo>
                  <a:pt x="6299" y="1943"/>
                </a:lnTo>
                <a:lnTo>
                  <a:pt x="6286" y="1945"/>
                </a:lnTo>
                <a:lnTo>
                  <a:pt x="6271" y="1948"/>
                </a:lnTo>
                <a:lnTo>
                  <a:pt x="6256" y="1950"/>
                </a:lnTo>
                <a:lnTo>
                  <a:pt x="6240" y="1951"/>
                </a:lnTo>
                <a:lnTo>
                  <a:pt x="6224" y="1952"/>
                </a:lnTo>
                <a:lnTo>
                  <a:pt x="6206" y="1952"/>
                </a:lnTo>
                <a:lnTo>
                  <a:pt x="6176" y="1952"/>
                </a:lnTo>
                <a:lnTo>
                  <a:pt x="6146" y="1950"/>
                </a:lnTo>
                <a:lnTo>
                  <a:pt x="6115" y="1945"/>
                </a:lnTo>
                <a:lnTo>
                  <a:pt x="6084" y="1940"/>
                </a:lnTo>
                <a:lnTo>
                  <a:pt x="6053" y="1934"/>
                </a:lnTo>
                <a:lnTo>
                  <a:pt x="6021" y="1924"/>
                </a:lnTo>
                <a:lnTo>
                  <a:pt x="6006" y="1919"/>
                </a:lnTo>
                <a:lnTo>
                  <a:pt x="5990" y="1913"/>
                </a:lnTo>
                <a:lnTo>
                  <a:pt x="5975" y="1906"/>
                </a:lnTo>
                <a:lnTo>
                  <a:pt x="5959" y="1899"/>
                </a:lnTo>
                <a:lnTo>
                  <a:pt x="5959" y="2043"/>
                </a:lnTo>
                <a:lnTo>
                  <a:pt x="5990" y="2052"/>
                </a:lnTo>
                <a:lnTo>
                  <a:pt x="6022" y="2060"/>
                </a:lnTo>
                <a:lnTo>
                  <a:pt x="6054" y="2066"/>
                </a:lnTo>
                <a:lnTo>
                  <a:pt x="6088" y="2071"/>
                </a:lnTo>
                <a:lnTo>
                  <a:pt x="6124" y="2076"/>
                </a:lnTo>
                <a:lnTo>
                  <a:pt x="6159" y="2078"/>
                </a:lnTo>
                <a:lnTo>
                  <a:pt x="6196" y="2080"/>
                </a:lnTo>
                <a:lnTo>
                  <a:pt x="6235" y="2080"/>
                </a:lnTo>
                <a:lnTo>
                  <a:pt x="6265" y="2080"/>
                </a:lnTo>
                <a:lnTo>
                  <a:pt x="6293" y="2078"/>
                </a:lnTo>
                <a:lnTo>
                  <a:pt x="6319" y="2076"/>
                </a:lnTo>
                <a:lnTo>
                  <a:pt x="6345" y="2073"/>
                </a:lnTo>
                <a:lnTo>
                  <a:pt x="6369" y="2068"/>
                </a:lnTo>
                <a:lnTo>
                  <a:pt x="6392" y="2063"/>
                </a:lnTo>
                <a:lnTo>
                  <a:pt x="6414" y="2056"/>
                </a:lnTo>
                <a:lnTo>
                  <a:pt x="6434" y="2050"/>
                </a:lnTo>
                <a:lnTo>
                  <a:pt x="6453" y="2043"/>
                </a:lnTo>
                <a:lnTo>
                  <a:pt x="6470" y="2034"/>
                </a:lnTo>
                <a:lnTo>
                  <a:pt x="6487" y="2026"/>
                </a:lnTo>
                <a:lnTo>
                  <a:pt x="6503" y="2016"/>
                </a:lnTo>
                <a:lnTo>
                  <a:pt x="6517" y="2005"/>
                </a:lnTo>
                <a:lnTo>
                  <a:pt x="6531" y="1995"/>
                </a:lnTo>
                <a:lnTo>
                  <a:pt x="6544" y="1984"/>
                </a:lnTo>
                <a:lnTo>
                  <a:pt x="6556" y="1972"/>
                </a:lnTo>
                <a:lnTo>
                  <a:pt x="6567" y="1959"/>
                </a:lnTo>
                <a:lnTo>
                  <a:pt x="6576" y="1946"/>
                </a:lnTo>
                <a:lnTo>
                  <a:pt x="6585" y="1934"/>
                </a:lnTo>
                <a:lnTo>
                  <a:pt x="6593" y="1920"/>
                </a:lnTo>
                <a:lnTo>
                  <a:pt x="6600" y="1906"/>
                </a:lnTo>
                <a:lnTo>
                  <a:pt x="6606" y="1892"/>
                </a:lnTo>
                <a:lnTo>
                  <a:pt x="6613" y="1877"/>
                </a:lnTo>
                <a:lnTo>
                  <a:pt x="6617" y="1862"/>
                </a:lnTo>
                <a:lnTo>
                  <a:pt x="6621" y="1847"/>
                </a:lnTo>
                <a:lnTo>
                  <a:pt x="6624" y="1832"/>
                </a:lnTo>
                <a:lnTo>
                  <a:pt x="6628" y="1816"/>
                </a:lnTo>
                <a:lnTo>
                  <a:pt x="6630" y="1801"/>
                </a:lnTo>
                <a:lnTo>
                  <a:pt x="6633" y="1769"/>
                </a:lnTo>
                <a:lnTo>
                  <a:pt x="6634" y="1738"/>
                </a:lnTo>
                <a:lnTo>
                  <a:pt x="6634" y="1191"/>
                </a:lnTo>
                <a:lnTo>
                  <a:pt x="6447" y="1191"/>
                </a:lnTo>
                <a:close/>
                <a:moveTo>
                  <a:pt x="6263" y="1687"/>
                </a:moveTo>
                <a:lnTo>
                  <a:pt x="6252" y="1687"/>
                </a:lnTo>
                <a:lnTo>
                  <a:pt x="6241" y="1686"/>
                </a:lnTo>
                <a:lnTo>
                  <a:pt x="6232" y="1685"/>
                </a:lnTo>
                <a:lnTo>
                  <a:pt x="6222" y="1683"/>
                </a:lnTo>
                <a:lnTo>
                  <a:pt x="6212" y="1680"/>
                </a:lnTo>
                <a:lnTo>
                  <a:pt x="6204" y="1678"/>
                </a:lnTo>
                <a:lnTo>
                  <a:pt x="6195" y="1675"/>
                </a:lnTo>
                <a:lnTo>
                  <a:pt x="6187" y="1671"/>
                </a:lnTo>
                <a:lnTo>
                  <a:pt x="6172" y="1662"/>
                </a:lnTo>
                <a:lnTo>
                  <a:pt x="6158" y="1653"/>
                </a:lnTo>
                <a:lnTo>
                  <a:pt x="6145" y="1642"/>
                </a:lnTo>
                <a:lnTo>
                  <a:pt x="6134" y="1629"/>
                </a:lnTo>
                <a:lnTo>
                  <a:pt x="6124" y="1615"/>
                </a:lnTo>
                <a:lnTo>
                  <a:pt x="6115" y="1601"/>
                </a:lnTo>
                <a:lnTo>
                  <a:pt x="6109" y="1585"/>
                </a:lnTo>
                <a:lnTo>
                  <a:pt x="6102" y="1569"/>
                </a:lnTo>
                <a:lnTo>
                  <a:pt x="6098" y="1552"/>
                </a:lnTo>
                <a:lnTo>
                  <a:pt x="6095" y="1535"/>
                </a:lnTo>
                <a:lnTo>
                  <a:pt x="6093" y="1518"/>
                </a:lnTo>
                <a:lnTo>
                  <a:pt x="6092" y="1500"/>
                </a:lnTo>
                <a:lnTo>
                  <a:pt x="6093" y="1483"/>
                </a:lnTo>
                <a:lnTo>
                  <a:pt x="6094" y="1465"/>
                </a:lnTo>
                <a:lnTo>
                  <a:pt x="6097" y="1448"/>
                </a:lnTo>
                <a:lnTo>
                  <a:pt x="6101" y="1430"/>
                </a:lnTo>
                <a:lnTo>
                  <a:pt x="6106" y="1413"/>
                </a:lnTo>
                <a:lnTo>
                  <a:pt x="6113" y="1397"/>
                </a:lnTo>
                <a:lnTo>
                  <a:pt x="6121" y="1382"/>
                </a:lnTo>
                <a:lnTo>
                  <a:pt x="6131" y="1367"/>
                </a:lnTo>
                <a:lnTo>
                  <a:pt x="6142" y="1355"/>
                </a:lnTo>
                <a:lnTo>
                  <a:pt x="6155" y="1343"/>
                </a:lnTo>
                <a:lnTo>
                  <a:pt x="6162" y="1338"/>
                </a:lnTo>
                <a:lnTo>
                  <a:pt x="6170" y="1332"/>
                </a:lnTo>
                <a:lnTo>
                  <a:pt x="6177" y="1327"/>
                </a:lnTo>
                <a:lnTo>
                  <a:pt x="6186" y="1323"/>
                </a:lnTo>
                <a:lnTo>
                  <a:pt x="6194" y="1319"/>
                </a:lnTo>
                <a:lnTo>
                  <a:pt x="6204" y="1316"/>
                </a:lnTo>
                <a:lnTo>
                  <a:pt x="6213" y="1313"/>
                </a:lnTo>
                <a:lnTo>
                  <a:pt x="6224" y="1311"/>
                </a:lnTo>
                <a:lnTo>
                  <a:pt x="6235" y="1309"/>
                </a:lnTo>
                <a:lnTo>
                  <a:pt x="6246" y="1307"/>
                </a:lnTo>
                <a:lnTo>
                  <a:pt x="6257" y="1307"/>
                </a:lnTo>
                <a:lnTo>
                  <a:pt x="6269" y="1305"/>
                </a:lnTo>
                <a:lnTo>
                  <a:pt x="6291" y="1307"/>
                </a:lnTo>
                <a:lnTo>
                  <a:pt x="6310" y="1310"/>
                </a:lnTo>
                <a:lnTo>
                  <a:pt x="6328" y="1314"/>
                </a:lnTo>
                <a:lnTo>
                  <a:pt x="6345" y="1320"/>
                </a:lnTo>
                <a:lnTo>
                  <a:pt x="6360" y="1329"/>
                </a:lnTo>
                <a:lnTo>
                  <a:pt x="6374" y="1339"/>
                </a:lnTo>
                <a:lnTo>
                  <a:pt x="6387" y="1349"/>
                </a:lnTo>
                <a:lnTo>
                  <a:pt x="6398" y="1362"/>
                </a:lnTo>
                <a:lnTo>
                  <a:pt x="6407" y="1375"/>
                </a:lnTo>
                <a:lnTo>
                  <a:pt x="6416" y="1390"/>
                </a:lnTo>
                <a:lnTo>
                  <a:pt x="6423" y="1406"/>
                </a:lnTo>
                <a:lnTo>
                  <a:pt x="6429" y="1423"/>
                </a:lnTo>
                <a:lnTo>
                  <a:pt x="6433" y="1440"/>
                </a:lnTo>
                <a:lnTo>
                  <a:pt x="6436" y="1458"/>
                </a:lnTo>
                <a:lnTo>
                  <a:pt x="6438" y="1477"/>
                </a:lnTo>
                <a:lnTo>
                  <a:pt x="6439" y="1497"/>
                </a:lnTo>
                <a:lnTo>
                  <a:pt x="6438" y="1514"/>
                </a:lnTo>
                <a:lnTo>
                  <a:pt x="6436" y="1531"/>
                </a:lnTo>
                <a:lnTo>
                  <a:pt x="6434" y="1548"/>
                </a:lnTo>
                <a:lnTo>
                  <a:pt x="6430" y="1564"/>
                </a:lnTo>
                <a:lnTo>
                  <a:pt x="6424" y="1581"/>
                </a:lnTo>
                <a:lnTo>
                  <a:pt x="6417" y="1596"/>
                </a:lnTo>
                <a:lnTo>
                  <a:pt x="6408" y="1611"/>
                </a:lnTo>
                <a:lnTo>
                  <a:pt x="6399" y="1626"/>
                </a:lnTo>
                <a:lnTo>
                  <a:pt x="6388" y="1639"/>
                </a:lnTo>
                <a:lnTo>
                  <a:pt x="6375" y="1651"/>
                </a:lnTo>
                <a:lnTo>
                  <a:pt x="6368" y="1656"/>
                </a:lnTo>
                <a:lnTo>
                  <a:pt x="6360" y="1661"/>
                </a:lnTo>
                <a:lnTo>
                  <a:pt x="6353" y="1665"/>
                </a:lnTo>
                <a:lnTo>
                  <a:pt x="6344" y="1670"/>
                </a:lnTo>
                <a:lnTo>
                  <a:pt x="6335" y="1674"/>
                </a:lnTo>
                <a:lnTo>
                  <a:pt x="6327" y="1677"/>
                </a:lnTo>
                <a:lnTo>
                  <a:pt x="6317" y="1680"/>
                </a:lnTo>
                <a:lnTo>
                  <a:pt x="6307" y="1683"/>
                </a:lnTo>
                <a:lnTo>
                  <a:pt x="6297" y="1685"/>
                </a:lnTo>
                <a:lnTo>
                  <a:pt x="6285" y="1686"/>
                </a:lnTo>
                <a:lnTo>
                  <a:pt x="6274" y="1687"/>
                </a:lnTo>
                <a:lnTo>
                  <a:pt x="6263" y="1687"/>
                </a:lnTo>
                <a:close/>
                <a:moveTo>
                  <a:pt x="7441" y="1422"/>
                </a:moveTo>
                <a:lnTo>
                  <a:pt x="7441" y="1407"/>
                </a:lnTo>
                <a:lnTo>
                  <a:pt x="7440" y="1393"/>
                </a:lnTo>
                <a:lnTo>
                  <a:pt x="7439" y="1379"/>
                </a:lnTo>
                <a:lnTo>
                  <a:pt x="7437" y="1365"/>
                </a:lnTo>
                <a:lnTo>
                  <a:pt x="7433" y="1352"/>
                </a:lnTo>
                <a:lnTo>
                  <a:pt x="7430" y="1340"/>
                </a:lnTo>
                <a:lnTo>
                  <a:pt x="7427" y="1328"/>
                </a:lnTo>
                <a:lnTo>
                  <a:pt x="7422" y="1316"/>
                </a:lnTo>
                <a:lnTo>
                  <a:pt x="7417" y="1305"/>
                </a:lnTo>
                <a:lnTo>
                  <a:pt x="7411" y="1295"/>
                </a:lnTo>
                <a:lnTo>
                  <a:pt x="7404" y="1284"/>
                </a:lnTo>
                <a:lnTo>
                  <a:pt x="7398" y="1274"/>
                </a:lnTo>
                <a:lnTo>
                  <a:pt x="7390" y="1265"/>
                </a:lnTo>
                <a:lnTo>
                  <a:pt x="7382" y="1256"/>
                </a:lnTo>
                <a:lnTo>
                  <a:pt x="7372" y="1248"/>
                </a:lnTo>
                <a:lnTo>
                  <a:pt x="7363" y="1240"/>
                </a:lnTo>
                <a:lnTo>
                  <a:pt x="7353" y="1233"/>
                </a:lnTo>
                <a:lnTo>
                  <a:pt x="7342" y="1226"/>
                </a:lnTo>
                <a:lnTo>
                  <a:pt x="7331" y="1220"/>
                </a:lnTo>
                <a:lnTo>
                  <a:pt x="7318" y="1214"/>
                </a:lnTo>
                <a:lnTo>
                  <a:pt x="7305" y="1208"/>
                </a:lnTo>
                <a:lnTo>
                  <a:pt x="7291" y="1203"/>
                </a:lnTo>
                <a:lnTo>
                  <a:pt x="7277" y="1199"/>
                </a:lnTo>
                <a:lnTo>
                  <a:pt x="7262" y="1194"/>
                </a:lnTo>
                <a:lnTo>
                  <a:pt x="7246" y="1191"/>
                </a:lnTo>
                <a:lnTo>
                  <a:pt x="7230" y="1188"/>
                </a:lnTo>
                <a:lnTo>
                  <a:pt x="7213" y="1185"/>
                </a:lnTo>
                <a:lnTo>
                  <a:pt x="7195" y="1183"/>
                </a:lnTo>
                <a:lnTo>
                  <a:pt x="7157" y="1179"/>
                </a:lnTo>
                <a:lnTo>
                  <a:pt x="7116" y="1178"/>
                </a:lnTo>
                <a:lnTo>
                  <a:pt x="7087" y="1179"/>
                </a:lnTo>
                <a:lnTo>
                  <a:pt x="7056" y="1180"/>
                </a:lnTo>
                <a:lnTo>
                  <a:pt x="7021" y="1183"/>
                </a:lnTo>
                <a:lnTo>
                  <a:pt x="6987" y="1186"/>
                </a:lnTo>
                <a:lnTo>
                  <a:pt x="6951" y="1190"/>
                </a:lnTo>
                <a:lnTo>
                  <a:pt x="6914" y="1197"/>
                </a:lnTo>
                <a:lnTo>
                  <a:pt x="6878" y="1203"/>
                </a:lnTo>
                <a:lnTo>
                  <a:pt x="6843" y="1211"/>
                </a:lnTo>
                <a:lnTo>
                  <a:pt x="6843" y="1335"/>
                </a:lnTo>
                <a:lnTo>
                  <a:pt x="6870" y="1327"/>
                </a:lnTo>
                <a:lnTo>
                  <a:pt x="6899" y="1318"/>
                </a:lnTo>
                <a:lnTo>
                  <a:pt x="6929" y="1312"/>
                </a:lnTo>
                <a:lnTo>
                  <a:pt x="6958" y="1307"/>
                </a:lnTo>
                <a:lnTo>
                  <a:pt x="6988" y="1302"/>
                </a:lnTo>
                <a:lnTo>
                  <a:pt x="7017" y="1299"/>
                </a:lnTo>
                <a:lnTo>
                  <a:pt x="7045" y="1297"/>
                </a:lnTo>
                <a:lnTo>
                  <a:pt x="7073" y="1297"/>
                </a:lnTo>
                <a:lnTo>
                  <a:pt x="7091" y="1297"/>
                </a:lnTo>
                <a:lnTo>
                  <a:pt x="7109" y="1297"/>
                </a:lnTo>
                <a:lnTo>
                  <a:pt x="7126" y="1299"/>
                </a:lnTo>
                <a:lnTo>
                  <a:pt x="7142" y="1300"/>
                </a:lnTo>
                <a:lnTo>
                  <a:pt x="7157" y="1303"/>
                </a:lnTo>
                <a:lnTo>
                  <a:pt x="7172" y="1308"/>
                </a:lnTo>
                <a:lnTo>
                  <a:pt x="7186" y="1312"/>
                </a:lnTo>
                <a:lnTo>
                  <a:pt x="7198" y="1318"/>
                </a:lnTo>
                <a:lnTo>
                  <a:pt x="7210" y="1327"/>
                </a:lnTo>
                <a:lnTo>
                  <a:pt x="7219" y="1335"/>
                </a:lnTo>
                <a:lnTo>
                  <a:pt x="7224" y="1341"/>
                </a:lnTo>
                <a:lnTo>
                  <a:pt x="7228" y="1347"/>
                </a:lnTo>
                <a:lnTo>
                  <a:pt x="7232" y="1354"/>
                </a:lnTo>
                <a:lnTo>
                  <a:pt x="7235" y="1360"/>
                </a:lnTo>
                <a:lnTo>
                  <a:pt x="7242" y="1375"/>
                </a:lnTo>
                <a:lnTo>
                  <a:pt x="7246" y="1392"/>
                </a:lnTo>
                <a:lnTo>
                  <a:pt x="7248" y="1412"/>
                </a:lnTo>
                <a:lnTo>
                  <a:pt x="7249" y="1434"/>
                </a:lnTo>
                <a:lnTo>
                  <a:pt x="7152" y="1434"/>
                </a:lnTo>
                <a:lnTo>
                  <a:pt x="7120" y="1435"/>
                </a:lnTo>
                <a:lnTo>
                  <a:pt x="7084" y="1436"/>
                </a:lnTo>
                <a:lnTo>
                  <a:pt x="7050" y="1438"/>
                </a:lnTo>
                <a:lnTo>
                  <a:pt x="7015" y="1440"/>
                </a:lnTo>
                <a:lnTo>
                  <a:pt x="6981" y="1444"/>
                </a:lnTo>
                <a:lnTo>
                  <a:pt x="6948" y="1450"/>
                </a:lnTo>
                <a:lnTo>
                  <a:pt x="6919" y="1455"/>
                </a:lnTo>
                <a:lnTo>
                  <a:pt x="6893" y="1463"/>
                </a:lnTo>
                <a:lnTo>
                  <a:pt x="6879" y="1467"/>
                </a:lnTo>
                <a:lnTo>
                  <a:pt x="6866" y="1473"/>
                </a:lnTo>
                <a:lnTo>
                  <a:pt x="6853" y="1479"/>
                </a:lnTo>
                <a:lnTo>
                  <a:pt x="6841" y="1486"/>
                </a:lnTo>
                <a:lnTo>
                  <a:pt x="6829" y="1493"/>
                </a:lnTo>
                <a:lnTo>
                  <a:pt x="6817" y="1501"/>
                </a:lnTo>
                <a:lnTo>
                  <a:pt x="6806" y="1511"/>
                </a:lnTo>
                <a:lnTo>
                  <a:pt x="6796" y="1520"/>
                </a:lnTo>
                <a:lnTo>
                  <a:pt x="6786" y="1531"/>
                </a:lnTo>
                <a:lnTo>
                  <a:pt x="6777" y="1543"/>
                </a:lnTo>
                <a:lnTo>
                  <a:pt x="6771" y="1554"/>
                </a:lnTo>
                <a:lnTo>
                  <a:pt x="6765" y="1567"/>
                </a:lnTo>
                <a:lnTo>
                  <a:pt x="6759" y="1581"/>
                </a:lnTo>
                <a:lnTo>
                  <a:pt x="6756" y="1596"/>
                </a:lnTo>
                <a:lnTo>
                  <a:pt x="6753" y="1611"/>
                </a:lnTo>
                <a:lnTo>
                  <a:pt x="6753" y="1628"/>
                </a:lnTo>
                <a:lnTo>
                  <a:pt x="6753" y="1641"/>
                </a:lnTo>
                <a:lnTo>
                  <a:pt x="6754" y="1654"/>
                </a:lnTo>
                <a:lnTo>
                  <a:pt x="6756" y="1667"/>
                </a:lnTo>
                <a:lnTo>
                  <a:pt x="6758" y="1678"/>
                </a:lnTo>
                <a:lnTo>
                  <a:pt x="6761" y="1690"/>
                </a:lnTo>
                <a:lnTo>
                  <a:pt x="6766" y="1701"/>
                </a:lnTo>
                <a:lnTo>
                  <a:pt x="6770" y="1710"/>
                </a:lnTo>
                <a:lnTo>
                  <a:pt x="6774" y="1720"/>
                </a:lnTo>
                <a:lnTo>
                  <a:pt x="6781" y="1730"/>
                </a:lnTo>
                <a:lnTo>
                  <a:pt x="6786" y="1738"/>
                </a:lnTo>
                <a:lnTo>
                  <a:pt x="6793" y="1747"/>
                </a:lnTo>
                <a:lnTo>
                  <a:pt x="6800" y="1755"/>
                </a:lnTo>
                <a:lnTo>
                  <a:pt x="6808" y="1762"/>
                </a:lnTo>
                <a:lnTo>
                  <a:pt x="6816" y="1769"/>
                </a:lnTo>
                <a:lnTo>
                  <a:pt x="6826" y="1776"/>
                </a:lnTo>
                <a:lnTo>
                  <a:pt x="6834" y="1782"/>
                </a:lnTo>
                <a:lnTo>
                  <a:pt x="6844" y="1787"/>
                </a:lnTo>
                <a:lnTo>
                  <a:pt x="6853" y="1793"/>
                </a:lnTo>
                <a:lnTo>
                  <a:pt x="6864" y="1797"/>
                </a:lnTo>
                <a:lnTo>
                  <a:pt x="6875" y="1802"/>
                </a:lnTo>
                <a:lnTo>
                  <a:pt x="6897" y="1810"/>
                </a:lnTo>
                <a:lnTo>
                  <a:pt x="6921" y="1816"/>
                </a:lnTo>
                <a:lnTo>
                  <a:pt x="6945" y="1820"/>
                </a:lnTo>
                <a:lnTo>
                  <a:pt x="6971" y="1824"/>
                </a:lnTo>
                <a:lnTo>
                  <a:pt x="6997" y="1826"/>
                </a:lnTo>
                <a:lnTo>
                  <a:pt x="7023" y="1826"/>
                </a:lnTo>
                <a:lnTo>
                  <a:pt x="7043" y="1826"/>
                </a:lnTo>
                <a:lnTo>
                  <a:pt x="7062" y="1825"/>
                </a:lnTo>
                <a:lnTo>
                  <a:pt x="7080" y="1824"/>
                </a:lnTo>
                <a:lnTo>
                  <a:pt x="7097" y="1821"/>
                </a:lnTo>
                <a:lnTo>
                  <a:pt x="7113" y="1819"/>
                </a:lnTo>
                <a:lnTo>
                  <a:pt x="7129" y="1816"/>
                </a:lnTo>
                <a:lnTo>
                  <a:pt x="7145" y="1812"/>
                </a:lnTo>
                <a:lnTo>
                  <a:pt x="7160" y="1808"/>
                </a:lnTo>
                <a:lnTo>
                  <a:pt x="7174" y="1802"/>
                </a:lnTo>
                <a:lnTo>
                  <a:pt x="7188" y="1797"/>
                </a:lnTo>
                <a:lnTo>
                  <a:pt x="7201" y="1790"/>
                </a:lnTo>
                <a:lnTo>
                  <a:pt x="7213" y="1784"/>
                </a:lnTo>
                <a:lnTo>
                  <a:pt x="7226" y="1777"/>
                </a:lnTo>
                <a:lnTo>
                  <a:pt x="7236" y="1768"/>
                </a:lnTo>
                <a:lnTo>
                  <a:pt x="7247" y="1758"/>
                </a:lnTo>
                <a:lnTo>
                  <a:pt x="7258" y="1749"/>
                </a:lnTo>
                <a:lnTo>
                  <a:pt x="7261" y="1749"/>
                </a:lnTo>
                <a:lnTo>
                  <a:pt x="7261" y="1812"/>
                </a:lnTo>
                <a:lnTo>
                  <a:pt x="7441" y="1812"/>
                </a:lnTo>
                <a:lnTo>
                  <a:pt x="7441" y="1422"/>
                </a:lnTo>
                <a:close/>
                <a:moveTo>
                  <a:pt x="7249" y="1645"/>
                </a:moveTo>
                <a:lnTo>
                  <a:pt x="7237" y="1654"/>
                </a:lnTo>
                <a:lnTo>
                  <a:pt x="7226" y="1661"/>
                </a:lnTo>
                <a:lnTo>
                  <a:pt x="7214" y="1669"/>
                </a:lnTo>
                <a:lnTo>
                  <a:pt x="7201" y="1675"/>
                </a:lnTo>
                <a:lnTo>
                  <a:pt x="7189" y="1680"/>
                </a:lnTo>
                <a:lnTo>
                  <a:pt x="7178" y="1686"/>
                </a:lnTo>
                <a:lnTo>
                  <a:pt x="7166" y="1690"/>
                </a:lnTo>
                <a:lnTo>
                  <a:pt x="7154" y="1694"/>
                </a:lnTo>
                <a:lnTo>
                  <a:pt x="7132" y="1701"/>
                </a:lnTo>
                <a:lnTo>
                  <a:pt x="7109" y="1705"/>
                </a:lnTo>
                <a:lnTo>
                  <a:pt x="7087" y="1707"/>
                </a:lnTo>
                <a:lnTo>
                  <a:pt x="7065" y="1709"/>
                </a:lnTo>
                <a:lnTo>
                  <a:pt x="7052" y="1709"/>
                </a:lnTo>
                <a:lnTo>
                  <a:pt x="7041" y="1708"/>
                </a:lnTo>
                <a:lnTo>
                  <a:pt x="7029" y="1707"/>
                </a:lnTo>
                <a:lnTo>
                  <a:pt x="7018" y="1706"/>
                </a:lnTo>
                <a:lnTo>
                  <a:pt x="7007" y="1703"/>
                </a:lnTo>
                <a:lnTo>
                  <a:pt x="6999" y="1701"/>
                </a:lnTo>
                <a:lnTo>
                  <a:pt x="6989" y="1696"/>
                </a:lnTo>
                <a:lnTo>
                  <a:pt x="6982" y="1692"/>
                </a:lnTo>
                <a:lnTo>
                  <a:pt x="6974" y="1687"/>
                </a:lnTo>
                <a:lnTo>
                  <a:pt x="6968" y="1680"/>
                </a:lnTo>
                <a:lnTo>
                  <a:pt x="6962" y="1674"/>
                </a:lnTo>
                <a:lnTo>
                  <a:pt x="6958" y="1665"/>
                </a:lnTo>
                <a:lnTo>
                  <a:pt x="6955" y="1657"/>
                </a:lnTo>
                <a:lnTo>
                  <a:pt x="6952" y="1647"/>
                </a:lnTo>
                <a:lnTo>
                  <a:pt x="6951" y="1637"/>
                </a:lnTo>
                <a:lnTo>
                  <a:pt x="6950" y="1625"/>
                </a:lnTo>
                <a:lnTo>
                  <a:pt x="6950" y="1618"/>
                </a:lnTo>
                <a:lnTo>
                  <a:pt x="6951" y="1611"/>
                </a:lnTo>
                <a:lnTo>
                  <a:pt x="6953" y="1606"/>
                </a:lnTo>
                <a:lnTo>
                  <a:pt x="6955" y="1599"/>
                </a:lnTo>
                <a:lnTo>
                  <a:pt x="6957" y="1594"/>
                </a:lnTo>
                <a:lnTo>
                  <a:pt x="6960" y="1589"/>
                </a:lnTo>
                <a:lnTo>
                  <a:pt x="6965" y="1584"/>
                </a:lnTo>
                <a:lnTo>
                  <a:pt x="6969" y="1579"/>
                </a:lnTo>
                <a:lnTo>
                  <a:pt x="6979" y="1570"/>
                </a:lnTo>
                <a:lnTo>
                  <a:pt x="6991" y="1564"/>
                </a:lnTo>
                <a:lnTo>
                  <a:pt x="7004" y="1558"/>
                </a:lnTo>
                <a:lnTo>
                  <a:pt x="7020" y="1552"/>
                </a:lnTo>
                <a:lnTo>
                  <a:pt x="7036" y="1548"/>
                </a:lnTo>
                <a:lnTo>
                  <a:pt x="7055" y="1545"/>
                </a:lnTo>
                <a:lnTo>
                  <a:pt x="7074" y="1542"/>
                </a:lnTo>
                <a:lnTo>
                  <a:pt x="7094" y="1539"/>
                </a:lnTo>
                <a:lnTo>
                  <a:pt x="7136" y="1537"/>
                </a:lnTo>
                <a:lnTo>
                  <a:pt x="7181" y="1536"/>
                </a:lnTo>
                <a:lnTo>
                  <a:pt x="7249" y="1536"/>
                </a:lnTo>
                <a:lnTo>
                  <a:pt x="7249" y="1645"/>
                </a:lnTo>
                <a:close/>
                <a:moveTo>
                  <a:pt x="1757" y="1011"/>
                </a:moveTo>
                <a:lnTo>
                  <a:pt x="1757" y="1498"/>
                </a:lnTo>
                <a:lnTo>
                  <a:pt x="1756" y="1518"/>
                </a:lnTo>
                <a:lnTo>
                  <a:pt x="1754" y="1537"/>
                </a:lnTo>
                <a:lnTo>
                  <a:pt x="1752" y="1554"/>
                </a:lnTo>
                <a:lnTo>
                  <a:pt x="1747" y="1571"/>
                </a:lnTo>
                <a:lnTo>
                  <a:pt x="1742" y="1588"/>
                </a:lnTo>
                <a:lnTo>
                  <a:pt x="1734" y="1602"/>
                </a:lnTo>
                <a:lnTo>
                  <a:pt x="1727" y="1615"/>
                </a:lnTo>
                <a:lnTo>
                  <a:pt x="1717" y="1628"/>
                </a:lnTo>
                <a:lnTo>
                  <a:pt x="1707" y="1639"/>
                </a:lnTo>
                <a:lnTo>
                  <a:pt x="1695" y="1648"/>
                </a:lnTo>
                <a:lnTo>
                  <a:pt x="1681" y="1657"/>
                </a:lnTo>
                <a:lnTo>
                  <a:pt x="1666" y="1663"/>
                </a:lnTo>
                <a:lnTo>
                  <a:pt x="1650" y="1669"/>
                </a:lnTo>
                <a:lnTo>
                  <a:pt x="1633" y="1673"/>
                </a:lnTo>
                <a:lnTo>
                  <a:pt x="1614" y="1676"/>
                </a:lnTo>
                <a:lnTo>
                  <a:pt x="1593" y="1677"/>
                </a:lnTo>
                <a:lnTo>
                  <a:pt x="1578" y="1677"/>
                </a:lnTo>
                <a:lnTo>
                  <a:pt x="1559" y="1676"/>
                </a:lnTo>
                <a:lnTo>
                  <a:pt x="1538" y="1676"/>
                </a:lnTo>
                <a:lnTo>
                  <a:pt x="1515" y="1674"/>
                </a:lnTo>
                <a:lnTo>
                  <a:pt x="1491" y="1672"/>
                </a:lnTo>
                <a:lnTo>
                  <a:pt x="1465" y="1670"/>
                </a:lnTo>
                <a:lnTo>
                  <a:pt x="1439" y="1665"/>
                </a:lnTo>
                <a:lnTo>
                  <a:pt x="1413" y="1660"/>
                </a:lnTo>
                <a:lnTo>
                  <a:pt x="1413" y="1813"/>
                </a:lnTo>
                <a:lnTo>
                  <a:pt x="1439" y="1816"/>
                </a:lnTo>
                <a:lnTo>
                  <a:pt x="1466" y="1819"/>
                </a:lnTo>
                <a:lnTo>
                  <a:pt x="1494" y="1821"/>
                </a:lnTo>
                <a:lnTo>
                  <a:pt x="1523" y="1824"/>
                </a:lnTo>
                <a:lnTo>
                  <a:pt x="1550" y="1825"/>
                </a:lnTo>
                <a:lnTo>
                  <a:pt x="1578" y="1826"/>
                </a:lnTo>
                <a:lnTo>
                  <a:pt x="1605" y="1826"/>
                </a:lnTo>
                <a:lnTo>
                  <a:pt x="1631" y="1826"/>
                </a:lnTo>
                <a:lnTo>
                  <a:pt x="1651" y="1826"/>
                </a:lnTo>
                <a:lnTo>
                  <a:pt x="1671" y="1825"/>
                </a:lnTo>
                <a:lnTo>
                  <a:pt x="1692" y="1823"/>
                </a:lnTo>
                <a:lnTo>
                  <a:pt x="1711" y="1820"/>
                </a:lnTo>
                <a:lnTo>
                  <a:pt x="1729" y="1817"/>
                </a:lnTo>
                <a:lnTo>
                  <a:pt x="1747" y="1814"/>
                </a:lnTo>
                <a:lnTo>
                  <a:pt x="1766" y="1810"/>
                </a:lnTo>
                <a:lnTo>
                  <a:pt x="1782" y="1804"/>
                </a:lnTo>
                <a:lnTo>
                  <a:pt x="1799" y="1799"/>
                </a:lnTo>
                <a:lnTo>
                  <a:pt x="1814" y="1793"/>
                </a:lnTo>
                <a:lnTo>
                  <a:pt x="1830" y="1786"/>
                </a:lnTo>
                <a:lnTo>
                  <a:pt x="1844" y="1779"/>
                </a:lnTo>
                <a:lnTo>
                  <a:pt x="1858" y="1771"/>
                </a:lnTo>
                <a:lnTo>
                  <a:pt x="1871" y="1763"/>
                </a:lnTo>
                <a:lnTo>
                  <a:pt x="1884" y="1753"/>
                </a:lnTo>
                <a:lnTo>
                  <a:pt x="1896" y="1743"/>
                </a:lnTo>
                <a:lnTo>
                  <a:pt x="1908" y="1734"/>
                </a:lnTo>
                <a:lnTo>
                  <a:pt x="1919" y="1723"/>
                </a:lnTo>
                <a:lnTo>
                  <a:pt x="1928" y="1711"/>
                </a:lnTo>
                <a:lnTo>
                  <a:pt x="1938" y="1701"/>
                </a:lnTo>
                <a:lnTo>
                  <a:pt x="1946" y="1688"/>
                </a:lnTo>
                <a:lnTo>
                  <a:pt x="1954" y="1675"/>
                </a:lnTo>
                <a:lnTo>
                  <a:pt x="1961" y="1662"/>
                </a:lnTo>
                <a:lnTo>
                  <a:pt x="1968" y="1648"/>
                </a:lnTo>
                <a:lnTo>
                  <a:pt x="1974" y="1635"/>
                </a:lnTo>
                <a:lnTo>
                  <a:pt x="1978" y="1621"/>
                </a:lnTo>
                <a:lnTo>
                  <a:pt x="1983" y="1606"/>
                </a:lnTo>
                <a:lnTo>
                  <a:pt x="1987" y="1590"/>
                </a:lnTo>
                <a:lnTo>
                  <a:pt x="1989" y="1574"/>
                </a:lnTo>
                <a:lnTo>
                  <a:pt x="1991" y="1558"/>
                </a:lnTo>
                <a:lnTo>
                  <a:pt x="1992" y="1542"/>
                </a:lnTo>
                <a:lnTo>
                  <a:pt x="1993" y="1524"/>
                </a:lnTo>
                <a:lnTo>
                  <a:pt x="1993" y="1011"/>
                </a:lnTo>
                <a:lnTo>
                  <a:pt x="1757" y="1011"/>
                </a:lnTo>
                <a:close/>
                <a:moveTo>
                  <a:pt x="5777" y="1178"/>
                </a:moveTo>
                <a:lnTo>
                  <a:pt x="5761" y="1179"/>
                </a:lnTo>
                <a:lnTo>
                  <a:pt x="5745" y="1179"/>
                </a:lnTo>
                <a:lnTo>
                  <a:pt x="5730" y="1182"/>
                </a:lnTo>
                <a:lnTo>
                  <a:pt x="5715" y="1184"/>
                </a:lnTo>
                <a:lnTo>
                  <a:pt x="5700" y="1187"/>
                </a:lnTo>
                <a:lnTo>
                  <a:pt x="5685" y="1190"/>
                </a:lnTo>
                <a:lnTo>
                  <a:pt x="5671" y="1194"/>
                </a:lnTo>
                <a:lnTo>
                  <a:pt x="5657" y="1201"/>
                </a:lnTo>
                <a:lnTo>
                  <a:pt x="5644" y="1207"/>
                </a:lnTo>
                <a:lnTo>
                  <a:pt x="5630" y="1215"/>
                </a:lnTo>
                <a:lnTo>
                  <a:pt x="5619" y="1223"/>
                </a:lnTo>
                <a:lnTo>
                  <a:pt x="5607" y="1233"/>
                </a:lnTo>
                <a:lnTo>
                  <a:pt x="5595" y="1245"/>
                </a:lnTo>
                <a:lnTo>
                  <a:pt x="5584" y="1256"/>
                </a:lnTo>
                <a:lnTo>
                  <a:pt x="5574" y="1270"/>
                </a:lnTo>
                <a:lnTo>
                  <a:pt x="5564" y="1286"/>
                </a:lnTo>
                <a:lnTo>
                  <a:pt x="5562" y="1286"/>
                </a:lnTo>
                <a:lnTo>
                  <a:pt x="5562" y="1191"/>
                </a:lnTo>
                <a:lnTo>
                  <a:pt x="5372" y="1191"/>
                </a:lnTo>
                <a:lnTo>
                  <a:pt x="5372" y="1812"/>
                </a:lnTo>
                <a:lnTo>
                  <a:pt x="5578" y="1812"/>
                </a:lnTo>
                <a:lnTo>
                  <a:pt x="5578" y="1508"/>
                </a:lnTo>
                <a:lnTo>
                  <a:pt x="5579" y="1485"/>
                </a:lnTo>
                <a:lnTo>
                  <a:pt x="5580" y="1465"/>
                </a:lnTo>
                <a:lnTo>
                  <a:pt x="5582" y="1445"/>
                </a:lnTo>
                <a:lnTo>
                  <a:pt x="5585" y="1429"/>
                </a:lnTo>
                <a:lnTo>
                  <a:pt x="5589" y="1414"/>
                </a:lnTo>
                <a:lnTo>
                  <a:pt x="5593" y="1403"/>
                </a:lnTo>
                <a:lnTo>
                  <a:pt x="5597" y="1391"/>
                </a:lnTo>
                <a:lnTo>
                  <a:pt x="5603" y="1382"/>
                </a:lnTo>
                <a:lnTo>
                  <a:pt x="5611" y="1369"/>
                </a:lnTo>
                <a:lnTo>
                  <a:pt x="5621" y="1357"/>
                </a:lnTo>
                <a:lnTo>
                  <a:pt x="5631" y="1347"/>
                </a:lnTo>
                <a:lnTo>
                  <a:pt x="5643" y="1338"/>
                </a:lnTo>
                <a:lnTo>
                  <a:pt x="5656" y="1330"/>
                </a:lnTo>
                <a:lnTo>
                  <a:pt x="5671" y="1325"/>
                </a:lnTo>
                <a:lnTo>
                  <a:pt x="5688" y="1319"/>
                </a:lnTo>
                <a:lnTo>
                  <a:pt x="5706" y="1316"/>
                </a:lnTo>
                <a:lnTo>
                  <a:pt x="5717" y="1315"/>
                </a:lnTo>
                <a:lnTo>
                  <a:pt x="5729" y="1315"/>
                </a:lnTo>
                <a:lnTo>
                  <a:pt x="5742" y="1315"/>
                </a:lnTo>
                <a:lnTo>
                  <a:pt x="5753" y="1316"/>
                </a:lnTo>
                <a:lnTo>
                  <a:pt x="5766" y="1318"/>
                </a:lnTo>
                <a:lnTo>
                  <a:pt x="5779" y="1321"/>
                </a:lnTo>
                <a:lnTo>
                  <a:pt x="5791" y="1326"/>
                </a:lnTo>
                <a:lnTo>
                  <a:pt x="5802" y="1331"/>
                </a:lnTo>
                <a:lnTo>
                  <a:pt x="5894" y="1201"/>
                </a:lnTo>
                <a:lnTo>
                  <a:pt x="5880" y="1195"/>
                </a:lnTo>
                <a:lnTo>
                  <a:pt x="5866" y="1191"/>
                </a:lnTo>
                <a:lnTo>
                  <a:pt x="5852" y="1187"/>
                </a:lnTo>
                <a:lnTo>
                  <a:pt x="5838" y="1184"/>
                </a:lnTo>
                <a:lnTo>
                  <a:pt x="5824" y="1182"/>
                </a:lnTo>
                <a:lnTo>
                  <a:pt x="5809" y="1180"/>
                </a:lnTo>
                <a:lnTo>
                  <a:pt x="5793" y="1179"/>
                </a:lnTo>
                <a:lnTo>
                  <a:pt x="5777" y="1178"/>
                </a:lnTo>
                <a:close/>
              </a:path>
            </a:pathLst>
          </a:custGeom>
          <a:solidFill>
            <a:schemeClr val="bg2"/>
          </a:solidFill>
          <a:ln w="9525" cap="flat" cmpd="sng">
            <a:noFill/>
            <a:prstDash val="solid"/>
            <a:round/>
            <a:headEnd type="none" w="med" len="med"/>
            <a:tailEnd type="none" w="med" len="med"/>
          </a:ln>
          <a:effectLst/>
        </p:spPr>
        <p:txBody>
          <a:bodyPr/>
          <a:lstStyle/>
          <a:p>
            <a:pPr>
              <a:defRPr/>
            </a:pPr>
            <a:endParaRPr lang="en-US"/>
          </a:p>
        </p:txBody>
      </p:sp>
      <p:sp>
        <p:nvSpPr>
          <p:cNvPr id="10" name="Freeform 12" hidden="1"/>
          <p:cNvSpPr>
            <a:spLocks noChangeAspect="1" noEditPoints="1"/>
          </p:cNvSpPr>
          <p:nvPr>
            <p:custDataLst>
              <p:tags r:id="rId7"/>
            </p:custDataLst>
          </p:nvPr>
        </p:nvSpPr>
        <p:spPr bwMode="gray">
          <a:xfrm>
            <a:off x="-2514600" y="2492375"/>
            <a:ext cx="2286000" cy="328613"/>
          </a:xfrm>
          <a:custGeom>
            <a:avLst/>
            <a:gdLst/>
            <a:ahLst/>
            <a:cxnLst>
              <a:cxn ang="0">
                <a:pos x="3034" y="1717"/>
              </a:cxn>
              <a:cxn ang="0">
                <a:pos x="2729" y="2264"/>
              </a:cxn>
              <a:cxn ang="0">
                <a:pos x="3375" y="1599"/>
              </a:cxn>
              <a:cxn ang="0">
                <a:pos x="2901" y="1263"/>
              </a:cxn>
              <a:cxn ang="0">
                <a:pos x="8883" y="1654"/>
              </a:cxn>
              <a:cxn ang="0">
                <a:pos x="9338" y="1823"/>
              </a:cxn>
              <a:cxn ang="0">
                <a:pos x="3796" y="2264"/>
              </a:cxn>
              <a:cxn ang="0">
                <a:pos x="5535" y="2117"/>
              </a:cxn>
              <a:cxn ang="0">
                <a:pos x="5236" y="1931"/>
              </a:cxn>
              <a:cxn ang="0">
                <a:pos x="5489" y="1623"/>
              </a:cxn>
              <a:cxn ang="0">
                <a:pos x="5877" y="1716"/>
              </a:cxn>
              <a:cxn ang="0">
                <a:pos x="5271" y="1489"/>
              </a:cxn>
              <a:cxn ang="0">
                <a:pos x="5039" y="2076"/>
              </a:cxn>
              <a:cxn ang="0">
                <a:pos x="5669" y="2249"/>
              </a:cxn>
              <a:cxn ang="0">
                <a:pos x="7151" y="1499"/>
              </a:cxn>
              <a:cxn ang="0">
                <a:pos x="6636" y="1748"/>
              </a:cxn>
              <a:cxn ang="0">
                <a:pos x="6854" y="2251"/>
              </a:cxn>
              <a:cxn ang="0">
                <a:pos x="7238" y="2249"/>
              </a:cxn>
              <a:cxn ang="0">
                <a:pos x="6789" y="2411"/>
              </a:cxn>
              <a:cxn ang="0">
                <a:pos x="7406" y="2417"/>
              </a:cxn>
              <a:cxn ang="0">
                <a:pos x="6888" y="2019"/>
              </a:cxn>
              <a:cxn ang="0">
                <a:pos x="7075" y="1633"/>
              </a:cxn>
              <a:cxn ang="0">
                <a:pos x="7177" y="2056"/>
              </a:cxn>
              <a:cxn ang="0">
                <a:pos x="8244" y="1524"/>
              </a:cxn>
              <a:cxn ang="0">
                <a:pos x="8014" y="1623"/>
              </a:cxn>
              <a:cxn ang="0">
                <a:pos x="7738" y="1834"/>
              </a:cxn>
              <a:cxn ang="0">
                <a:pos x="7709" y="2241"/>
              </a:cxn>
              <a:cxn ang="0">
                <a:pos x="8126" y="2077"/>
              </a:cxn>
              <a:cxn ang="0">
                <a:pos x="7833" y="1980"/>
              </a:cxn>
              <a:cxn ang="0">
                <a:pos x="1891" y="2071"/>
              </a:cxn>
              <a:cxn ang="0">
                <a:pos x="2005" y="2256"/>
              </a:cxn>
              <a:cxn ang="0">
                <a:pos x="6394" y="1488"/>
              </a:cxn>
              <a:cxn ang="0">
                <a:pos x="6369" y="1659"/>
              </a:cxn>
              <a:cxn ang="0">
                <a:pos x="13218" y="1531"/>
              </a:cxn>
              <a:cxn ang="0">
                <a:pos x="13436" y="1658"/>
              </a:cxn>
              <a:cxn ang="0">
                <a:pos x="13690" y="1597"/>
              </a:cxn>
              <a:cxn ang="0">
                <a:pos x="11466" y="1560"/>
              </a:cxn>
              <a:cxn ang="0">
                <a:pos x="11098" y="1621"/>
              </a:cxn>
              <a:cxn ang="0">
                <a:pos x="10971" y="1816"/>
              </a:cxn>
              <a:cxn ang="0">
                <a:pos x="10841" y="2211"/>
              </a:cxn>
              <a:cxn ang="0">
                <a:pos x="11542" y="2264"/>
              </a:cxn>
              <a:cxn ang="0">
                <a:pos x="10994" y="2007"/>
              </a:cxn>
              <a:cxn ang="0">
                <a:pos x="11982" y="1529"/>
              </a:cxn>
              <a:cxn ang="0">
                <a:pos x="12106" y="1643"/>
              </a:cxn>
              <a:cxn ang="0">
                <a:pos x="14967" y="1607"/>
              </a:cxn>
              <a:cxn ang="0">
                <a:pos x="15236" y="1664"/>
              </a:cxn>
              <a:cxn ang="0">
                <a:pos x="10108" y="1741"/>
              </a:cxn>
              <a:cxn ang="0">
                <a:pos x="10529" y="1878"/>
              </a:cxn>
              <a:cxn ang="0">
                <a:pos x="10711" y="1417"/>
              </a:cxn>
              <a:cxn ang="0">
                <a:pos x="14401" y="1686"/>
              </a:cxn>
              <a:cxn ang="0">
                <a:pos x="14525" y="2098"/>
              </a:cxn>
              <a:cxn ang="0">
                <a:pos x="14638" y="1929"/>
              </a:cxn>
              <a:cxn ang="0">
                <a:pos x="14381" y="1489"/>
              </a:cxn>
              <a:cxn ang="0">
                <a:pos x="13868" y="1787"/>
              </a:cxn>
              <a:cxn ang="0">
                <a:pos x="14212" y="2277"/>
              </a:cxn>
              <a:cxn ang="0">
                <a:pos x="12408" y="2213"/>
              </a:cxn>
              <a:cxn ang="0">
                <a:pos x="12680" y="2126"/>
              </a:cxn>
              <a:cxn ang="0">
                <a:pos x="15426" y="1559"/>
              </a:cxn>
              <a:cxn ang="0">
                <a:pos x="15535" y="1926"/>
              </a:cxn>
              <a:cxn ang="0">
                <a:pos x="15564" y="2131"/>
              </a:cxn>
              <a:cxn ang="0">
                <a:pos x="15974" y="2176"/>
              </a:cxn>
              <a:cxn ang="0">
                <a:pos x="15793" y="1794"/>
              </a:cxn>
              <a:cxn ang="0">
                <a:pos x="15843" y="1628"/>
              </a:cxn>
            </a:cxnLst>
            <a:rect l="0" t="0" r="r" b="b"/>
            <a:pathLst>
              <a:path w="16020" h="2600">
                <a:moveTo>
                  <a:pt x="1589" y="601"/>
                </a:moveTo>
                <a:lnTo>
                  <a:pt x="1138" y="601"/>
                </a:lnTo>
                <a:lnTo>
                  <a:pt x="1138" y="1763"/>
                </a:lnTo>
                <a:lnTo>
                  <a:pt x="1589" y="1263"/>
                </a:lnTo>
                <a:lnTo>
                  <a:pt x="1589" y="601"/>
                </a:lnTo>
                <a:close/>
                <a:moveTo>
                  <a:pt x="541" y="0"/>
                </a:moveTo>
                <a:lnTo>
                  <a:pt x="541" y="500"/>
                </a:lnTo>
                <a:lnTo>
                  <a:pt x="1589" y="500"/>
                </a:lnTo>
                <a:lnTo>
                  <a:pt x="1138" y="0"/>
                </a:lnTo>
                <a:lnTo>
                  <a:pt x="541" y="0"/>
                </a:lnTo>
                <a:close/>
                <a:moveTo>
                  <a:pt x="1047" y="1763"/>
                </a:moveTo>
                <a:lnTo>
                  <a:pt x="1047" y="1263"/>
                </a:lnTo>
                <a:lnTo>
                  <a:pt x="0" y="1263"/>
                </a:lnTo>
                <a:lnTo>
                  <a:pt x="451" y="1763"/>
                </a:lnTo>
                <a:lnTo>
                  <a:pt x="1047" y="1763"/>
                </a:lnTo>
                <a:close/>
                <a:moveTo>
                  <a:pt x="0" y="1163"/>
                </a:moveTo>
                <a:lnTo>
                  <a:pt x="451" y="1163"/>
                </a:lnTo>
                <a:lnTo>
                  <a:pt x="451" y="0"/>
                </a:lnTo>
                <a:lnTo>
                  <a:pt x="0" y="500"/>
                </a:lnTo>
                <a:lnTo>
                  <a:pt x="0" y="1163"/>
                </a:lnTo>
                <a:close/>
                <a:moveTo>
                  <a:pt x="3110" y="1578"/>
                </a:moveTo>
                <a:lnTo>
                  <a:pt x="3110" y="1590"/>
                </a:lnTo>
                <a:lnTo>
                  <a:pt x="3109" y="1603"/>
                </a:lnTo>
                <a:lnTo>
                  <a:pt x="3106" y="1618"/>
                </a:lnTo>
                <a:lnTo>
                  <a:pt x="3103" y="1631"/>
                </a:lnTo>
                <a:lnTo>
                  <a:pt x="3098" y="1646"/>
                </a:lnTo>
                <a:lnTo>
                  <a:pt x="3092" y="1659"/>
                </a:lnTo>
                <a:lnTo>
                  <a:pt x="3084" y="1672"/>
                </a:lnTo>
                <a:lnTo>
                  <a:pt x="3074" y="1684"/>
                </a:lnTo>
                <a:lnTo>
                  <a:pt x="3063" y="1697"/>
                </a:lnTo>
                <a:lnTo>
                  <a:pt x="3049" y="1707"/>
                </a:lnTo>
                <a:lnTo>
                  <a:pt x="3042" y="1712"/>
                </a:lnTo>
                <a:lnTo>
                  <a:pt x="3034" y="1717"/>
                </a:lnTo>
                <a:lnTo>
                  <a:pt x="3025" y="1721"/>
                </a:lnTo>
                <a:lnTo>
                  <a:pt x="3016" y="1726"/>
                </a:lnTo>
                <a:lnTo>
                  <a:pt x="3006" y="1729"/>
                </a:lnTo>
                <a:lnTo>
                  <a:pt x="2996" y="1732"/>
                </a:lnTo>
                <a:lnTo>
                  <a:pt x="2985" y="1734"/>
                </a:lnTo>
                <a:lnTo>
                  <a:pt x="2973" y="1737"/>
                </a:lnTo>
                <a:lnTo>
                  <a:pt x="2961" y="1739"/>
                </a:lnTo>
                <a:lnTo>
                  <a:pt x="2948" y="1740"/>
                </a:lnTo>
                <a:lnTo>
                  <a:pt x="2934" y="1741"/>
                </a:lnTo>
                <a:lnTo>
                  <a:pt x="2920" y="1741"/>
                </a:lnTo>
                <a:lnTo>
                  <a:pt x="2729" y="1741"/>
                </a:lnTo>
                <a:lnTo>
                  <a:pt x="2729" y="1430"/>
                </a:lnTo>
                <a:lnTo>
                  <a:pt x="2920" y="1430"/>
                </a:lnTo>
                <a:lnTo>
                  <a:pt x="2948" y="1431"/>
                </a:lnTo>
                <a:lnTo>
                  <a:pt x="2973" y="1433"/>
                </a:lnTo>
                <a:lnTo>
                  <a:pt x="2996" y="1438"/>
                </a:lnTo>
                <a:lnTo>
                  <a:pt x="3016" y="1443"/>
                </a:lnTo>
                <a:lnTo>
                  <a:pt x="3034" y="1451"/>
                </a:lnTo>
                <a:lnTo>
                  <a:pt x="3049" y="1460"/>
                </a:lnTo>
                <a:lnTo>
                  <a:pt x="3063" y="1469"/>
                </a:lnTo>
                <a:lnTo>
                  <a:pt x="3074" y="1479"/>
                </a:lnTo>
                <a:lnTo>
                  <a:pt x="3084" y="1491"/>
                </a:lnTo>
                <a:lnTo>
                  <a:pt x="3092" y="1502"/>
                </a:lnTo>
                <a:lnTo>
                  <a:pt x="3098" y="1514"/>
                </a:lnTo>
                <a:lnTo>
                  <a:pt x="3103" y="1527"/>
                </a:lnTo>
                <a:lnTo>
                  <a:pt x="3106" y="1540"/>
                </a:lnTo>
                <a:lnTo>
                  <a:pt x="3109" y="1552"/>
                </a:lnTo>
                <a:lnTo>
                  <a:pt x="3110" y="1566"/>
                </a:lnTo>
                <a:lnTo>
                  <a:pt x="3110" y="1578"/>
                </a:lnTo>
                <a:close/>
                <a:moveTo>
                  <a:pt x="2901" y="1263"/>
                </a:moveTo>
                <a:lnTo>
                  <a:pt x="2463" y="1263"/>
                </a:lnTo>
                <a:lnTo>
                  <a:pt x="2463" y="2264"/>
                </a:lnTo>
                <a:lnTo>
                  <a:pt x="2729" y="2264"/>
                </a:lnTo>
                <a:lnTo>
                  <a:pt x="2729" y="1909"/>
                </a:lnTo>
                <a:lnTo>
                  <a:pt x="2957" y="1909"/>
                </a:lnTo>
                <a:lnTo>
                  <a:pt x="2982" y="1909"/>
                </a:lnTo>
                <a:lnTo>
                  <a:pt x="3005" y="1908"/>
                </a:lnTo>
                <a:lnTo>
                  <a:pt x="3028" y="1906"/>
                </a:lnTo>
                <a:lnTo>
                  <a:pt x="3050" y="1903"/>
                </a:lnTo>
                <a:lnTo>
                  <a:pt x="3072" y="1899"/>
                </a:lnTo>
                <a:lnTo>
                  <a:pt x="3093" y="1896"/>
                </a:lnTo>
                <a:lnTo>
                  <a:pt x="3113" y="1890"/>
                </a:lnTo>
                <a:lnTo>
                  <a:pt x="3133" y="1884"/>
                </a:lnTo>
                <a:lnTo>
                  <a:pt x="3152" y="1878"/>
                </a:lnTo>
                <a:lnTo>
                  <a:pt x="3170" y="1871"/>
                </a:lnTo>
                <a:lnTo>
                  <a:pt x="3188" y="1863"/>
                </a:lnTo>
                <a:lnTo>
                  <a:pt x="3205" y="1854"/>
                </a:lnTo>
                <a:lnTo>
                  <a:pt x="3221" y="1846"/>
                </a:lnTo>
                <a:lnTo>
                  <a:pt x="3236" y="1837"/>
                </a:lnTo>
                <a:lnTo>
                  <a:pt x="3251" y="1826"/>
                </a:lnTo>
                <a:lnTo>
                  <a:pt x="3265" y="1816"/>
                </a:lnTo>
                <a:lnTo>
                  <a:pt x="3278" y="1804"/>
                </a:lnTo>
                <a:lnTo>
                  <a:pt x="3290" y="1792"/>
                </a:lnTo>
                <a:lnTo>
                  <a:pt x="3302" y="1780"/>
                </a:lnTo>
                <a:lnTo>
                  <a:pt x="3312" y="1768"/>
                </a:lnTo>
                <a:lnTo>
                  <a:pt x="3322" y="1754"/>
                </a:lnTo>
                <a:lnTo>
                  <a:pt x="3331" y="1740"/>
                </a:lnTo>
                <a:lnTo>
                  <a:pt x="3340" y="1726"/>
                </a:lnTo>
                <a:lnTo>
                  <a:pt x="3347" y="1711"/>
                </a:lnTo>
                <a:lnTo>
                  <a:pt x="3354" y="1697"/>
                </a:lnTo>
                <a:lnTo>
                  <a:pt x="3359" y="1681"/>
                </a:lnTo>
                <a:lnTo>
                  <a:pt x="3364" y="1666"/>
                </a:lnTo>
                <a:lnTo>
                  <a:pt x="3368" y="1649"/>
                </a:lnTo>
                <a:lnTo>
                  <a:pt x="3371" y="1633"/>
                </a:lnTo>
                <a:lnTo>
                  <a:pt x="3374" y="1617"/>
                </a:lnTo>
                <a:lnTo>
                  <a:pt x="3375" y="1599"/>
                </a:lnTo>
                <a:lnTo>
                  <a:pt x="3376" y="1582"/>
                </a:lnTo>
                <a:lnTo>
                  <a:pt x="3375" y="1563"/>
                </a:lnTo>
                <a:lnTo>
                  <a:pt x="3374" y="1544"/>
                </a:lnTo>
                <a:lnTo>
                  <a:pt x="3372" y="1527"/>
                </a:lnTo>
                <a:lnTo>
                  <a:pt x="3369" y="1509"/>
                </a:lnTo>
                <a:lnTo>
                  <a:pt x="3365" y="1492"/>
                </a:lnTo>
                <a:lnTo>
                  <a:pt x="3361" y="1476"/>
                </a:lnTo>
                <a:lnTo>
                  <a:pt x="3355" y="1460"/>
                </a:lnTo>
                <a:lnTo>
                  <a:pt x="3349" y="1444"/>
                </a:lnTo>
                <a:lnTo>
                  <a:pt x="3341" y="1430"/>
                </a:lnTo>
                <a:lnTo>
                  <a:pt x="3333" y="1417"/>
                </a:lnTo>
                <a:lnTo>
                  <a:pt x="3324" y="1403"/>
                </a:lnTo>
                <a:lnTo>
                  <a:pt x="3314" y="1390"/>
                </a:lnTo>
                <a:lnTo>
                  <a:pt x="3303" y="1378"/>
                </a:lnTo>
                <a:lnTo>
                  <a:pt x="3291" y="1367"/>
                </a:lnTo>
                <a:lnTo>
                  <a:pt x="3278" y="1356"/>
                </a:lnTo>
                <a:lnTo>
                  <a:pt x="3265" y="1346"/>
                </a:lnTo>
                <a:lnTo>
                  <a:pt x="3250" y="1336"/>
                </a:lnTo>
                <a:lnTo>
                  <a:pt x="3234" y="1327"/>
                </a:lnTo>
                <a:lnTo>
                  <a:pt x="3217" y="1318"/>
                </a:lnTo>
                <a:lnTo>
                  <a:pt x="3199" y="1310"/>
                </a:lnTo>
                <a:lnTo>
                  <a:pt x="3180" y="1302"/>
                </a:lnTo>
                <a:lnTo>
                  <a:pt x="3160" y="1296"/>
                </a:lnTo>
                <a:lnTo>
                  <a:pt x="3139" y="1290"/>
                </a:lnTo>
                <a:lnTo>
                  <a:pt x="3117" y="1284"/>
                </a:lnTo>
                <a:lnTo>
                  <a:pt x="3094" y="1279"/>
                </a:lnTo>
                <a:lnTo>
                  <a:pt x="3070" y="1274"/>
                </a:lnTo>
                <a:lnTo>
                  <a:pt x="3045" y="1271"/>
                </a:lnTo>
                <a:lnTo>
                  <a:pt x="3018" y="1269"/>
                </a:lnTo>
                <a:lnTo>
                  <a:pt x="2991" y="1267"/>
                </a:lnTo>
                <a:lnTo>
                  <a:pt x="2962" y="1264"/>
                </a:lnTo>
                <a:lnTo>
                  <a:pt x="2932" y="1263"/>
                </a:lnTo>
                <a:lnTo>
                  <a:pt x="2901" y="1263"/>
                </a:lnTo>
                <a:close/>
                <a:moveTo>
                  <a:pt x="9021" y="1473"/>
                </a:moveTo>
                <a:lnTo>
                  <a:pt x="9002" y="1473"/>
                </a:lnTo>
                <a:lnTo>
                  <a:pt x="8984" y="1476"/>
                </a:lnTo>
                <a:lnTo>
                  <a:pt x="8965" y="1478"/>
                </a:lnTo>
                <a:lnTo>
                  <a:pt x="8947" y="1480"/>
                </a:lnTo>
                <a:lnTo>
                  <a:pt x="8929" y="1484"/>
                </a:lnTo>
                <a:lnTo>
                  <a:pt x="8912" y="1489"/>
                </a:lnTo>
                <a:lnTo>
                  <a:pt x="8895" y="1494"/>
                </a:lnTo>
                <a:lnTo>
                  <a:pt x="8878" y="1501"/>
                </a:lnTo>
                <a:lnTo>
                  <a:pt x="8862" y="1508"/>
                </a:lnTo>
                <a:lnTo>
                  <a:pt x="8847" y="1514"/>
                </a:lnTo>
                <a:lnTo>
                  <a:pt x="8832" y="1522"/>
                </a:lnTo>
                <a:lnTo>
                  <a:pt x="8818" y="1531"/>
                </a:lnTo>
                <a:lnTo>
                  <a:pt x="8805" y="1540"/>
                </a:lnTo>
                <a:lnTo>
                  <a:pt x="8793" y="1550"/>
                </a:lnTo>
                <a:lnTo>
                  <a:pt x="8781" y="1560"/>
                </a:lnTo>
                <a:lnTo>
                  <a:pt x="8771" y="1570"/>
                </a:lnTo>
                <a:lnTo>
                  <a:pt x="8767" y="1570"/>
                </a:lnTo>
                <a:lnTo>
                  <a:pt x="8767" y="1490"/>
                </a:lnTo>
                <a:lnTo>
                  <a:pt x="8548" y="1490"/>
                </a:lnTo>
                <a:lnTo>
                  <a:pt x="8548" y="2264"/>
                </a:lnTo>
                <a:lnTo>
                  <a:pt x="8771" y="2264"/>
                </a:lnTo>
                <a:lnTo>
                  <a:pt x="8771" y="1733"/>
                </a:lnTo>
                <a:lnTo>
                  <a:pt x="8780" y="1722"/>
                </a:lnTo>
                <a:lnTo>
                  <a:pt x="8791" y="1711"/>
                </a:lnTo>
                <a:lnTo>
                  <a:pt x="8801" y="1700"/>
                </a:lnTo>
                <a:lnTo>
                  <a:pt x="8812" y="1691"/>
                </a:lnTo>
                <a:lnTo>
                  <a:pt x="8824" y="1683"/>
                </a:lnTo>
                <a:lnTo>
                  <a:pt x="8835" y="1676"/>
                </a:lnTo>
                <a:lnTo>
                  <a:pt x="8847" y="1669"/>
                </a:lnTo>
                <a:lnTo>
                  <a:pt x="8859" y="1663"/>
                </a:lnTo>
                <a:lnTo>
                  <a:pt x="8871" y="1658"/>
                </a:lnTo>
                <a:lnTo>
                  <a:pt x="8883" y="1654"/>
                </a:lnTo>
                <a:lnTo>
                  <a:pt x="8895" y="1650"/>
                </a:lnTo>
                <a:lnTo>
                  <a:pt x="8907" y="1648"/>
                </a:lnTo>
                <a:lnTo>
                  <a:pt x="8918" y="1646"/>
                </a:lnTo>
                <a:lnTo>
                  <a:pt x="8930" y="1644"/>
                </a:lnTo>
                <a:lnTo>
                  <a:pt x="8941" y="1643"/>
                </a:lnTo>
                <a:lnTo>
                  <a:pt x="8953" y="1643"/>
                </a:lnTo>
                <a:lnTo>
                  <a:pt x="8967" y="1643"/>
                </a:lnTo>
                <a:lnTo>
                  <a:pt x="8981" y="1644"/>
                </a:lnTo>
                <a:lnTo>
                  <a:pt x="8993" y="1646"/>
                </a:lnTo>
                <a:lnTo>
                  <a:pt x="9005" y="1648"/>
                </a:lnTo>
                <a:lnTo>
                  <a:pt x="9016" y="1651"/>
                </a:lnTo>
                <a:lnTo>
                  <a:pt x="9027" y="1654"/>
                </a:lnTo>
                <a:lnTo>
                  <a:pt x="9036" y="1659"/>
                </a:lnTo>
                <a:lnTo>
                  <a:pt x="9045" y="1663"/>
                </a:lnTo>
                <a:lnTo>
                  <a:pt x="9053" y="1668"/>
                </a:lnTo>
                <a:lnTo>
                  <a:pt x="9061" y="1673"/>
                </a:lnTo>
                <a:lnTo>
                  <a:pt x="9068" y="1680"/>
                </a:lnTo>
                <a:lnTo>
                  <a:pt x="9074" y="1687"/>
                </a:lnTo>
                <a:lnTo>
                  <a:pt x="9079" y="1693"/>
                </a:lnTo>
                <a:lnTo>
                  <a:pt x="9084" y="1701"/>
                </a:lnTo>
                <a:lnTo>
                  <a:pt x="9089" y="1710"/>
                </a:lnTo>
                <a:lnTo>
                  <a:pt x="9093" y="1718"/>
                </a:lnTo>
                <a:lnTo>
                  <a:pt x="9100" y="1737"/>
                </a:lnTo>
                <a:lnTo>
                  <a:pt x="9105" y="1757"/>
                </a:lnTo>
                <a:lnTo>
                  <a:pt x="9109" y="1778"/>
                </a:lnTo>
                <a:lnTo>
                  <a:pt x="9111" y="1801"/>
                </a:lnTo>
                <a:lnTo>
                  <a:pt x="9113" y="1826"/>
                </a:lnTo>
                <a:lnTo>
                  <a:pt x="9114" y="1851"/>
                </a:lnTo>
                <a:lnTo>
                  <a:pt x="9114" y="1877"/>
                </a:lnTo>
                <a:lnTo>
                  <a:pt x="9114" y="1904"/>
                </a:lnTo>
                <a:lnTo>
                  <a:pt x="9114" y="2264"/>
                </a:lnTo>
                <a:lnTo>
                  <a:pt x="9338" y="2264"/>
                </a:lnTo>
                <a:lnTo>
                  <a:pt x="9338" y="1823"/>
                </a:lnTo>
                <a:lnTo>
                  <a:pt x="9338" y="1791"/>
                </a:lnTo>
                <a:lnTo>
                  <a:pt x="9336" y="1759"/>
                </a:lnTo>
                <a:lnTo>
                  <a:pt x="9333" y="1728"/>
                </a:lnTo>
                <a:lnTo>
                  <a:pt x="9328" y="1697"/>
                </a:lnTo>
                <a:lnTo>
                  <a:pt x="9324" y="1681"/>
                </a:lnTo>
                <a:lnTo>
                  <a:pt x="9321" y="1667"/>
                </a:lnTo>
                <a:lnTo>
                  <a:pt x="9316" y="1652"/>
                </a:lnTo>
                <a:lnTo>
                  <a:pt x="9311" y="1638"/>
                </a:lnTo>
                <a:lnTo>
                  <a:pt x="9305" y="1623"/>
                </a:lnTo>
                <a:lnTo>
                  <a:pt x="9299" y="1610"/>
                </a:lnTo>
                <a:lnTo>
                  <a:pt x="9292" y="1597"/>
                </a:lnTo>
                <a:lnTo>
                  <a:pt x="9284" y="1584"/>
                </a:lnTo>
                <a:lnTo>
                  <a:pt x="9275" y="1572"/>
                </a:lnTo>
                <a:lnTo>
                  <a:pt x="9266" y="1560"/>
                </a:lnTo>
                <a:lnTo>
                  <a:pt x="9255" y="1549"/>
                </a:lnTo>
                <a:lnTo>
                  <a:pt x="9244" y="1539"/>
                </a:lnTo>
                <a:lnTo>
                  <a:pt x="9231" y="1529"/>
                </a:lnTo>
                <a:lnTo>
                  <a:pt x="9218" y="1520"/>
                </a:lnTo>
                <a:lnTo>
                  <a:pt x="9203" y="1511"/>
                </a:lnTo>
                <a:lnTo>
                  <a:pt x="9187" y="1504"/>
                </a:lnTo>
                <a:lnTo>
                  <a:pt x="9171" y="1497"/>
                </a:lnTo>
                <a:lnTo>
                  <a:pt x="9153" y="1491"/>
                </a:lnTo>
                <a:lnTo>
                  <a:pt x="9134" y="1486"/>
                </a:lnTo>
                <a:lnTo>
                  <a:pt x="9114" y="1481"/>
                </a:lnTo>
                <a:lnTo>
                  <a:pt x="9093" y="1478"/>
                </a:lnTo>
                <a:lnTo>
                  <a:pt x="9070" y="1476"/>
                </a:lnTo>
                <a:lnTo>
                  <a:pt x="9046" y="1473"/>
                </a:lnTo>
                <a:lnTo>
                  <a:pt x="9021" y="1473"/>
                </a:lnTo>
                <a:close/>
                <a:moveTo>
                  <a:pt x="4194" y="1976"/>
                </a:moveTo>
                <a:lnTo>
                  <a:pt x="3964" y="1263"/>
                </a:lnTo>
                <a:lnTo>
                  <a:pt x="3539" y="1263"/>
                </a:lnTo>
                <a:lnTo>
                  <a:pt x="3539" y="2264"/>
                </a:lnTo>
                <a:lnTo>
                  <a:pt x="3796" y="2264"/>
                </a:lnTo>
                <a:lnTo>
                  <a:pt x="3796" y="1472"/>
                </a:lnTo>
                <a:lnTo>
                  <a:pt x="3812" y="1472"/>
                </a:lnTo>
                <a:lnTo>
                  <a:pt x="4074" y="2264"/>
                </a:lnTo>
                <a:lnTo>
                  <a:pt x="4314" y="2264"/>
                </a:lnTo>
                <a:lnTo>
                  <a:pt x="4576" y="1472"/>
                </a:lnTo>
                <a:lnTo>
                  <a:pt x="4592" y="1472"/>
                </a:lnTo>
                <a:lnTo>
                  <a:pt x="4592" y="2264"/>
                </a:lnTo>
                <a:lnTo>
                  <a:pt x="4849" y="2264"/>
                </a:lnTo>
                <a:lnTo>
                  <a:pt x="4849" y="1263"/>
                </a:lnTo>
                <a:lnTo>
                  <a:pt x="4427" y="1263"/>
                </a:lnTo>
                <a:lnTo>
                  <a:pt x="4194" y="1976"/>
                </a:lnTo>
                <a:close/>
                <a:moveTo>
                  <a:pt x="5667" y="1877"/>
                </a:moveTo>
                <a:lnTo>
                  <a:pt x="5666" y="1904"/>
                </a:lnTo>
                <a:lnTo>
                  <a:pt x="5664" y="1931"/>
                </a:lnTo>
                <a:lnTo>
                  <a:pt x="5660" y="1956"/>
                </a:lnTo>
                <a:lnTo>
                  <a:pt x="5654" y="1980"/>
                </a:lnTo>
                <a:lnTo>
                  <a:pt x="5650" y="1991"/>
                </a:lnTo>
                <a:lnTo>
                  <a:pt x="5646" y="2002"/>
                </a:lnTo>
                <a:lnTo>
                  <a:pt x="5642" y="2013"/>
                </a:lnTo>
                <a:lnTo>
                  <a:pt x="5637" y="2023"/>
                </a:lnTo>
                <a:lnTo>
                  <a:pt x="5632" y="2033"/>
                </a:lnTo>
                <a:lnTo>
                  <a:pt x="5626" y="2042"/>
                </a:lnTo>
                <a:lnTo>
                  <a:pt x="5620" y="2051"/>
                </a:lnTo>
                <a:lnTo>
                  <a:pt x="5614" y="2060"/>
                </a:lnTo>
                <a:lnTo>
                  <a:pt x="5607" y="2068"/>
                </a:lnTo>
                <a:lnTo>
                  <a:pt x="5599" y="2076"/>
                </a:lnTo>
                <a:lnTo>
                  <a:pt x="5592" y="2083"/>
                </a:lnTo>
                <a:lnTo>
                  <a:pt x="5583" y="2090"/>
                </a:lnTo>
                <a:lnTo>
                  <a:pt x="5575" y="2097"/>
                </a:lnTo>
                <a:lnTo>
                  <a:pt x="5565" y="2102"/>
                </a:lnTo>
                <a:lnTo>
                  <a:pt x="5556" y="2108"/>
                </a:lnTo>
                <a:lnTo>
                  <a:pt x="5546" y="2112"/>
                </a:lnTo>
                <a:lnTo>
                  <a:pt x="5535" y="2117"/>
                </a:lnTo>
                <a:lnTo>
                  <a:pt x="5525" y="2120"/>
                </a:lnTo>
                <a:lnTo>
                  <a:pt x="5513" y="2123"/>
                </a:lnTo>
                <a:lnTo>
                  <a:pt x="5502" y="2126"/>
                </a:lnTo>
                <a:lnTo>
                  <a:pt x="5489" y="2128"/>
                </a:lnTo>
                <a:lnTo>
                  <a:pt x="5477" y="2129"/>
                </a:lnTo>
                <a:lnTo>
                  <a:pt x="5464" y="2130"/>
                </a:lnTo>
                <a:lnTo>
                  <a:pt x="5450" y="2130"/>
                </a:lnTo>
                <a:lnTo>
                  <a:pt x="5437" y="2130"/>
                </a:lnTo>
                <a:lnTo>
                  <a:pt x="5424" y="2129"/>
                </a:lnTo>
                <a:lnTo>
                  <a:pt x="5411" y="2128"/>
                </a:lnTo>
                <a:lnTo>
                  <a:pt x="5399" y="2126"/>
                </a:lnTo>
                <a:lnTo>
                  <a:pt x="5387" y="2123"/>
                </a:lnTo>
                <a:lnTo>
                  <a:pt x="5376" y="2120"/>
                </a:lnTo>
                <a:lnTo>
                  <a:pt x="5365" y="2117"/>
                </a:lnTo>
                <a:lnTo>
                  <a:pt x="5354" y="2112"/>
                </a:lnTo>
                <a:lnTo>
                  <a:pt x="5344" y="2108"/>
                </a:lnTo>
                <a:lnTo>
                  <a:pt x="5335" y="2102"/>
                </a:lnTo>
                <a:lnTo>
                  <a:pt x="5326" y="2097"/>
                </a:lnTo>
                <a:lnTo>
                  <a:pt x="5317" y="2090"/>
                </a:lnTo>
                <a:lnTo>
                  <a:pt x="5309" y="2083"/>
                </a:lnTo>
                <a:lnTo>
                  <a:pt x="5301" y="2076"/>
                </a:lnTo>
                <a:lnTo>
                  <a:pt x="5294" y="2068"/>
                </a:lnTo>
                <a:lnTo>
                  <a:pt x="5287" y="2060"/>
                </a:lnTo>
                <a:lnTo>
                  <a:pt x="5280" y="2051"/>
                </a:lnTo>
                <a:lnTo>
                  <a:pt x="5274" y="2042"/>
                </a:lnTo>
                <a:lnTo>
                  <a:pt x="5268" y="2033"/>
                </a:lnTo>
                <a:lnTo>
                  <a:pt x="5263" y="2023"/>
                </a:lnTo>
                <a:lnTo>
                  <a:pt x="5258" y="2013"/>
                </a:lnTo>
                <a:lnTo>
                  <a:pt x="5254" y="2002"/>
                </a:lnTo>
                <a:lnTo>
                  <a:pt x="5250" y="1991"/>
                </a:lnTo>
                <a:lnTo>
                  <a:pt x="5246" y="1980"/>
                </a:lnTo>
                <a:lnTo>
                  <a:pt x="5240" y="1956"/>
                </a:lnTo>
                <a:lnTo>
                  <a:pt x="5236" y="1931"/>
                </a:lnTo>
                <a:lnTo>
                  <a:pt x="5234" y="1904"/>
                </a:lnTo>
                <a:lnTo>
                  <a:pt x="5233" y="1877"/>
                </a:lnTo>
                <a:lnTo>
                  <a:pt x="5234" y="1849"/>
                </a:lnTo>
                <a:lnTo>
                  <a:pt x="5236" y="1822"/>
                </a:lnTo>
                <a:lnTo>
                  <a:pt x="5240" y="1797"/>
                </a:lnTo>
                <a:lnTo>
                  <a:pt x="5246" y="1772"/>
                </a:lnTo>
                <a:lnTo>
                  <a:pt x="5250" y="1761"/>
                </a:lnTo>
                <a:lnTo>
                  <a:pt x="5254" y="1750"/>
                </a:lnTo>
                <a:lnTo>
                  <a:pt x="5258" y="1739"/>
                </a:lnTo>
                <a:lnTo>
                  <a:pt x="5263" y="1729"/>
                </a:lnTo>
                <a:lnTo>
                  <a:pt x="5268" y="1719"/>
                </a:lnTo>
                <a:lnTo>
                  <a:pt x="5274" y="1710"/>
                </a:lnTo>
                <a:lnTo>
                  <a:pt x="5280" y="1700"/>
                </a:lnTo>
                <a:lnTo>
                  <a:pt x="5287" y="1692"/>
                </a:lnTo>
                <a:lnTo>
                  <a:pt x="5294" y="1683"/>
                </a:lnTo>
                <a:lnTo>
                  <a:pt x="5301" y="1676"/>
                </a:lnTo>
                <a:lnTo>
                  <a:pt x="5309" y="1669"/>
                </a:lnTo>
                <a:lnTo>
                  <a:pt x="5317" y="1662"/>
                </a:lnTo>
                <a:lnTo>
                  <a:pt x="5326" y="1656"/>
                </a:lnTo>
                <a:lnTo>
                  <a:pt x="5335" y="1650"/>
                </a:lnTo>
                <a:lnTo>
                  <a:pt x="5344" y="1644"/>
                </a:lnTo>
                <a:lnTo>
                  <a:pt x="5354" y="1639"/>
                </a:lnTo>
                <a:lnTo>
                  <a:pt x="5365" y="1636"/>
                </a:lnTo>
                <a:lnTo>
                  <a:pt x="5376" y="1631"/>
                </a:lnTo>
                <a:lnTo>
                  <a:pt x="5387" y="1628"/>
                </a:lnTo>
                <a:lnTo>
                  <a:pt x="5399" y="1626"/>
                </a:lnTo>
                <a:lnTo>
                  <a:pt x="5411" y="1623"/>
                </a:lnTo>
                <a:lnTo>
                  <a:pt x="5424" y="1622"/>
                </a:lnTo>
                <a:lnTo>
                  <a:pt x="5437" y="1621"/>
                </a:lnTo>
                <a:lnTo>
                  <a:pt x="5450" y="1621"/>
                </a:lnTo>
                <a:lnTo>
                  <a:pt x="5464" y="1621"/>
                </a:lnTo>
                <a:lnTo>
                  <a:pt x="5477" y="1622"/>
                </a:lnTo>
                <a:lnTo>
                  <a:pt x="5489" y="1623"/>
                </a:lnTo>
                <a:lnTo>
                  <a:pt x="5502" y="1626"/>
                </a:lnTo>
                <a:lnTo>
                  <a:pt x="5513" y="1628"/>
                </a:lnTo>
                <a:lnTo>
                  <a:pt x="5525" y="1631"/>
                </a:lnTo>
                <a:lnTo>
                  <a:pt x="5535" y="1636"/>
                </a:lnTo>
                <a:lnTo>
                  <a:pt x="5546" y="1639"/>
                </a:lnTo>
                <a:lnTo>
                  <a:pt x="5556" y="1644"/>
                </a:lnTo>
                <a:lnTo>
                  <a:pt x="5565" y="1650"/>
                </a:lnTo>
                <a:lnTo>
                  <a:pt x="5575" y="1656"/>
                </a:lnTo>
                <a:lnTo>
                  <a:pt x="5583" y="1662"/>
                </a:lnTo>
                <a:lnTo>
                  <a:pt x="5592" y="1669"/>
                </a:lnTo>
                <a:lnTo>
                  <a:pt x="5599" y="1676"/>
                </a:lnTo>
                <a:lnTo>
                  <a:pt x="5607" y="1683"/>
                </a:lnTo>
                <a:lnTo>
                  <a:pt x="5614" y="1692"/>
                </a:lnTo>
                <a:lnTo>
                  <a:pt x="5620" y="1700"/>
                </a:lnTo>
                <a:lnTo>
                  <a:pt x="5626" y="1710"/>
                </a:lnTo>
                <a:lnTo>
                  <a:pt x="5632" y="1719"/>
                </a:lnTo>
                <a:lnTo>
                  <a:pt x="5637" y="1729"/>
                </a:lnTo>
                <a:lnTo>
                  <a:pt x="5642" y="1739"/>
                </a:lnTo>
                <a:lnTo>
                  <a:pt x="5646" y="1750"/>
                </a:lnTo>
                <a:lnTo>
                  <a:pt x="5650" y="1761"/>
                </a:lnTo>
                <a:lnTo>
                  <a:pt x="5654" y="1772"/>
                </a:lnTo>
                <a:lnTo>
                  <a:pt x="5660" y="1797"/>
                </a:lnTo>
                <a:lnTo>
                  <a:pt x="5664" y="1822"/>
                </a:lnTo>
                <a:lnTo>
                  <a:pt x="5666" y="1849"/>
                </a:lnTo>
                <a:lnTo>
                  <a:pt x="5667" y="1877"/>
                </a:lnTo>
                <a:close/>
                <a:moveTo>
                  <a:pt x="5904" y="1877"/>
                </a:moveTo>
                <a:lnTo>
                  <a:pt x="5904" y="1851"/>
                </a:lnTo>
                <a:lnTo>
                  <a:pt x="5902" y="1827"/>
                </a:lnTo>
                <a:lnTo>
                  <a:pt x="5899" y="1802"/>
                </a:lnTo>
                <a:lnTo>
                  <a:pt x="5895" y="1779"/>
                </a:lnTo>
                <a:lnTo>
                  <a:pt x="5890" y="1757"/>
                </a:lnTo>
                <a:lnTo>
                  <a:pt x="5884" y="1736"/>
                </a:lnTo>
                <a:lnTo>
                  <a:pt x="5877" y="1716"/>
                </a:lnTo>
                <a:lnTo>
                  <a:pt x="5869" y="1696"/>
                </a:lnTo>
                <a:lnTo>
                  <a:pt x="5860" y="1677"/>
                </a:lnTo>
                <a:lnTo>
                  <a:pt x="5850" y="1659"/>
                </a:lnTo>
                <a:lnTo>
                  <a:pt x="5840" y="1641"/>
                </a:lnTo>
                <a:lnTo>
                  <a:pt x="5828" y="1624"/>
                </a:lnTo>
                <a:lnTo>
                  <a:pt x="5816" y="1609"/>
                </a:lnTo>
                <a:lnTo>
                  <a:pt x="5802" y="1593"/>
                </a:lnTo>
                <a:lnTo>
                  <a:pt x="5788" y="1580"/>
                </a:lnTo>
                <a:lnTo>
                  <a:pt x="5773" y="1567"/>
                </a:lnTo>
                <a:lnTo>
                  <a:pt x="5757" y="1554"/>
                </a:lnTo>
                <a:lnTo>
                  <a:pt x="5741" y="1542"/>
                </a:lnTo>
                <a:lnTo>
                  <a:pt x="5724" y="1531"/>
                </a:lnTo>
                <a:lnTo>
                  <a:pt x="5706" y="1521"/>
                </a:lnTo>
                <a:lnTo>
                  <a:pt x="5688" y="1512"/>
                </a:lnTo>
                <a:lnTo>
                  <a:pt x="5669" y="1503"/>
                </a:lnTo>
                <a:lnTo>
                  <a:pt x="5649" y="1496"/>
                </a:lnTo>
                <a:lnTo>
                  <a:pt x="5629" y="1489"/>
                </a:lnTo>
                <a:lnTo>
                  <a:pt x="5608" y="1483"/>
                </a:lnTo>
                <a:lnTo>
                  <a:pt x="5587" y="1478"/>
                </a:lnTo>
                <a:lnTo>
                  <a:pt x="5565" y="1473"/>
                </a:lnTo>
                <a:lnTo>
                  <a:pt x="5543" y="1470"/>
                </a:lnTo>
                <a:lnTo>
                  <a:pt x="5520" y="1467"/>
                </a:lnTo>
                <a:lnTo>
                  <a:pt x="5497" y="1464"/>
                </a:lnTo>
                <a:lnTo>
                  <a:pt x="5474" y="1463"/>
                </a:lnTo>
                <a:lnTo>
                  <a:pt x="5450" y="1463"/>
                </a:lnTo>
                <a:lnTo>
                  <a:pt x="5426" y="1463"/>
                </a:lnTo>
                <a:lnTo>
                  <a:pt x="5403" y="1464"/>
                </a:lnTo>
                <a:lnTo>
                  <a:pt x="5380" y="1467"/>
                </a:lnTo>
                <a:lnTo>
                  <a:pt x="5357" y="1470"/>
                </a:lnTo>
                <a:lnTo>
                  <a:pt x="5335" y="1473"/>
                </a:lnTo>
                <a:lnTo>
                  <a:pt x="5313" y="1478"/>
                </a:lnTo>
                <a:lnTo>
                  <a:pt x="5292" y="1483"/>
                </a:lnTo>
                <a:lnTo>
                  <a:pt x="5271" y="1489"/>
                </a:lnTo>
                <a:lnTo>
                  <a:pt x="5251" y="1496"/>
                </a:lnTo>
                <a:lnTo>
                  <a:pt x="5232" y="1503"/>
                </a:lnTo>
                <a:lnTo>
                  <a:pt x="5213" y="1512"/>
                </a:lnTo>
                <a:lnTo>
                  <a:pt x="5193" y="1521"/>
                </a:lnTo>
                <a:lnTo>
                  <a:pt x="5175" y="1531"/>
                </a:lnTo>
                <a:lnTo>
                  <a:pt x="5158" y="1542"/>
                </a:lnTo>
                <a:lnTo>
                  <a:pt x="5142" y="1554"/>
                </a:lnTo>
                <a:lnTo>
                  <a:pt x="5126" y="1567"/>
                </a:lnTo>
                <a:lnTo>
                  <a:pt x="5111" y="1580"/>
                </a:lnTo>
                <a:lnTo>
                  <a:pt x="5097" y="1593"/>
                </a:lnTo>
                <a:lnTo>
                  <a:pt x="5084" y="1609"/>
                </a:lnTo>
                <a:lnTo>
                  <a:pt x="5071" y="1624"/>
                </a:lnTo>
                <a:lnTo>
                  <a:pt x="5059" y="1641"/>
                </a:lnTo>
                <a:lnTo>
                  <a:pt x="5049" y="1659"/>
                </a:lnTo>
                <a:lnTo>
                  <a:pt x="5039" y="1677"/>
                </a:lnTo>
                <a:lnTo>
                  <a:pt x="5030" y="1696"/>
                </a:lnTo>
                <a:lnTo>
                  <a:pt x="5022" y="1716"/>
                </a:lnTo>
                <a:lnTo>
                  <a:pt x="5015" y="1736"/>
                </a:lnTo>
                <a:lnTo>
                  <a:pt x="5009" y="1757"/>
                </a:lnTo>
                <a:lnTo>
                  <a:pt x="5004" y="1779"/>
                </a:lnTo>
                <a:lnTo>
                  <a:pt x="5000" y="1802"/>
                </a:lnTo>
                <a:lnTo>
                  <a:pt x="4997" y="1827"/>
                </a:lnTo>
                <a:lnTo>
                  <a:pt x="4995" y="1851"/>
                </a:lnTo>
                <a:lnTo>
                  <a:pt x="4995" y="1877"/>
                </a:lnTo>
                <a:lnTo>
                  <a:pt x="4995" y="1902"/>
                </a:lnTo>
                <a:lnTo>
                  <a:pt x="4997" y="1927"/>
                </a:lnTo>
                <a:lnTo>
                  <a:pt x="5000" y="1950"/>
                </a:lnTo>
                <a:lnTo>
                  <a:pt x="5004" y="1973"/>
                </a:lnTo>
                <a:lnTo>
                  <a:pt x="5009" y="1994"/>
                </a:lnTo>
                <a:lnTo>
                  <a:pt x="5015" y="2017"/>
                </a:lnTo>
                <a:lnTo>
                  <a:pt x="5022" y="2037"/>
                </a:lnTo>
                <a:lnTo>
                  <a:pt x="5030" y="2057"/>
                </a:lnTo>
                <a:lnTo>
                  <a:pt x="5039" y="2076"/>
                </a:lnTo>
                <a:lnTo>
                  <a:pt x="5049" y="2093"/>
                </a:lnTo>
                <a:lnTo>
                  <a:pt x="5059" y="2111"/>
                </a:lnTo>
                <a:lnTo>
                  <a:pt x="5071" y="2128"/>
                </a:lnTo>
                <a:lnTo>
                  <a:pt x="5084" y="2143"/>
                </a:lnTo>
                <a:lnTo>
                  <a:pt x="5097" y="2158"/>
                </a:lnTo>
                <a:lnTo>
                  <a:pt x="5111" y="2172"/>
                </a:lnTo>
                <a:lnTo>
                  <a:pt x="5126" y="2186"/>
                </a:lnTo>
                <a:lnTo>
                  <a:pt x="5142" y="2198"/>
                </a:lnTo>
                <a:lnTo>
                  <a:pt x="5158" y="2210"/>
                </a:lnTo>
                <a:lnTo>
                  <a:pt x="5175" y="2221"/>
                </a:lnTo>
                <a:lnTo>
                  <a:pt x="5193" y="2231"/>
                </a:lnTo>
                <a:lnTo>
                  <a:pt x="5213" y="2240"/>
                </a:lnTo>
                <a:lnTo>
                  <a:pt x="5232" y="2249"/>
                </a:lnTo>
                <a:lnTo>
                  <a:pt x="5251" y="2256"/>
                </a:lnTo>
                <a:lnTo>
                  <a:pt x="5271" y="2263"/>
                </a:lnTo>
                <a:lnTo>
                  <a:pt x="5292" y="2269"/>
                </a:lnTo>
                <a:lnTo>
                  <a:pt x="5313" y="2274"/>
                </a:lnTo>
                <a:lnTo>
                  <a:pt x="5335" y="2279"/>
                </a:lnTo>
                <a:lnTo>
                  <a:pt x="5357" y="2282"/>
                </a:lnTo>
                <a:lnTo>
                  <a:pt x="5380" y="2286"/>
                </a:lnTo>
                <a:lnTo>
                  <a:pt x="5403" y="2287"/>
                </a:lnTo>
                <a:lnTo>
                  <a:pt x="5426" y="2289"/>
                </a:lnTo>
                <a:lnTo>
                  <a:pt x="5450" y="2289"/>
                </a:lnTo>
                <a:lnTo>
                  <a:pt x="5474" y="2289"/>
                </a:lnTo>
                <a:lnTo>
                  <a:pt x="5497" y="2287"/>
                </a:lnTo>
                <a:lnTo>
                  <a:pt x="5520" y="2286"/>
                </a:lnTo>
                <a:lnTo>
                  <a:pt x="5543" y="2282"/>
                </a:lnTo>
                <a:lnTo>
                  <a:pt x="5565" y="2279"/>
                </a:lnTo>
                <a:lnTo>
                  <a:pt x="5587" y="2274"/>
                </a:lnTo>
                <a:lnTo>
                  <a:pt x="5608" y="2269"/>
                </a:lnTo>
                <a:lnTo>
                  <a:pt x="5629" y="2263"/>
                </a:lnTo>
                <a:lnTo>
                  <a:pt x="5649" y="2256"/>
                </a:lnTo>
                <a:lnTo>
                  <a:pt x="5669" y="2249"/>
                </a:lnTo>
                <a:lnTo>
                  <a:pt x="5688" y="2240"/>
                </a:lnTo>
                <a:lnTo>
                  <a:pt x="5706" y="2231"/>
                </a:lnTo>
                <a:lnTo>
                  <a:pt x="5724" y="2221"/>
                </a:lnTo>
                <a:lnTo>
                  <a:pt x="5741" y="2210"/>
                </a:lnTo>
                <a:lnTo>
                  <a:pt x="5757" y="2198"/>
                </a:lnTo>
                <a:lnTo>
                  <a:pt x="5773" y="2186"/>
                </a:lnTo>
                <a:lnTo>
                  <a:pt x="5788" y="2172"/>
                </a:lnTo>
                <a:lnTo>
                  <a:pt x="5802" y="2158"/>
                </a:lnTo>
                <a:lnTo>
                  <a:pt x="5816" y="2143"/>
                </a:lnTo>
                <a:lnTo>
                  <a:pt x="5828" y="2128"/>
                </a:lnTo>
                <a:lnTo>
                  <a:pt x="5840" y="2111"/>
                </a:lnTo>
                <a:lnTo>
                  <a:pt x="5850" y="2093"/>
                </a:lnTo>
                <a:lnTo>
                  <a:pt x="5860" y="2076"/>
                </a:lnTo>
                <a:lnTo>
                  <a:pt x="5869" y="2057"/>
                </a:lnTo>
                <a:lnTo>
                  <a:pt x="5877" y="2037"/>
                </a:lnTo>
                <a:lnTo>
                  <a:pt x="5884" y="2017"/>
                </a:lnTo>
                <a:lnTo>
                  <a:pt x="5890" y="1994"/>
                </a:lnTo>
                <a:lnTo>
                  <a:pt x="5895" y="1973"/>
                </a:lnTo>
                <a:lnTo>
                  <a:pt x="5899" y="1950"/>
                </a:lnTo>
                <a:lnTo>
                  <a:pt x="5902" y="1927"/>
                </a:lnTo>
                <a:lnTo>
                  <a:pt x="5904" y="1902"/>
                </a:lnTo>
                <a:lnTo>
                  <a:pt x="5904" y="1877"/>
                </a:lnTo>
                <a:close/>
                <a:moveTo>
                  <a:pt x="7251" y="1489"/>
                </a:moveTo>
                <a:lnTo>
                  <a:pt x="7251" y="1563"/>
                </a:lnTo>
                <a:lnTo>
                  <a:pt x="7247" y="1563"/>
                </a:lnTo>
                <a:lnTo>
                  <a:pt x="7238" y="1554"/>
                </a:lnTo>
                <a:lnTo>
                  <a:pt x="7228" y="1544"/>
                </a:lnTo>
                <a:lnTo>
                  <a:pt x="7217" y="1536"/>
                </a:lnTo>
                <a:lnTo>
                  <a:pt x="7206" y="1527"/>
                </a:lnTo>
                <a:lnTo>
                  <a:pt x="7193" y="1519"/>
                </a:lnTo>
                <a:lnTo>
                  <a:pt x="7180" y="1512"/>
                </a:lnTo>
                <a:lnTo>
                  <a:pt x="7166" y="1504"/>
                </a:lnTo>
                <a:lnTo>
                  <a:pt x="7151" y="1499"/>
                </a:lnTo>
                <a:lnTo>
                  <a:pt x="7135" y="1493"/>
                </a:lnTo>
                <a:lnTo>
                  <a:pt x="7118" y="1488"/>
                </a:lnTo>
                <a:lnTo>
                  <a:pt x="7100" y="1483"/>
                </a:lnTo>
                <a:lnTo>
                  <a:pt x="7080" y="1480"/>
                </a:lnTo>
                <a:lnTo>
                  <a:pt x="7060" y="1477"/>
                </a:lnTo>
                <a:lnTo>
                  <a:pt x="7038" y="1476"/>
                </a:lnTo>
                <a:lnTo>
                  <a:pt x="7016" y="1473"/>
                </a:lnTo>
                <a:lnTo>
                  <a:pt x="6991" y="1473"/>
                </a:lnTo>
                <a:lnTo>
                  <a:pt x="6968" y="1474"/>
                </a:lnTo>
                <a:lnTo>
                  <a:pt x="6945" y="1476"/>
                </a:lnTo>
                <a:lnTo>
                  <a:pt x="6922" y="1479"/>
                </a:lnTo>
                <a:lnTo>
                  <a:pt x="6901" y="1482"/>
                </a:lnTo>
                <a:lnTo>
                  <a:pt x="6881" y="1488"/>
                </a:lnTo>
                <a:lnTo>
                  <a:pt x="6861" y="1494"/>
                </a:lnTo>
                <a:lnTo>
                  <a:pt x="6842" y="1501"/>
                </a:lnTo>
                <a:lnTo>
                  <a:pt x="6824" y="1509"/>
                </a:lnTo>
                <a:lnTo>
                  <a:pt x="6806" y="1518"/>
                </a:lnTo>
                <a:lnTo>
                  <a:pt x="6790" y="1528"/>
                </a:lnTo>
                <a:lnTo>
                  <a:pt x="6774" y="1538"/>
                </a:lnTo>
                <a:lnTo>
                  <a:pt x="6759" y="1550"/>
                </a:lnTo>
                <a:lnTo>
                  <a:pt x="6745" y="1561"/>
                </a:lnTo>
                <a:lnTo>
                  <a:pt x="6732" y="1574"/>
                </a:lnTo>
                <a:lnTo>
                  <a:pt x="6719" y="1588"/>
                </a:lnTo>
                <a:lnTo>
                  <a:pt x="6708" y="1601"/>
                </a:lnTo>
                <a:lnTo>
                  <a:pt x="6697" y="1617"/>
                </a:lnTo>
                <a:lnTo>
                  <a:pt x="6687" y="1631"/>
                </a:lnTo>
                <a:lnTo>
                  <a:pt x="6677" y="1647"/>
                </a:lnTo>
                <a:lnTo>
                  <a:pt x="6668" y="1662"/>
                </a:lnTo>
                <a:lnTo>
                  <a:pt x="6660" y="1679"/>
                </a:lnTo>
                <a:lnTo>
                  <a:pt x="6653" y="1696"/>
                </a:lnTo>
                <a:lnTo>
                  <a:pt x="6647" y="1712"/>
                </a:lnTo>
                <a:lnTo>
                  <a:pt x="6641" y="1730"/>
                </a:lnTo>
                <a:lnTo>
                  <a:pt x="6636" y="1748"/>
                </a:lnTo>
                <a:lnTo>
                  <a:pt x="6631" y="1764"/>
                </a:lnTo>
                <a:lnTo>
                  <a:pt x="6628" y="1782"/>
                </a:lnTo>
                <a:lnTo>
                  <a:pt x="6625" y="1801"/>
                </a:lnTo>
                <a:lnTo>
                  <a:pt x="6622" y="1819"/>
                </a:lnTo>
                <a:lnTo>
                  <a:pt x="6621" y="1837"/>
                </a:lnTo>
                <a:lnTo>
                  <a:pt x="6620" y="1854"/>
                </a:lnTo>
                <a:lnTo>
                  <a:pt x="6619" y="1872"/>
                </a:lnTo>
                <a:lnTo>
                  <a:pt x="6620" y="1893"/>
                </a:lnTo>
                <a:lnTo>
                  <a:pt x="6621" y="1913"/>
                </a:lnTo>
                <a:lnTo>
                  <a:pt x="6622" y="1933"/>
                </a:lnTo>
                <a:lnTo>
                  <a:pt x="6625" y="1953"/>
                </a:lnTo>
                <a:lnTo>
                  <a:pt x="6628" y="1972"/>
                </a:lnTo>
                <a:lnTo>
                  <a:pt x="6631" y="1991"/>
                </a:lnTo>
                <a:lnTo>
                  <a:pt x="6636" y="2010"/>
                </a:lnTo>
                <a:lnTo>
                  <a:pt x="6641" y="2028"/>
                </a:lnTo>
                <a:lnTo>
                  <a:pt x="6647" y="2046"/>
                </a:lnTo>
                <a:lnTo>
                  <a:pt x="6653" y="2062"/>
                </a:lnTo>
                <a:lnTo>
                  <a:pt x="6661" y="2079"/>
                </a:lnTo>
                <a:lnTo>
                  <a:pt x="6668" y="2094"/>
                </a:lnTo>
                <a:lnTo>
                  <a:pt x="6677" y="2110"/>
                </a:lnTo>
                <a:lnTo>
                  <a:pt x="6686" y="2124"/>
                </a:lnTo>
                <a:lnTo>
                  <a:pt x="6696" y="2139"/>
                </a:lnTo>
                <a:lnTo>
                  <a:pt x="6707" y="2152"/>
                </a:lnTo>
                <a:lnTo>
                  <a:pt x="6718" y="2166"/>
                </a:lnTo>
                <a:lnTo>
                  <a:pt x="6731" y="2178"/>
                </a:lnTo>
                <a:lnTo>
                  <a:pt x="6743" y="2190"/>
                </a:lnTo>
                <a:lnTo>
                  <a:pt x="6757" y="2201"/>
                </a:lnTo>
                <a:lnTo>
                  <a:pt x="6771" y="2211"/>
                </a:lnTo>
                <a:lnTo>
                  <a:pt x="6786" y="2220"/>
                </a:lnTo>
                <a:lnTo>
                  <a:pt x="6802" y="2229"/>
                </a:lnTo>
                <a:lnTo>
                  <a:pt x="6819" y="2238"/>
                </a:lnTo>
                <a:lnTo>
                  <a:pt x="6836" y="2244"/>
                </a:lnTo>
                <a:lnTo>
                  <a:pt x="6854" y="2251"/>
                </a:lnTo>
                <a:lnTo>
                  <a:pt x="6872" y="2257"/>
                </a:lnTo>
                <a:lnTo>
                  <a:pt x="6892" y="2262"/>
                </a:lnTo>
                <a:lnTo>
                  <a:pt x="6912" y="2266"/>
                </a:lnTo>
                <a:lnTo>
                  <a:pt x="6932" y="2269"/>
                </a:lnTo>
                <a:lnTo>
                  <a:pt x="6954" y="2271"/>
                </a:lnTo>
                <a:lnTo>
                  <a:pt x="6976" y="2272"/>
                </a:lnTo>
                <a:lnTo>
                  <a:pt x="6999" y="2272"/>
                </a:lnTo>
                <a:lnTo>
                  <a:pt x="7020" y="2271"/>
                </a:lnTo>
                <a:lnTo>
                  <a:pt x="7042" y="2269"/>
                </a:lnTo>
                <a:lnTo>
                  <a:pt x="7062" y="2266"/>
                </a:lnTo>
                <a:lnTo>
                  <a:pt x="7082" y="2261"/>
                </a:lnTo>
                <a:lnTo>
                  <a:pt x="7101" y="2256"/>
                </a:lnTo>
                <a:lnTo>
                  <a:pt x="7119" y="2249"/>
                </a:lnTo>
                <a:lnTo>
                  <a:pt x="7136" y="2242"/>
                </a:lnTo>
                <a:lnTo>
                  <a:pt x="7152" y="2234"/>
                </a:lnTo>
                <a:lnTo>
                  <a:pt x="7167" y="2226"/>
                </a:lnTo>
                <a:lnTo>
                  <a:pt x="7182" y="2217"/>
                </a:lnTo>
                <a:lnTo>
                  <a:pt x="7195" y="2208"/>
                </a:lnTo>
                <a:lnTo>
                  <a:pt x="7207" y="2199"/>
                </a:lnTo>
                <a:lnTo>
                  <a:pt x="7218" y="2190"/>
                </a:lnTo>
                <a:lnTo>
                  <a:pt x="7228" y="2181"/>
                </a:lnTo>
                <a:lnTo>
                  <a:pt x="7237" y="2171"/>
                </a:lnTo>
                <a:lnTo>
                  <a:pt x="7240" y="2171"/>
                </a:lnTo>
                <a:lnTo>
                  <a:pt x="7240" y="2172"/>
                </a:lnTo>
                <a:lnTo>
                  <a:pt x="7240" y="2174"/>
                </a:lnTo>
                <a:lnTo>
                  <a:pt x="7240" y="2178"/>
                </a:lnTo>
                <a:lnTo>
                  <a:pt x="7240" y="2182"/>
                </a:lnTo>
                <a:lnTo>
                  <a:pt x="7240" y="2187"/>
                </a:lnTo>
                <a:lnTo>
                  <a:pt x="7240" y="2192"/>
                </a:lnTo>
                <a:lnTo>
                  <a:pt x="7240" y="2198"/>
                </a:lnTo>
                <a:lnTo>
                  <a:pt x="7240" y="2204"/>
                </a:lnTo>
                <a:lnTo>
                  <a:pt x="7240" y="2227"/>
                </a:lnTo>
                <a:lnTo>
                  <a:pt x="7238" y="2249"/>
                </a:lnTo>
                <a:lnTo>
                  <a:pt x="7235" y="2270"/>
                </a:lnTo>
                <a:lnTo>
                  <a:pt x="7230" y="2291"/>
                </a:lnTo>
                <a:lnTo>
                  <a:pt x="7227" y="2302"/>
                </a:lnTo>
                <a:lnTo>
                  <a:pt x="7224" y="2312"/>
                </a:lnTo>
                <a:lnTo>
                  <a:pt x="7220" y="2322"/>
                </a:lnTo>
                <a:lnTo>
                  <a:pt x="7216" y="2331"/>
                </a:lnTo>
                <a:lnTo>
                  <a:pt x="7211" y="2341"/>
                </a:lnTo>
                <a:lnTo>
                  <a:pt x="7205" y="2350"/>
                </a:lnTo>
                <a:lnTo>
                  <a:pt x="7199" y="2359"/>
                </a:lnTo>
                <a:lnTo>
                  <a:pt x="7192" y="2367"/>
                </a:lnTo>
                <a:lnTo>
                  <a:pt x="7185" y="2374"/>
                </a:lnTo>
                <a:lnTo>
                  <a:pt x="7177" y="2382"/>
                </a:lnTo>
                <a:lnTo>
                  <a:pt x="7168" y="2390"/>
                </a:lnTo>
                <a:lnTo>
                  <a:pt x="7158" y="2397"/>
                </a:lnTo>
                <a:lnTo>
                  <a:pt x="7148" y="2403"/>
                </a:lnTo>
                <a:lnTo>
                  <a:pt x="7137" y="2409"/>
                </a:lnTo>
                <a:lnTo>
                  <a:pt x="7125" y="2414"/>
                </a:lnTo>
                <a:lnTo>
                  <a:pt x="7113" y="2420"/>
                </a:lnTo>
                <a:lnTo>
                  <a:pt x="7099" y="2424"/>
                </a:lnTo>
                <a:lnTo>
                  <a:pt x="7085" y="2429"/>
                </a:lnTo>
                <a:lnTo>
                  <a:pt x="7070" y="2432"/>
                </a:lnTo>
                <a:lnTo>
                  <a:pt x="7054" y="2434"/>
                </a:lnTo>
                <a:lnTo>
                  <a:pt x="7037" y="2437"/>
                </a:lnTo>
                <a:lnTo>
                  <a:pt x="7019" y="2439"/>
                </a:lnTo>
                <a:lnTo>
                  <a:pt x="7000" y="2440"/>
                </a:lnTo>
                <a:lnTo>
                  <a:pt x="6980" y="2440"/>
                </a:lnTo>
                <a:lnTo>
                  <a:pt x="6947" y="2439"/>
                </a:lnTo>
                <a:lnTo>
                  <a:pt x="6913" y="2437"/>
                </a:lnTo>
                <a:lnTo>
                  <a:pt x="6878" y="2432"/>
                </a:lnTo>
                <a:lnTo>
                  <a:pt x="6843" y="2426"/>
                </a:lnTo>
                <a:lnTo>
                  <a:pt x="6826" y="2421"/>
                </a:lnTo>
                <a:lnTo>
                  <a:pt x="6807" y="2417"/>
                </a:lnTo>
                <a:lnTo>
                  <a:pt x="6789" y="2411"/>
                </a:lnTo>
                <a:lnTo>
                  <a:pt x="6772" y="2406"/>
                </a:lnTo>
                <a:lnTo>
                  <a:pt x="6754" y="2399"/>
                </a:lnTo>
                <a:lnTo>
                  <a:pt x="6737" y="2391"/>
                </a:lnTo>
                <a:lnTo>
                  <a:pt x="6719" y="2383"/>
                </a:lnTo>
                <a:lnTo>
                  <a:pt x="6702" y="2373"/>
                </a:lnTo>
                <a:lnTo>
                  <a:pt x="6702" y="2553"/>
                </a:lnTo>
                <a:lnTo>
                  <a:pt x="6736" y="2566"/>
                </a:lnTo>
                <a:lnTo>
                  <a:pt x="6772" y="2576"/>
                </a:lnTo>
                <a:lnTo>
                  <a:pt x="6810" y="2583"/>
                </a:lnTo>
                <a:lnTo>
                  <a:pt x="6848" y="2590"/>
                </a:lnTo>
                <a:lnTo>
                  <a:pt x="6887" y="2594"/>
                </a:lnTo>
                <a:lnTo>
                  <a:pt x="6928" y="2598"/>
                </a:lnTo>
                <a:lnTo>
                  <a:pt x="6970" y="2599"/>
                </a:lnTo>
                <a:lnTo>
                  <a:pt x="7013" y="2600"/>
                </a:lnTo>
                <a:lnTo>
                  <a:pt x="7046" y="2599"/>
                </a:lnTo>
                <a:lnTo>
                  <a:pt x="7078" y="2598"/>
                </a:lnTo>
                <a:lnTo>
                  <a:pt x="7108" y="2594"/>
                </a:lnTo>
                <a:lnTo>
                  <a:pt x="7136" y="2590"/>
                </a:lnTo>
                <a:lnTo>
                  <a:pt x="7163" y="2584"/>
                </a:lnTo>
                <a:lnTo>
                  <a:pt x="7189" y="2579"/>
                </a:lnTo>
                <a:lnTo>
                  <a:pt x="7213" y="2571"/>
                </a:lnTo>
                <a:lnTo>
                  <a:pt x="7236" y="2562"/>
                </a:lnTo>
                <a:lnTo>
                  <a:pt x="7257" y="2553"/>
                </a:lnTo>
                <a:lnTo>
                  <a:pt x="7278" y="2543"/>
                </a:lnTo>
                <a:lnTo>
                  <a:pt x="7296" y="2532"/>
                </a:lnTo>
                <a:lnTo>
                  <a:pt x="7314" y="2520"/>
                </a:lnTo>
                <a:lnTo>
                  <a:pt x="7331" y="2507"/>
                </a:lnTo>
                <a:lnTo>
                  <a:pt x="7346" y="2493"/>
                </a:lnTo>
                <a:lnTo>
                  <a:pt x="7360" y="2480"/>
                </a:lnTo>
                <a:lnTo>
                  <a:pt x="7373" y="2464"/>
                </a:lnTo>
                <a:lnTo>
                  <a:pt x="7385" y="2449"/>
                </a:lnTo>
                <a:lnTo>
                  <a:pt x="7396" y="2433"/>
                </a:lnTo>
                <a:lnTo>
                  <a:pt x="7406" y="2417"/>
                </a:lnTo>
                <a:lnTo>
                  <a:pt x="7415" y="2400"/>
                </a:lnTo>
                <a:lnTo>
                  <a:pt x="7423" y="2382"/>
                </a:lnTo>
                <a:lnTo>
                  <a:pt x="7430" y="2364"/>
                </a:lnTo>
                <a:lnTo>
                  <a:pt x="7436" y="2346"/>
                </a:lnTo>
                <a:lnTo>
                  <a:pt x="7442" y="2328"/>
                </a:lnTo>
                <a:lnTo>
                  <a:pt x="7447" y="2309"/>
                </a:lnTo>
                <a:lnTo>
                  <a:pt x="7451" y="2290"/>
                </a:lnTo>
                <a:lnTo>
                  <a:pt x="7454" y="2270"/>
                </a:lnTo>
                <a:lnTo>
                  <a:pt x="7457" y="2251"/>
                </a:lnTo>
                <a:lnTo>
                  <a:pt x="7459" y="2231"/>
                </a:lnTo>
                <a:lnTo>
                  <a:pt x="7460" y="2212"/>
                </a:lnTo>
                <a:lnTo>
                  <a:pt x="7461" y="2192"/>
                </a:lnTo>
                <a:lnTo>
                  <a:pt x="7461" y="2172"/>
                </a:lnTo>
                <a:lnTo>
                  <a:pt x="7461" y="1489"/>
                </a:lnTo>
                <a:lnTo>
                  <a:pt x="7251" y="1489"/>
                </a:lnTo>
                <a:close/>
                <a:moveTo>
                  <a:pt x="7044" y="2109"/>
                </a:moveTo>
                <a:lnTo>
                  <a:pt x="7032" y="2108"/>
                </a:lnTo>
                <a:lnTo>
                  <a:pt x="7020" y="2108"/>
                </a:lnTo>
                <a:lnTo>
                  <a:pt x="7009" y="2106"/>
                </a:lnTo>
                <a:lnTo>
                  <a:pt x="6998" y="2103"/>
                </a:lnTo>
                <a:lnTo>
                  <a:pt x="6988" y="2101"/>
                </a:lnTo>
                <a:lnTo>
                  <a:pt x="6978" y="2097"/>
                </a:lnTo>
                <a:lnTo>
                  <a:pt x="6968" y="2093"/>
                </a:lnTo>
                <a:lnTo>
                  <a:pt x="6959" y="2089"/>
                </a:lnTo>
                <a:lnTo>
                  <a:pt x="6950" y="2083"/>
                </a:lnTo>
                <a:lnTo>
                  <a:pt x="6942" y="2078"/>
                </a:lnTo>
                <a:lnTo>
                  <a:pt x="6934" y="2072"/>
                </a:lnTo>
                <a:lnTo>
                  <a:pt x="6926" y="2066"/>
                </a:lnTo>
                <a:lnTo>
                  <a:pt x="6919" y="2059"/>
                </a:lnTo>
                <a:lnTo>
                  <a:pt x="6912" y="2052"/>
                </a:lnTo>
                <a:lnTo>
                  <a:pt x="6905" y="2044"/>
                </a:lnTo>
                <a:lnTo>
                  <a:pt x="6899" y="2037"/>
                </a:lnTo>
                <a:lnTo>
                  <a:pt x="6888" y="2019"/>
                </a:lnTo>
                <a:lnTo>
                  <a:pt x="6879" y="2001"/>
                </a:lnTo>
                <a:lnTo>
                  <a:pt x="6870" y="1982"/>
                </a:lnTo>
                <a:lnTo>
                  <a:pt x="6864" y="1962"/>
                </a:lnTo>
                <a:lnTo>
                  <a:pt x="6859" y="1941"/>
                </a:lnTo>
                <a:lnTo>
                  <a:pt x="6855" y="1920"/>
                </a:lnTo>
                <a:lnTo>
                  <a:pt x="6853" y="1898"/>
                </a:lnTo>
                <a:lnTo>
                  <a:pt x="6852" y="1876"/>
                </a:lnTo>
                <a:lnTo>
                  <a:pt x="6853" y="1853"/>
                </a:lnTo>
                <a:lnTo>
                  <a:pt x="6855" y="1831"/>
                </a:lnTo>
                <a:lnTo>
                  <a:pt x="6858" y="1809"/>
                </a:lnTo>
                <a:lnTo>
                  <a:pt x="6862" y="1788"/>
                </a:lnTo>
                <a:lnTo>
                  <a:pt x="6868" y="1767"/>
                </a:lnTo>
                <a:lnTo>
                  <a:pt x="6876" y="1747"/>
                </a:lnTo>
                <a:lnTo>
                  <a:pt x="6885" y="1728"/>
                </a:lnTo>
                <a:lnTo>
                  <a:pt x="6896" y="1710"/>
                </a:lnTo>
                <a:lnTo>
                  <a:pt x="6902" y="1701"/>
                </a:lnTo>
                <a:lnTo>
                  <a:pt x="6909" y="1693"/>
                </a:lnTo>
                <a:lnTo>
                  <a:pt x="6916" y="1686"/>
                </a:lnTo>
                <a:lnTo>
                  <a:pt x="6923" y="1678"/>
                </a:lnTo>
                <a:lnTo>
                  <a:pt x="6931" y="1671"/>
                </a:lnTo>
                <a:lnTo>
                  <a:pt x="6939" y="1664"/>
                </a:lnTo>
                <a:lnTo>
                  <a:pt x="6948" y="1659"/>
                </a:lnTo>
                <a:lnTo>
                  <a:pt x="6958" y="1653"/>
                </a:lnTo>
                <a:lnTo>
                  <a:pt x="6967" y="1649"/>
                </a:lnTo>
                <a:lnTo>
                  <a:pt x="6978" y="1644"/>
                </a:lnTo>
                <a:lnTo>
                  <a:pt x="6989" y="1641"/>
                </a:lnTo>
                <a:lnTo>
                  <a:pt x="7000" y="1638"/>
                </a:lnTo>
                <a:lnTo>
                  <a:pt x="7012" y="1636"/>
                </a:lnTo>
                <a:lnTo>
                  <a:pt x="7025" y="1633"/>
                </a:lnTo>
                <a:lnTo>
                  <a:pt x="7038" y="1632"/>
                </a:lnTo>
                <a:lnTo>
                  <a:pt x="7052" y="1632"/>
                </a:lnTo>
                <a:lnTo>
                  <a:pt x="7064" y="1632"/>
                </a:lnTo>
                <a:lnTo>
                  <a:pt x="7075" y="1633"/>
                </a:lnTo>
                <a:lnTo>
                  <a:pt x="7086" y="1634"/>
                </a:lnTo>
                <a:lnTo>
                  <a:pt x="7097" y="1637"/>
                </a:lnTo>
                <a:lnTo>
                  <a:pt x="7108" y="1640"/>
                </a:lnTo>
                <a:lnTo>
                  <a:pt x="7118" y="1643"/>
                </a:lnTo>
                <a:lnTo>
                  <a:pt x="7127" y="1647"/>
                </a:lnTo>
                <a:lnTo>
                  <a:pt x="7137" y="1651"/>
                </a:lnTo>
                <a:lnTo>
                  <a:pt x="7145" y="1656"/>
                </a:lnTo>
                <a:lnTo>
                  <a:pt x="7154" y="1661"/>
                </a:lnTo>
                <a:lnTo>
                  <a:pt x="7162" y="1667"/>
                </a:lnTo>
                <a:lnTo>
                  <a:pt x="7169" y="1673"/>
                </a:lnTo>
                <a:lnTo>
                  <a:pt x="7176" y="1680"/>
                </a:lnTo>
                <a:lnTo>
                  <a:pt x="7183" y="1687"/>
                </a:lnTo>
                <a:lnTo>
                  <a:pt x="7190" y="1694"/>
                </a:lnTo>
                <a:lnTo>
                  <a:pt x="7196" y="1702"/>
                </a:lnTo>
                <a:lnTo>
                  <a:pt x="7207" y="1719"/>
                </a:lnTo>
                <a:lnTo>
                  <a:pt x="7216" y="1738"/>
                </a:lnTo>
                <a:lnTo>
                  <a:pt x="7224" y="1758"/>
                </a:lnTo>
                <a:lnTo>
                  <a:pt x="7230" y="1778"/>
                </a:lnTo>
                <a:lnTo>
                  <a:pt x="7235" y="1800"/>
                </a:lnTo>
                <a:lnTo>
                  <a:pt x="7239" y="1823"/>
                </a:lnTo>
                <a:lnTo>
                  <a:pt x="7241" y="1847"/>
                </a:lnTo>
                <a:lnTo>
                  <a:pt x="7242" y="1871"/>
                </a:lnTo>
                <a:lnTo>
                  <a:pt x="7241" y="1892"/>
                </a:lnTo>
                <a:lnTo>
                  <a:pt x="7239" y="1913"/>
                </a:lnTo>
                <a:lnTo>
                  <a:pt x="7236" y="1934"/>
                </a:lnTo>
                <a:lnTo>
                  <a:pt x="7231" y="1956"/>
                </a:lnTo>
                <a:lnTo>
                  <a:pt x="7225" y="1976"/>
                </a:lnTo>
                <a:lnTo>
                  <a:pt x="7217" y="1996"/>
                </a:lnTo>
                <a:lnTo>
                  <a:pt x="7208" y="2014"/>
                </a:lnTo>
                <a:lnTo>
                  <a:pt x="7197" y="2032"/>
                </a:lnTo>
                <a:lnTo>
                  <a:pt x="7191" y="2040"/>
                </a:lnTo>
                <a:lnTo>
                  <a:pt x="7184" y="2048"/>
                </a:lnTo>
                <a:lnTo>
                  <a:pt x="7177" y="2056"/>
                </a:lnTo>
                <a:lnTo>
                  <a:pt x="7170" y="2063"/>
                </a:lnTo>
                <a:lnTo>
                  <a:pt x="7162" y="2070"/>
                </a:lnTo>
                <a:lnTo>
                  <a:pt x="7154" y="2077"/>
                </a:lnTo>
                <a:lnTo>
                  <a:pt x="7145" y="2082"/>
                </a:lnTo>
                <a:lnTo>
                  <a:pt x="7136" y="2088"/>
                </a:lnTo>
                <a:lnTo>
                  <a:pt x="7126" y="2092"/>
                </a:lnTo>
                <a:lnTo>
                  <a:pt x="7116" y="2097"/>
                </a:lnTo>
                <a:lnTo>
                  <a:pt x="7105" y="2100"/>
                </a:lnTo>
                <a:lnTo>
                  <a:pt x="7094" y="2103"/>
                </a:lnTo>
                <a:lnTo>
                  <a:pt x="7082" y="2106"/>
                </a:lnTo>
                <a:lnTo>
                  <a:pt x="7070" y="2107"/>
                </a:lnTo>
                <a:lnTo>
                  <a:pt x="7057" y="2108"/>
                </a:lnTo>
                <a:lnTo>
                  <a:pt x="7044" y="2109"/>
                </a:lnTo>
                <a:close/>
                <a:moveTo>
                  <a:pt x="8369" y="1777"/>
                </a:moveTo>
                <a:lnTo>
                  <a:pt x="8368" y="1759"/>
                </a:lnTo>
                <a:lnTo>
                  <a:pt x="8367" y="1741"/>
                </a:lnTo>
                <a:lnTo>
                  <a:pt x="8366" y="1723"/>
                </a:lnTo>
                <a:lnTo>
                  <a:pt x="8363" y="1707"/>
                </a:lnTo>
                <a:lnTo>
                  <a:pt x="8360" y="1691"/>
                </a:lnTo>
                <a:lnTo>
                  <a:pt x="8357" y="1674"/>
                </a:lnTo>
                <a:lnTo>
                  <a:pt x="8352" y="1660"/>
                </a:lnTo>
                <a:lnTo>
                  <a:pt x="8347" y="1646"/>
                </a:lnTo>
                <a:lnTo>
                  <a:pt x="8341" y="1631"/>
                </a:lnTo>
                <a:lnTo>
                  <a:pt x="8335" y="1618"/>
                </a:lnTo>
                <a:lnTo>
                  <a:pt x="8328" y="1606"/>
                </a:lnTo>
                <a:lnTo>
                  <a:pt x="8320" y="1593"/>
                </a:lnTo>
                <a:lnTo>
                  <a:pt x="8311" y="1582"/>
                </a:lnTo>
                <a:lnTo>
                  <a:pt x="8302" y="1571"/>
                </a:lnTo>
                <a:lnTo>
                  <a:pt x="8292" y="1560"/>
                </a:lnTo>
                <a:lnTo>
                  <a:pt x="8281" y="1550"/>
                </a:lnTo>
                <a:lnTo>
                  <a:pt x="8270" y="1541"/>
                </a:lnTo>
                <a:lnTo>
                  <a:pt x="8257" y="1532"/>
                </a:lnTo>
                <a:lnTo>
                  <a:pt x="8244" y="1524"/>
                </a:lnTo>
                <a:lnTo>
                  <a:pt x="8230" y="1517"/>
                </a:lnTo>
                <a:lnTo>
                  <a:pt x="8216" y="1510"/>
                </a:lnTo>
                <a:lnTo>
                  <a:pt x="8200" y="1503"/>
                </a:lnTo>
                <a:lnTo>
                  <a:pt x="8184" y="1498"/>
                </a:lnTo>
                <a:lnTo>
                  <a:pt x="8167" y="1492"/>
                </a:lnTo>
                <a:lnTo>
                  <a:pt x="8150" y="1488"/>
                </a:lnTo>
                <a:lnTo>
                  <a:pt x="8131" y="1484"/>
                </a:lnTo>
                <a:lnTo>
                  <a:pt x="8112" y="1481"/>
                </a:lnTo>
                <a:lnTo>
                  <a:pt x="8092" y="1478"/>
                </a:lnTo>
                <a:lnTo>
                  <a:pt x="8071" y="1476"/>
                </a:lnTo>
                <a:lnTo>
                  <a:pt x="8049" y="1474"/>
                </a:lnTo>
                <a:lnTo>
                  <a:pt x="8027" y="1473"/>
                </a:lnTo>
                <a:lnTo>
                  <a:pt x="8003" y="1473"/>
                </a:lnTo>
                <a:lnTo>
                  <a:pt x="7971" y="1473"/>
                </a:lnTo>
                <a:lnTo>
                  <a:pt x="7935" y="1476"/>
                </a:lnTo>
                <a:lnTo>
                  <a:pt x="7898" y="1478"/>
                </a:lnTo>
                <a:lnTo>
                  <a:pt x="7858" y="1482"/>
                </a:lnTo>
                <a:lnTo>
                  <a:pt x="7818" y="1488"/>
                </a:lnTo>
                <a:lnTo>
                  <a:pt x="7777" y="1496"/>
                </a:lnTo>
                <a:lnTo>
                  <a:pt x="7737" y="1504"/>
                </a:lnTo>
                <a:lnTo>
                  <a:pt x="7697" y="1514"/>
                </a:lnTo>
                <a:lnTo>
                  <a:pt x="7697" y="1670"/>
                </a:lnTo>
                <a:lnTo>
                  <a:pt x="7728" y="1658"/>
                </a:lnTo>
                <a:lnTo>
                  <a:pt x="7760" y="1648"/>
                </a:lnTo>
                <a:lnTo>
                  <a:pt x="7793" y="1640"/>
                </a:lnTo>
                <a:lnTo>
                  <a:pt x="7827" y="1633"/>
                </a:lnTo>
                <a:lnTo>
                  <a:pt x="7860" y="1628"/>
                </a:lnTo>
                <a:lnTo>
                  <a:pt x="7892" y="1623"/>
                </a:lnTo>
                <a:lnTo>
                  <a:pt x="7924" y="1621"/>
                </a:lnTo>
                <a:lnTo>
                  <a:pt x="7954" y="1621"/>
                </a:lnTo>
                <a:lnTo>
                  <a:pt x="7975" y="1621"/>
                </a:lnTo>
                <a:lnTo>
                  <a:pt x="7995" y="1622"/>
                </a:lnTo>
                <a:lnTo>
                  <a:pt x="8014" y="1623"/>
                </a:lnTo>
                <a:lnTo>
                  <a:pt x="8033" y="1626"/>
                </a:lnTo>
                <a:lnTo>
                  <a:pt x="8050" y="1629"/>
                </a:lnTo>
                <a:lnTo>
                  <a:pt x="8067" y="1634"/>
                </a:lnTo>
                <a:lnTo>
                  <a:pt x="8082" y="1640"/>
                </a:lnTo>
                <a:lnTo>
                  <a:pt x="8096" y="1648"/>
                </a:lnTo>
                <a:lnTo>
                  <a:pt x="8102" y="1653"/>
                </a:lnTo>
                <a:lnTo>
                  <a:pt x="8108" y="1658"/>
                </a:lnTo>
                <a:lnTo>
                  <a:pt x="8114" y="1663"/>
                </a:lnTo>
                <a:lnTo>
                  <a:pt x="8120" y="1670"/>
                </a:lnTo>
                <a:lnTo>
                  <a:pt x="8125" y="1677"/>
                </a:lnTo>
                <a:lnTo>
                  <a:pt x="8129" y="1683"/>
                </a:lnTo>
                <a:lnTo>
                  <a:pt x="8134" y="1691"/>
                </a:lnTo>
                <a:lnTo>
                  <a:pt x="8138" y="1700"/>
                </a:lnTo>
                <a:lnTo>
                  <a:pt x="8141" y="1709"/>
                </a:lnTo>
                <a:lnTo>
                  <a:pt x="8144" y="1719"/>
                </a:lnTo>
                <a:lnTo>
                  <a:pt x="8147" y="1729"/>
                </a:lnTo>
                <a:lnTo>
                  <a:pt x="8149" y="1740"/>
                </a:lnTo>
                <a:lnTo>
                  <a:pt x="8151" y="1752"/>
                </a:lnTo>
                <a:lnTo>
                  <a:pt x="8152" y="1764"/>
                </a:lnTo>
                <a:lnTo>
                  <a:pt x="8153" y="1778"/>
                </a:lnTo>
                <a:lnTo>
                  <a:pt x="8153" y="1792"/>
                </a:lnTo>
                <a:lnTo>
                  <a:pt x="8044" y="1792"/>
                </a:lnTo>
                <a:lnTo>
                  <a:pt x="8007" y="1792"/>
                </a:lnTo>
                <a:lnTo>
                  <a:pt x="7969" y="1794"/>
                </a:lnTo>
                <a:lnTo>
                  <a:pt x="7929" y="1797"/>
                </a:lnTo>
                <a:lnTo>
                  <a:pt x="7889" y="1800"/>
                </a:lnTo>
                <a:lnTo>
                  <a:pt x="7851" y="1806"/>
                </a:lnTo>
                <a:lnTo>
                  <a:pt x="7815" y="1811"/>
                </a:lnTo>
                <a:lnTo>
                  <a:pt x="7798" y="1816"/>
                </a:lnTo>
                <a:lnTo>
                  <a:pt x="7782" y="1819"/>
                </a:lnTo>
                <a:lnTo>
                  <a:pt x="7767" y="1823"/>
                </a:lnTo>
                <a:lnTo>
                  <a:pt x="7753" y="1828"/>
                </a:lnTo>
                <a:lnTo>
                  <a:pt x="7738" y="1834"/>
                </a:lnTo>
                <a:lnTo>
                  <a:pt x="7723" y="1841"/>
                </a:lnTo>
                <a:lnTo>
                  <a:pt x="7708" y="1849"/>
                </a:lnTo>
                <a:lnTo>
                  <a:pt x="7694" y="1857"/>
                </a:lnTo>
                <a:lnTo>
                  <a:pt x="7680" y="1867"/>
                </a:lnTo>
                <a:lnTo>
                  <a:pt x="7667" y="1877"/>
                </a:lnTo>
                <a:lnTo>
                  <a:pt x="7655" y="1888"/>
                </a:lnTo>
                <a:lnTo>
                  <a:pt x="7644" y="1900"/>
                </a:lnTo>
                <a:lnTo>
                  <a:pt x="7633" y="1913"/>
                </a:lnTo>
                <a:lnTo>
                  <a:pt x="7624" y="1928"/>
                </a:lnTo>
                <a:lnTo>
                  <a:pt x="7615" y="1943"/>
                </a:lnTo>
                <a:lnTo>
                  <a:pt x="7607" y="1959"/>
                </a:lnTo>
                <a:lnTo>
                  <a:pt x="7602" y="1977"/>
                </a:lnTo>
                <a:lnTo>
                  <a:pt x="7598" y="1994"/>
                </a:lnTo>
                <a:lnTo>
                  <a:pt x="7595" y="2014"/>
                </a:lnTo>
                <a:lnTo>
                  <a:pt x="7594" y="2034"/>
                </a:lnTo>
                <a:lnTo>
                  <a:pt x="7594" y="2052"/>
                </a:lnTo>
                <a:lnTo>
                  <a:pt x="7596" y="2068"/>
                </a:lnTo>
                <a:lnTo>
                  <a:pt x="7598" y="2083"/>
                </a:lnTo>
                <a:lnTo>
                  <a:pt x="7600" y="2098"/>
                </a:lnTo>
                <a:lnTo>
                  <a:pt x="7604" y="2112"/>
                </a:lnTo>
                <a:lnTo>
                  <a:pt x="7608" y="2126"/>
                </a:lnTo>
                <a:lnTo>
                  <a:pt x="7614" y="2138"/>
                </a:lnTo>
                <a:lnTo>
                  <a:pt x="7620" y="2150"/>
                </a:lnTo>
                <a:lnTo>
                  <a:pt x="7626" y="2162"/>
                </a:lnTo>
                <a:lnTo>
                  <a:pt x="7633" y="2173"/>
                </a:lnTo>
                <a:lnTo>
                  <a:pt x="7641" y="2183"/>
                </a:lnTo>
                <a:lnTo>
                  <a:pt x="7649" y="2193"/>
                </a:lnTo>
                <a:lnTo>
                  <a:pt x="7658" y="2202"/>
                </a:lnTo>
                <a:lnTo>
                  <a:pt x="7667" y="2211"/>
                </a:lnTo>
                <a:lnTo>
                  <a:pt x="7677" y="2219"/>
                </a:lnTo>
                <a:lnTo>
                  <a:pt x="7687" y="2227"/>
                </a:lnTo>
                <a:lnTo>
                  <a:pt x="7698" y="2234"/>
                </a:lnTo>
                <a:lnTo>
                  <a:pt x="7709" y="2241"/>
                </a:lnTo>
                <a:lnTo>
                  <a:pt x="7720" y="2247"/>
                </a:lnTo>
                <a:lnTo>
                  <a:pt x="7732" y="2252"/>
                </a:lnTo>
                <a:lnTo>
                  <a:pt x="7745" y="2258"/>
                </a:lnTo>
                <a:lnTo>
                  <a:pt x="7757" y="2262"/>
                </a:lnTo>
                <a:lnTo>
                  <a:pt x="7771" y="2266"/>
                </a:lnTo>
                <a:lnTo>
                  <a:pt x="7784" y="2269"/>
                </a:lnTo>
                <a:lnTo>
                  <a:pt x="7812" y="2276"/>
                </a:lnTo>
                <a:lnTo>
                  <a:pt x="7840" y="2279"/>
                </a:lnTo>
                <a:lnTo>
                  <a:pt x="7870" y="2282"/>
                </a:lnTo>
                <a:lnTo>
                  <a:pt x="7900" y="2282"/>
                </a:lnTo>
                <a:lnTo>
                  <a:pt x="7921" y="2282"/>
                </a:lnTo>
                <a:lnTo>
                  <a:pt x="7942" y="2281"/>
                </a:lnTo>
                <a:lnTo>
                  <a:pt x="7963" y="2279"/>
                </a:lnTo>
                <a:lnTo>
                  <a:pt x="7982" y="2277"/>
                </a:lnTo>
                <a:lnTo>
                  <a:pt x="8001" y="2273"/>
                </a:lnTo>
                <a:lnTo>
                  <a:pt x="8019" y="2270"/>
                </a:lnTo>
                <a:lnTo>
                  <a:pt x="8036" y="2264"/>
                </a:lnTo>
                <a:lnTo>
                  <a:pt x="8053" y="2260"/>
                </a:lnTo>
                <a:lnTo>
                  <a:pt x="8069" y="2253"/>
                </a:lnTo>
                <a:lnTo>
                  <a:pt x="8084" y="2247"/>
                </a:lnTo>
                <a:lnTo>
                  <a:pt x="8099" y="2238"/>
                </a:lnTo>
                <a:lnTo>
                  <a:pt x="8113" y="2230"/>
                </a:lnTo>
                <a:lnTo>
                  <a:pt x="8126" y="2220"/>
                </a:lnTo>
                <a:lnTo>
                  <a:pt x="8139" y="2210"/>
                </a:lnTo>
                <a:lnTo>
                  <a:pt x="8151" y="2199"/>
                </a:lnTo>
                <a:lnTo>
                  <a:pt x="8163" y="2187"/>
                </a:lnTo>
                <a:lnTo>
                  <a:pt x="8166" y="2187"/>
                </a:lnTo>
                <a:lnTo>
                  <a:pt x="8166" y="2264"/>
                </a:lnTo>
                <a:lnTo>
                  <a:pt x="8369" y="2264"/>
                </a:lnTo>
                <a:lnTo>
                  <a:pt x="8369" y="1777"/>
                </a:lnTo>
                <a:close/>
                <a:moveTo>
                  <a:pt x="8153" y="2056"/>
                </a:moveTo>
                <a:lnTo>
                  <a:pt x="8140" y="2067"/>
                </a:lnTo>
                <a:lnTo>
                  <a:pt x="8126" y="2077"/>
                </a:lnTo>
                <a:lnTo>
                  <a:pt x="8113" y="2086"/>
                </a:lnTo>
                <a:lnTo>
                  <a:pt x="8100" y="2093"/>
                </a:lnTo>
                <a:lnTo>
                  <a:pt x="8086" y="2100"/>
                </a:lnTo>
                <a:lnTo>
                  <a:pt x="8073" y="2107"/>
                </a:lnTo>
                <a:lnTo>
                  <a:pt x="8060" y="2112"/>
                </a:lnTo>
                <a:lnTo>
                  <a:pt x="8047" y="2118"/>
                </a:lnTo>
                <a:lnTo>
                  <a:pt x="8021" y="2126"/>
                </a:lnTo>
                <a:lnTo>
                  <a:pt x="7995" y="2131"/>
                </a:lnTo>
                <a:lnTo>
                  <a:pt x="7970" y="2134"/>
                </a:lnTo>
                <a:lnTo>
                  <a:pt x="7946" y="2136"/>
                </a:lnTo>
                <a:lnTo>
                  <a:pt x="7932" y="2137"/>
                </a:lnTo>
                <a:lnTo>
                  <a:pt x="7918" y="2136"/>
                </a:lnTo>
                <a:lnTo>
                  <a:pt x="7906" y="2134"/>
                </a:lnTo>
                <a:lnTo>
                  <a:pt x="7894" y="2132"/>
                </a:lnTo>
                <a:lnTo>
                  <a:pt x="7882" y="2129"/>
                </a:lnTo>
                <a:lnTo>
                  <a:pt x="7872" y="2126"/>
                </a:lnTo>
                <a:lnTo>
                  <a:pt x="7862" y="2121"/>
                </a:lnTo>
                <a:lnTo>
                  <a:pt x="7853" y="2114"/>
                </a:lnTo>
                <a:lnTo>
                  <a:pt x="7845" y="2108"/>
                </a:lnTo>
                <a:lnTo>
                  <a:pt x="7838" y="2101"/>
                </a:lnTo>
                <a:lnTo>
                  <a:pt x="7831" y="2092"/>
                </a:lnTo>
                <a:lnTo>
                  <a:pt x="7826" y="2082"/>
                </a:lnTo>
                <a:lnTo>
                  <a:pt x="7822" y="2071"/>
                </a:lnTo>
                <a:lnTo>
                  <a:pt x="7819" y="2059"/>
                </a:lnTo>
                <a:lnTo>
                  <a:pt x="7817" y="2046"/>
                </a:lnTo>
                <a:lnTo>
                  <a:pt x="7817" y="2031"/>
                </a:lnTo>
                <a:lnTo>
                  <a:pt x="7817" y="2022"/>
                </a:lnTo>
                <a:lnTo>
                  <a:pt x="7818" y="2014"/>
                </a:lnTo>
                <a:lnTo>
                  <a:pt x="7820" y="2007"/>
                </a:lnTo>
                <a:lnTo>
                  <a:pt x="7822" y="1999"/>
                </a:lnTo>
                <a:lnTo>
                  <a:pt x="7825" y="1992"/>
                </a:lnTo>
                <a:lnTo>
                  <a:pt x="7829" y="1986"/>
                </a:lnTo>
                <a:lnTo>
                  <a:pt x="7833" y="1980"/>
                </a:lnTo>
                <a:lnTo>
                  <a:pt x="7838" y="1973"/>
                </a:lnTo>
                <a:lnTo>
                  <a:pt x="7844" y="1969"/>
                </a:lnTo>
                <a:lnTo>
                  <a:pt x="7850" y="1963"/>
                </a:lnTo>
                <a:lnTo>
                  <a:pt x="7856" y="1959"/>
                </a:lnTo>
                <a:lnTo>
                  <a:pt x="7863" y="1954"/>
                </a:lnTo>
                <a:lnTo>
                  <a:pt x="7878" y="1947"/>
                </a:lnTo>
                <a:lnTo>
                  <a:pt x="7896" y="1940"/>
                </a:lnTo>
                <a:lnTo>
                  <a:pt x="7914" y="1934"/>
                </a:lnTo>
                <a:lnTo>
                  <a:pt x="7934" y="1931"/>
                </a:lnTo>
                <a:lnTo>
                  <a:pt x="7956" y="1927"/>
                </a:lnTo>
                <a:lnTo>
                  <a:pt x="7978" y="1924"/>
                </a:lnTo>
                <a:lnTo>
                  <a:pt x="8002" y="1922"/>
                </a:lnTo>
                <a:lnTo>
                  <a:pt x="8026" y="1921"/>
                </a:lnTo>
                <a:lnTo>
                  <a:pt x="8051" y="1921"/>
                </a:lnTo>
                <a:lnTo>
                  <a:pt x="8076" y="1920"/>
                </a:lnTo>
                <a:lnTo>
                  <a:pt x="8153" y="1920"/>
                </a:lnTo>
                <a:lnTo>
                  <a:pt x="8153" y="2056"/>
                </a:lnTo>
                <a:close/>
                <a:moveTo>
                  <a:pt x="1975" y="1263"/>
                </a:moveTo>
                <a:lnTo>
                  <a:pt x="1975" y="1872"/>
                </a:lnTo>
                <a:lnTo>
                  <a:pt x="1975" y="1897"/>
                </a:lnTo>
                <a:lnTo>
                  <a:pt x="1973" y="1921"/>
                </a:lnTo>
                <a:lnTo>
                  <a:pt x="1969" y="1943"/>
                </a:lnTo>
                <a:lnTo>
                  <a:pt x="1964" y="1964"/>
                </a:lnTo>
                <a:lnTo>
                  <a:pt x="1958" y="1984"/>
                </a:lnTo>
                <a:lnTo>
                  <a:pt x="1951" y="2002"/>
                </a:lnTo>
                <a:lnTo>
                  <a:pt x="1942" y="2019"/>
                </a:lnTo>
                <a:lnTo>
                  <a:pt x="1931" y="2034"/>
                </a:lnTo>
                <a:lnTo>
                  <a:pt x="1925" y="2042"/>
                </a:lnTo>
                <a:lnTo>
                  <a:pt x="1919" y="2048"/>
                </a:lnTo>
                <a:lnTo>
                  <a:pt x="1912" y="2054"/>
                </a:lnTo>
                <a:lnTo>
                  <a:pt x="1906" y="2060"/>
                </a:lnTo>
                <a:lnTo>
                  <a:pt x="1898" y="2066"/>
                </a:lnTo>
                <a:lnTo>
                  <a:pt x="1891" y="2071"/>
                </a:lnTo>
                <a:lnTo>
                  <a:pt x="1882" y="2076"/>
                </a:lnTo>
                <a:lnTo>
                  <a:pt x="1874" y="2079"/>
                </a:lnTo>
                <a:lnTo>
                  <a:pt x="1865" y="2083"/>
                </a:lnTo>
                <a:lnTo>
                  <a:pt x="1856" y="2087"/>
                </a:lnTo>
                <a:lnTo>
                  <a:pt x="1846" y="2089"/>
                </a:lnTo>
                <a:lnTo>
                  <a:pt x="1836" y="2091"/>
                </a:lnTo>
                <a:lnTo>
                  <a:pt x="1815" y="2094"/>
                </a:lnTo>
                <a:lnTo>
                  <a:pt x="1792" y="2096"/>
                </a:lnTo>
                <a:lnTo>
                  <a:pt x="1775" y="2096"/>
                </a:lnTo>
                <a:lnTo>
                  <a:pt x="1754" y="2096"/>
                </a:lnTo>
                <a:lnTo>
                  <a:pt x="1730" y="2094"/>
                </a:lnTo>
                <a:lnTo>
                  <a:pt x="1704" y="2093"/>
                </a:lnTo>
                <a:lnTo>
                  <a:pt x="1676" y="2090"/>
                </a:lnTo>
                <a:lnTo>
                  <a:pt x="1647" y="2087"/>
                </a:lnTo>
                <a:lnTo>
                  <a:pt x="1618" y="2082"/>
                </a:lnTo>
                <a:lnTo>
                  <a:pt x="1589" y="2076"/>
                </a:lnTo>
                <a:lnTo>
                  <a:pt x="1589" y="2266"/>
                </a:lnTo>
                <a:lnTo>
                  <a:pt x="1619" y="2270"/>
                </a:lnTo>
                <a:lnTo>
                  <a:pt x="1649" y="2274"/>
                </a:lnTo>
                <a:lnTo>
                  <a:pt x="1680" y="2277"/>
                </a:lnTo>
                <a:lnTo>
                  <a:pt x="1712" y="2279"/>
                </a:lnTo>
                <a:lnTo>
                  <a:pt x="1743" y="2281"/>
                </a:lnTo>
                <a:lnTo>
                  <a:pt x="1774" y="2282"/>
                </a:lnTo>
                <a:lnTo>
                  <a:pt x="1805" y="2282"/>
                </a:lnTo>
                <a:lnTo>
                  <a:pt x="1834" y="2282"/>
                </a:lnTo>
                <a:lnTo>
                  <a:pt x="1857" y="2282"/>
                </a:lnTo>
                <a:lnTo>
                  <a:pt x="1880" y="2281"/>
                </a:lnTo>
                <a:lnTo>
                  <a:pt x="1902" y="2279"/>
                </a:lnTo>
                <a:lnTo>
                  <a:pt x="1924" y="2276"/>
                </a:lnTo>
                <a:lnTo>
                  <a:pt x="1945" y="2272"/>
                </a:lnTo>
                <a:lnTo>
                  <a:pt x="1965" y="2268"/>
                </a:lnTo>
                <a:lnTo>
                  <a:pt x="1985" y="2262"/>
                </a:lnTo>
                <a:lnTo>
                  <a:pt x="2005" y="2256"/>
                </a:lnTo>
                <a:lnTo>
                  <a:pt x="2023" y="2249"/>
                </a:lnTo>
                <a:lnTo>
                  <a:pt x="2041" y="2241"/>
                </a:lnTo>
                <a:lnTo>
                  <a:pt x="2058" y="2232"/>
                </a:lnTo>
                <a:lnTo>
                  <a:pt x="2074" y="2223"/>
                </a:lnTo>
                <a:lnTo>
                  <a:pt x="2090" y="2213"/>
                </a:lnTo>
                <a:lnTo>
                  <a:pt x="2105" y="2203"/>
                </a:lnTo>
                <a:lnTo>
                  <a:pt x="2119" y="2192"/>
                </a:lnTo>
                <a:lnTo>
                  <a:pt x="2133" y="2180"/>
                </a:lnTo>
                <a:lnTo>
                  <a:pt x="2146" y="2167"/>
                </a:lnTo>
                <a:lnTo>
                  <a:pt x="2158" y="2153"/>
                </a:lnTo>
                <a:lnTo>
                  <a:pt x="2169" y="2140"/>
                </a:lnTo>
                <a:lnTo>
                  <a:pt x="2180" y="2126"/>
                </a:lnTo>
                <a:lnTo>
                  <a:pt x="2189" y="2110"/>
                </a:lnTo>
                <a:lnTo>
                  <a:pt x="2198" y="2094"/>
                </a:lnTo>
                <a:lnTo>
                  <a:pt x="2206" y="2078"/>
                </a:lnTo>
                <a:lnTo>
                  <a:pt x="2214" y="2061"/>
                </a:lnTo>
                <a:lnTo>
                  <a:pt x="2220" y="2043"/>
                </a:lnTo>
                <a:lnTo>
                  <a:pt x="2226" y="2026"/>
                </a:lnTo>
                <a:lnTo>
                  <a:pt x="2231" y="2007"/>
                </a:lnTo>
                <a:lnTo>
                  <a:pt x="2235" y="1987"/>
                </a:lnTo>
                <a:lnTo>
                  <a:pt x="2238" y="1968"/>
                </a:lnTo>
                <a:lnTo>
                  <a:pt x="2240" y="1947"/>
                </a:lnTo>
                <a:lnTo>
                  <a:pt x="2241" y="1927"/>
                </a:lnTo>
                <a:lnTo>
                  <a:pt x="2242" y="1906"/>
                </a:lnTo>
                <a:lnTo>
                  <a:pt x="2242" y="1263"/>
                </a:lnTo>
                <a:lnTo>
                  <a:pt x="1975" y="1263"/>
                </a:lnTo>
                <a:close/>
                <a:moveTo>
                  <a:pt x="6497" y="1473"/>
                </a:moveTo>
                <a:lnTo>
                  <a:pt x="6479" y="1473"/>
                </a:lnTo>
                <a:lnTo>
                  <a:pt x="6462" y="1474"/>
                </a:lnTo>
                <a:lnTo>
                  <a:pt x="6444" y="1477"/>
                </a:lnTo>
                <a:lnTo>
                  <a:pt x="6427" y="1479"/>
                </a:lnTo>
                <a:lnTo>
                  <a:pt x="6411" y="1483"/>
                </a:lnTo>
                <a:lnTo>
                  <a:pt x="6394" y="1488"/>
                </a:lnTo>
                <a:lnTo>
                  <a:pt x="6378" y="1493"/>
                </a:lnTo>
                <a:lnTo>
                  <a:pt x="6363" y="1500"/>
                </a:lnTo>
                <a:lnTo>
                  <a:pt x="6348" y="1509"/>
                </a:lnTo>
                <a:lnTo>
                  <a:pt x="6333" y="1518"/>
                </a:lnTo>
                <a:lnTo>
                  <a:pt x="6319" y="1529"/>
                </a:lnTo>
                <a:lnTo>
                  <a:pt x="6306" y="1541"/>
                </a:lnTo>
                <a:lnTo>
                  <a:pt x="6293" y="1556"/>
                </a:lnTo>
                <a:lnTo>
                  <a:pt x="6281" y="1571"/>
                </a:lnTo>
                <a:lnTo>
                  <a:pt x="6269" y="1588"/>
                </a:lnTo>
                <a:lnTo>
                  <a:pt x="6259" y="1608"/>
                </a:lnTo>
                <a:lnTo>
                  <a:pt x="6255" y="1608"/>
                </a:lnTo>
                <a:lnTo>
                  <a:pt x="6255" y="1490"/>
                </a:lnTo>
                <a:lnTo>
                  <a:pt x="6043" y="1490"/>
                </a:lnTo>
                <a:lnTo>
                  <a:pt x="6043" y="2264"/>
                </a:lnTo>
                <a:lnTo>
                  <a:pt x="6274" y="2264"/>
                </a:lnTo>
                <a:lnTo>
                  <a:pt x="6274" y="1886"/>
                </a:lnTo>
                <a:lnTo>
                  <a:pt x="6274" y="1857"/>
                </a:lnTo>
                <a:lnTo>
                  <a:pt x="6276" y="1831"/>
                </a:lnTo>
                <a:lnTo>
                  <a:pt x="6279" y="1808"/>
                </a:lnTo>
                <a:lnTo>
                  <a:pt x="6282" y="1787"/>
                </a:lnTo>
                <a:lnTo>
                  <a:pt x="6286" y="1769"/>
                </a:lnTo>
                <a:lnTo>
                  <a:pt x="6291" y="1752"/>
                </a:lnTo>
                <a:lnTo>
                  <a:pt x="6296" y="1739"/>
                </a:lnTo>
                <a:lnTo>
                  <a:pt x="6301" y="1728"/>
                </a:lnTo>
                <a:lnTo>
                  <a:pt x="6311" y="1711"/>
                </a:lnTo>
                <a:lnTo>
                  <a:pt x="6322" y="1697"/>
                </a:lnTo>
                <a:lnTo>
                  <a:pt x="6327" y="1690"/>
                </a:lnTo>
                <a:lnTo>
                  <a:pt x="6333" y="1683"/>
                </a:lnTo>
                <a:lnTo>
                  <a:pt x="6340" y="1678"/>
                </a:lnTo>
                <a:lnTo>
                  <a:pt x="6347" y="1672"/>
                </a:lnTo>
                <a:lnTo>
                  <a:pt x="6354" y="1668"/>
                </a:lnTo>
                <a:lnTo>
                  <a:pt x="6361" y="1663"/>
                </a:lnTo>
                <a:lnTo>
                  <a:pt x="6369" y="1659"/>
                </a:lnTo>
                <a:lnTo>
                  <a:pt x="6378" y="1656"/>
                </a:lnTo>
                <a:lnTo>
                  <a:pt x="6397" y="1649"/>
                </a:lnTo>
                <a:lnTo>
                  <a:pt x="6418" y="1644"/>
                </a:lnTo>
                <a:lnTo>
                  <a:pt x="6430" y="1643"/>
                </a:lnTo>
                <a:lnTo>
                  <a:pt x="6443" y="1643"/>
                </a:lnTo>
                <a:lnTo>
                  <a:pt x="6457" y="1643"/>
                </a:lnTo>
                <a:lnTo>
                  <a:pt x="6471" y="1646"/>
                </a:lnTo>
                <a:lnTo>
                  <a:pt x="6485" y="1648"/>
                </a:lnTo>
                <a:lnTo>
                  <a:pt x="6499" y="1652"/>
                </a:lnTo>
                <a:lnTo>
                  <a:pt x="6513" y="1658"/>
                </a:lnTo>
                <a:lnTo>
                  <a:pt x="6525" y="1664"/>
                </a:lnTo>
                <a:lnTo>
                  <a:pt x="6628" y="1500"/>
                </a:lnTo>
                <a:lnTo>
                  <a:pt x="6612" y="1494"/>
                </a:lnTo>
                <a:lnTo>
                  <a:pt x="6597" y="1489"/>
                </a:lnTo>
                <a:lnTo>
                  <a:pt x="6582" y="1484"/>
                </a:lnTo>
                <a:lnTo>
                  <a:pt x="6566" y="1480"/>
                </a:lnTo>
                <a:lnTo>
                  <a:pt x="6550" y="1477"/>
                </a:lnTo>
                <a:lnTo>
                  <a:pt x="6533" y="1476"/>
                </a:lnTo>
                <a:lnTo>
                  <a:pt x="6516" y="1473"/>
                </a:lnTo>
                <a:lnTo>
                  <a:pt x="6497" y="1473"/>
                </a:lnTo>
                <a:close/>
                <a:moveTo>
                  <a:pt x="13421" y="1473"/>
                </a:moveTo>
                <a:lnTo>
                  <a:pt x="13402" y="1474"/>
                </a:lnTo>
                <a:lnTo>
                  <a:pt x="13383" y="1476"/>
                </a:lnTo>
                <a:lnTo>
                  <a:pt x="13365" y="1478"/>
                </a:lnTo>
                <a:lnTo>
                  <a:pt x="13347" y="1481"/>
                </a:lnTo>
                <a:lnTo>
                  <a:pt x="13329" y="1484"/>
                </a:lnTo>
                <a:lnTo>
                  <a:pt x="13312" y="1489"/>
                </a:lnTo>
                <a:lnTo>
                  <a:pt x="13295" y="1494"/>
                </a:lnTo>
                <a:lnTo>
                  <a:pt x="13278" y="1501"/>
                </a:lnTo>
                <a:lnTo>
                  <a:pt x="13262" y="1508"/>
                </a:lnTo>
                <a:lnTo>
                  <a:pt x="13247" y="1514"/>
                </a:lnTo>
                <a:lnTo>
                  <a:pt x="13232" y="1522"/>
                </a:lnTo>
                <a:lnTo>
                  <a:pt x="13218" y="1531"/>
                </a:lnTo>
                <a:lnTo>
                  <a:pt x="13204" y="1540"/>
                </a:lnTo>
                <a:lnTo>
                  <a:pt x="13191" y="1550"/>
                </a:lnTo>
                <a:lnTo>
                  <a:pt x="13180" y="1560"/>
                </a:lnTo>
                <a:lnTo>
                  <a:pt x="13169" y="1570"/>
                </a:lnTo>
                <a:lnTo>
                  <a:pt x="13166" y="1570"/>
                </a:lnTo>
                <a:lnTo>
                  <a:pt x="13166" y="1489"/>
                </a:lnTo>
                <a:lnTo>
                  <a:pt x="12947" y="1489"/>
                </a:lnTo>
                <a:lnTo>
                  <a:pt x="12947" y="2264"/>
                </a:lnTo>
                <a:lnTo>
                  <a:pt x="13169" y="2264"/>
                </a:lnTo>
                <a:lnTo>
                  <a:pt x="13169" y="1733"/>
                </a:lnTo>
                <a:lnTo>
                  <a:pt x="13179" y="1721"/>
                </a:lnTo>
                <a:lnTo>
                  <a:pt x="13189" y="1710"/>
                </a:lnTo>
                <a:lnTo>
                  <a:pt x="13200" y="1700"/>
                </a:lnTo>
                <a:lnTo>
                  <a:pt x="13211" y="1691"/>
                </a:lnTo>
                <a:lnTo>
                  <a:pt x="13223" y="1682"/>
                </a:lnTo>
                <a:lnTo>
                  <a:pt x="13235" y="1676"/>
                </a:lnTo>
                <a:lnTo>
                  <a:pt x="13246" y="1669"/>
                </a:lnTo>
                <a:lnTo>
                  <a:pt x="13258" y="1663"/>
                </a:lnTo>
                <a:lnTo>
                  <a:pt x="13270" y="1658"/>
                </a:lnTo>
                <a:lnTo>
                  <a:pt x="13282" y="1653"/>
                </a:lnTo>
                <a:lnTo>
                  <a:pt x="13294" y="1650"/>
                </a:lnTo>
                <a:lnTo>
                  <a:pt x="13306" y="1648"/>
                </a:lnTo>
                <a:lnTo>
                  <a:pt x="13318" y="1646"/>
                </a:lnTo>
                <a:lnTo>
                  <a:pt x="13329" y="1644"/>
                </a:lnTo>
                <a:lnTo>
                  <a:pt x="13341" y="1643"/>
                </a:lnTo>
                <a:lnTo>
                  <a:pt x="13352" y="1642"/>
                </a:lnTo>
                <a:lnTo>
                  <a:pt x="13367" y="1643"/>
                </a:lnTo>
                <a:lnTo>
                  <a:pt x="13380" y="1644"/>
                </a:lnTo>
                <a:lnTo>
                  <a:pt x="13393" y="1646"/>
                </a:lnTo>
                <a:lnTo>
                  <a:pt x="13405" y="1648"/>
                </a:lnTo>
                <a:lnTo>
                  <a:pt x="13416" y="1651"/>
                </a:lnTo>
                <a:lnTo>
                  <a:pt x="13426" y="1654"/>
                </a:lnTo>
                <a:lnTo>
                  <a:pt x="13436" y="1658"/>
                </a:lnTo>
                <a:lnTo>
                  <a:pt x="13445" y="1663"/>
                </a:lnTo>
                <a:lnTo>
                  <a:pt x="13453" y="1668"/>
                </a:lnTo>
                <a:lnTo>
                  <a:pt x="13460" y="1673"/>
                </a:lnTo>
                <a:lnTo>
                  <a:pt x="13467" y="1680"/>
                </a:lnTo>
                <a:lnTo>
                  <a:pt x="13473" y="1687"/>
                </a:lnTo>
                <a:lnTo>
                  <a:pt x="13479" y="1693"/>
                </a:lnTo>
                <a:lnTo>
                  <a:pt x="13484" y="1701"/>
                </a:lnTo>
                <a:lnTo>
                  <a:pt x="13489" y="1709"/>
                </a:lnTo>
                <a:lnTo>
                  <a:pt x="13493" y="1718"/>
                </a:lnTo>
                <a:lnTo>
                  <a:pt x="13496" y="1727"/>
                </a:lnTo>
                <a:lnTo>
                  <a:pt x="13499" y="1737"/>
                </a:lnTo>
                <a:lnTo>
                  <a:pt x="13502" y="1747"/>
                </a:lnTo>
                <a:lnTo>
                  <a:pt x="13505" y="1757"/>
                </a:lnTo>
                <a:lnTo>
                  <a:pt x="13508" y="1778"/>
                </a:lnTo>
                <a:lnTo>
                  <a:pt x="13511" y="1801"/>
                </a:lnTo>
                <a:lnTo>
                  <a:pt x="13512" y="1824"/>
                </a:lnTo>
                <a:lnTo>
                  <a:pt x="13513" y="1850"/>
                </a:lnTo>
                <a:lnTo>
                  <a:pt x="13514" y="1877"/>
                </a:lnTo>
                <a:lnTo>
                  <a:pt x="13514" y="1903"/>
                </a:lnTo>
                <a:lnTo>
                  <a:pt x="13514" y="2264"/>
                </a:lnTo>
                <a:lnTo>
                  <a:pt x="13736" y="2264"/>
                </a:lnTo>
                <a:lnTo>
                  <a:pt x="13736" y="1823"/>
                </a:lnTo>
                <a:lnTo>
                  <a:pt x="13736" y="1791"/>
                </a:lnTo>
                <a:lnTo>
                  <a:pt x="13734" y="1759"/>
                </a:lnTo>
                <a:lnTo>
                  <a:pt x="13731" y="1728"/>
                </a:lnTo>
                <a:lnTo>
                  <a:pt x="13726" y="1697"/>
                </a:lnTo>
                <a:lnTo>
                  <a:pt x="13722" y="1681"/>
                </a:lnTo>
                <a:lnTo>
                  <a:pt x="13719" y="1667"/>
                </a:lnTo>
                <a:lnTo>
                  <a:pt x="13714" y="1652"/>
                </a:lnTo>
                <a:lnTo>
                  <a:pt x="13709" y="1638"/>
                </a:lnTo>
                <a:lnTo>
                  <a:pt x="13704" y="1623"/>
                </a:lnTo>
                <a:lnTo>
                  <a:pt x="13697" y="1610"/>
                </a:lnTo>
                <a:lnTo>
                  <a:pt x="13690" y="1597"/>
                </a:lnTo>
                <a:lnTo>
                  <a:pt x="13682" y="1584"/>
                </a:lnTo>
                <a:lnTo>
                  <a:pt x="13673" y="1572"/>
                </a:lnTo>
                <a:lnTo>
                  <a:pt x="13664" y="1561"/>
                </a:lnTo>
                <a:lnTo>
                  <a:pt x="13653" y="1550"/>
                </a:lnTo>
                <a:lnTo>
                  <a:pt x="13642" y="1539"/>
                </a:lnTo>
                <a:lnTo>
                  <a:pt x="13630" y="1529"/>
                </a:lnTo>
                <a:lnTo>
                  <a:pt x="13616" y="1520"/>
                </a:lnTo>
                <a:lnTo>
                  <a:pt x="13602" y="1512"/>
                </a:lnTo>
                <a:lnTo>
                  <a:pt x="13587" y="1504"/>
                </a:lnTo>
                <a:lnTo>
                  <a:pt x="13570" y="1498"/>
                </a:lnTo>
                <a:lnTo>
                  <a:pt x="13552" y="1491"/>
                </a:lnTo>
                <a:lnTo>
                  <a:pt x="13534" y="1486"/>
                </a:lnTo>
                <a:lnTo>
                  <a:pt x="13514" y="1481"/>
                </a:lnTo>
                <a:lnTo>
                  <a:pt x="13492" y="1478"/>
                </a:lnTo>
                <a:lnTo>
                  <a:pt x="13470" y="1476"/>
                </a:lnTo>
                <a:lnTo>
                  <a:pt x="13446" y="1474"/>
                </a:lnTo>
                <a:lnTo>
                  <a:pt x="13421" y="1473"/>
                </a:lnTo>
                <a:close/>
                <a:moveTo>
                  <a:pt x="11542" y="1777"/>
                </a:moveTo>
                <a:lnTo>
                  <a:pt x="11542" y="1759"/>
                </a:lnTo>
                <a:lnTo>
                  <a:pt x="11541" y="1740"/>
                </a:lnTo>
                <a:lnTo>
                  <a:pt x="11539" y="1723"/>
                </a:lnTo>
                <a:lnTo>
                  <a:pt x="11537" y="1707"/>
                </a:lnTo>
                <a:lnTo>
                  <a:pt x="11534" y="1690"/>
                </a:lnTo>
                <a:lnTo>
                  <a:pt x="11530" y="1674"/>
                </a:lnTo>
                <a:lnTo>
                  <a:pt x="11526" y="1660"/>
                </a:lnTo>
                <a:lnTo>
                  <a:pt x="11521" y="1646"/>
                </a:lnTo>
                <a:lnTo>
                  <a:pt x="11515" y="1631"/>
                </a:lnTo>
                <a:lnTo>
                  <a:pt x="11509" y="1618"/>
                </a:lnTo>
                <a:lnTo>
                  <a:pt x="11501" y="1606"/>
                </a:lnTo>
                <a:lnTo>
                  <a:pt x="11494" y="1593"/>
                </a:lnTo>
                <a:lnTo>
                  <a:pt x="11485" y="1582"/>
                </a:lnTo>
                <a:lnTo>
                  <a:pt x="11476" y="1571"/>
                </a:lnTo>
                <a:lnTo>
                  <a:pt x="11466" y="1560"/>
                </a:lnTo>
                <a:lnTo>
                  <a:pt x="11455" y="1550"/>
                </a:lnTo>
                <a:lnTo>
                  <a:pt x="11443" y="1541"/>
                </a:lnTo>
                <a:lnTo>
                  <a:pt x="11431" y="1532"/>
                </a:lnTo>
                <a:lnTo>
                  <a:pt x="11418" y="1524"/>
                </a:lnTo>
                <a:lnTo>
                  <a:pt x="11404" y="1517"/>
                </a:lnTo>
                <a:lnTo>
                  <a:pt x="11390" y="1510"/>
                </a:lnTo>
                <a:lnTo>
                  <a:pt x="11374" y="1503"/>
                </a:lnTo>
                <a:lnTo>
                  <a:pt x="11358" y="1498"/>
                </a:lnTo>
                <a:lnTo>
                  <a:pt x="11341" y="1493"/>
                </a:lnTo>
                <a:lnTo>
                  <a:pt x="11324" y="1489"/>
                </a:lnTo>
                <a:lnTo>
                  <a:pt x="11305" y="1484"/>
                </a:lnTo>
                <a:lnTo>
                  <a:pt x="11286" y="1481"/>
                </a:lnTo>
                <a:lnTo>
                  <a:pt x="11266" y="1479"/>
                </a:lnTo>
                <a:lnTo>
                  <a:pt x="11245" y="1477"/>
                </a:lnTo>
                <a:lnTo>
                  <a:pt x="11223" y="1474"/>
                </a:lnTo>
                <a:lnTo>
                  <a:pt x="11201" y="1473"/>
                </a:lnTo>
                <a:lnTo>
                  <a:pt x="11177" y="1473"/>
                </a:lnTo>
                <a:lnTo>
                  <a:pt x="11145" y="1474"/>
                </a:lnTo>
                <a:lnTo>
                  <a:pt x="11109" y="1476"/>
                </a:lnTo>
                <a:lnTo>
                  <a:pt x="11071" y="1479"/>
                </a:lnTo>
                <a:lnTo>
                  <a:pt x="11032" y="1482"/>
                </a:lnTo>
                <a:lnTo>
                  <a:pt x="10992" y="1488"/>
                </a:lnTo>
                <a:lnTo>
                  <a:pt x="10951" y="1496"/>
                </a:lnTo>
                <a:lnTo>
                  <a:pt x="10910" y="1504"/>
                </a:lnTo>
                <a:lnTo>
                  <a:pt x="10871" y="1514"/>
                </a:lnTo>
                <a:lnTo>
                  <a:pt x="10871" y="1669"/>
                </a:lnTo>
                <a:lnTo>
                  <a:pt x="10902" y="1658"/>
                </a:lnTo>
                <a:lnTo>
                  <a:pt x="10934" y="1648"/>
                </a:lnTo>
                <a:lnTo>
                  <a:pt x="10967" y="1640"/>
                </a:lnTo>
                <a:lnTo>
                  <a:pt x="11000" y="1633"/>
                </a:lnTo>
                <a:lnTo>
                  <a:pt x="11034" y="1628"/>
                </a:lnTo>
                <a:lnTo>
                  <a:pt x="11066" y="1623"/>
                </a:lnTo>
                <a:lnTo>
                  <a:pt x="11098" y="1621"/>
                </a:lnTo>
                <a:lnTo>
                  <a:pt x="11128" y="1621"/>
                </a:lnTo>
                <a:lnTo>
                  <a:pt x="11149" y="1621"/>
                </a:lnTo>
                <a:lnTo>
                  <a:pt x="11169" y="1622"/>
                </a:lnTo>
                <a:lnTo>
                  <a:pt x="11188" y="1623"/>
                </a:lnTo>
                <a:lnTo>
                  <a:pt x="11207" y="1626"/>
                </a:lnTo>
                <a:lnTo>
                  <a:pt x="11224" y="1629"/>
                </a:lnTo>
                <a:lnTo>
                  <a:pt x="11240" y="1634"/>
                </a:lnTo>
                <a:lnTo>
                  <a:pt x="11256" y="1640"/>
                </a:lnTo>
                <a:lnTo>
                  <a:pt x="11270" y="1648"/>
                </a:lnTo>
                <a:lnTo>
                  <a:pt x="11276" y="1652"/>
                </a:lnTo>
                <a:lnTo>
                  <a:pt x="11282" y="1658"/>
                </a:lnTo>
                <a:lnTo>
                  <a:pt x="11288" y="1663"/>
                </a:lnTo>
                <a:lnTo>
                  <a:pt x="11294" y="1670"/>
                </a:lnTo>
                <a:lnTo>
                  <a:pt x="11299" y="1677"/>
                </a:lnTo>
                <a:lnTo>
                  <a:pt x="11303" y="1683"/>
                </a:lnTo>
                <a:lnTo>
                  <a:pt x="11308" y="1691"/>
                </a:lnTo>
                <a:lnTo>
                  <a:pt x="11312" y="1700"/>
                </a:lnTo>
                <a:lnTo>
                  <a:pt x="11315" y="1709"/>
                </a:lnTo>
                <a:lnTo>
                  <a:pt x="11318" y="1719"/>
                </a:lnTo>
                <a:lnTo>
                  <a:pt x="11321" y="1729"/>
                </a:lnTo>
                <a:lnTo>
                  <a:pt x="11323" y="1740"/>
                </a:lnTo>
                <a:lnTo>
                  <a:pt x="11325" y="1752"/>
                </a:lnTo>
                <a:lnTo>
                  <a:pt x="11326" y="1764"/>
                </a:lnTo>
                <a:lnTo>
                  <a:pt x="11327" y="1778"/>
                </a:lnTo>
                <a:lnTo>
                  <a:pt x="11327" y="1792"/>
                </a:lnTo>
                <a:lnTo>
                  <a:pt x="11217" y="1792"/>
                </a:lnTo>
                <a:lnTo>
                  <a:pt x="11181" y="1792"/>
                </a:lnTo>
                <a:lnTo>
                  <a:pt x="11143" y="1794"/>
                </a:lnTo>
                <a:lnTo>
                  <a:pt x="11103" y="1797"/>
                </a:lnTo>
                <a:lnTo>
                  <a:pt x="11063" y="1800"/>
                </a:lnTo>
                <a:lnTo>
                  <a:pt x="11025" y="1806"/>
                </a:lnTo>
                <a:lnTo>
                  <a:pt x="10989" y="1811"/>
                </a:lnTo>
                <a:lnTo>
                  <a:pt x="10971" y="1816"/>
                </a:lnTo>
                <a:lnTo>
                  <a:pt x="10955" y="1819"/>
                </a:lnTo>
                <a:lnTo>
                  <a:pt x="10940" y="1823"/>
                </a:lnTo>
                <a:lnTo>
                  <a:pt x="10927" y="1828"/>
                </a:lnTo>
                <a:lnTo>
                  <a:pt x="10912" y="1834"/>
                </a:lnTo>
                <a:lnTo>
                  <a:pt x="10897" y="1841"/>
                </a:lnTo>
                <a:lnTo>
                  <a:pt x="10882" y="1849"/>
                </a:lnTo>
                <a:lnTo>
                  <a:pt x="10868" y="1857"/>
                </a:lnTo>
                <a:lnTo>
                  <a:pt x="10854" y="1867"/>
                </a:lnTo>
                <a:lnTo>
                  <a:pt x="10841" y="1877"/>
                </a:lnTo>
                <a:lnTo>
                  <a:pt x="10829" y="1888"/>
                </a:lnTo>
                <a:lnTo>
                  <a:pt x="10818" y="1900"/>
                </a:lnTo>
                <a:lnTo>
                  <a:pt x="10806" y="1913"/>
                </a:lnTo>
                <a:lnTo>
                  <a:pt x="10797" y="1928"/>
                </a:lnTo>
                <a:lnTo>
                  <a:pt x="10788" y="1942"/>
                </a:lnTo>
                <a:lnTo>
                  <a:pt x="10781" y="1959"/>
                </a:lnTo>
                <a:lnTo>
                  <a:pt x="10776" y="1977"/>
                </a:lnTo>
                <a:lnTo>
                  <a:pt x="10771" y="1994"/>
                </a:lnTo>
                <a:lnTo>
                  <a:pt x="10769" y="2014"/>
                </a:lnTo>
                <a:lnTo>
                  <a:pt x="10768" y="2034"/>
                </a:lnTo>
                <a:lnTo>
                  <a:pt x="10768" y="2051"/>
                </a:lnTo>
                <a:lnTo>
                  <a:pt x="10770" y="2068"/>
                </a:lnTo>
                <a:lnTo>
                  <a:pt x="10772" y="2083"/>
                </a:lnTo>
                <a:lnTo>
                  <a:pt x="10774" y="2098"/>
                </a:lnTo>
                <a:lnTo>
                  <a:pt x="10778" y="2112"/>
                </a:lnTo>
                <a:lnTo>
                  <a:pt x="10782" y="2126"/>
                </a:lnTo>
                <a:lnTo>
                  <a:pt x="10787" y="2138"/>
                </a:lnTo>
                <a:lnTo>
                  <a:pt x="10793" y="2150"/>
                </a:lnTo>
                <a:lnTo>
                  <a:pt x="10799" y="2162"/>
                </a:lnTo>
                <a:lnTo>
                  <a:pt x="10806" y="2172"/>
                </a:lnTo>
                <a:lnTo>
                  <a:pt x="10815" y="2183"/>
                </a:lnTo>
                <a:lnTo>
                  <a:pt x="10823" y="2193"/>
                </a:lnTo>
                <a:lnTo>
                  <a:pt x="10831" y="2202"/>
                </a:lnTo>
                <a:lnTo>
                  <a:pt x="10841" y="2211"/>
                </a:lnTo>
                <a:lnTo>
                  <a:pt x="10850" y="2219"/>
                </a:lnTo>
                <a:lnTo>
                  <a:pt x="10861" y="2227"/>
                </a:lnTo>
                <a:lnTo>
                  <a:pt x="10871" y="2233"/>
                </a:lnTo>
                <a:lnTo>
                  <a:pt x="10883" y="2240"/>
                </a:lnTo>
                <a:lnTo>
                  <a:pt x="10894" y="2247"/>
                </a:lnTo>
                <a:lnTo>
                  <a:pt x="10906" y="2251"/>
                </a:lnTo>
                <a:lnTo>
                  <a:pt x="10919" y="2257"/>
                </a:lnTo>
                <a:lnTo>
                  <a:pt x="10931" y="2261"/>
                </a:lnTo>
                <a:lnTo>
                  <a:pt x="10944" y="2266"/>
                </a:lnTo>
                <a:lnTo>
                  <a:pt x="10958" y="2269"/>
                </a:lnTo>
                <a:lnTo>
                  <a:pt x="10985" y="2274"/>
                </a:lnTo>
                <a:lnTo>
                  <a:pt x="11014" y="2279"/>
                </a:lnTo>
                <a:lnTo>
                  <a:pt x="11043" y="2281"/>
                </a:lnTo>
                <a:lnTo>
                  <a:pt x="11073" y="2282"/>
                </a:lnTo>
                <a:lnTo>
                  <a:pt x="11095" y="2281"/>
                </a:lnTo>
                <a:lnTo>
                  <a:pt x="11116" y="2280"/>
                </a:lnTo>
                <a:lnTo>
                  <a:pt x="11136" y="2279"/>
                </a:lnTo>
                <a:lnTo>
                  <a:pt x="11156" y="2276"/>
                </a:lnTo>
                <a:lnTo>
                  <a:pt x="11175" y="2273"/>
                </a:lnTo>
                <a:lnTo>
                  <a:pt x="11193" y="2269"/>
                </a:lnTo>
                <a:lnTo>
                  <a:pt x="11210" y="2264"/>
                </a:lnTo>
                <a:lnTo>
                  <a:pt x="11227" y="2259"/>
                </a:lnTo>
                <a:lnTo>
                  <a:pt x="11243" y="2252"/>
                </a:lnTo>
                <a:lnTo>
                  <a:pt x="11258" y="2246"/>
                </a:lnTo>
                <a:lnTo>
                  <a:pt x="11272" y="2238"/>
                </a:lnTo>
                <a:lnTo>
                  <a:pt x="11286" y="2229"/>
                </a:lnTo>
                <a:lnTo>
                  <a:pt x="11300" y="2219"/>
                </a:lnTo>
                <a:lnTo>
                  <a:pt x="11313" y="2209"/>
                </a:lnTo>
                <a:lnTo>
                  <a:pt x="11325" y="2198"/>
                </a:lnTo>
                <a:lnTo>
                  <a:pt x="11336" y="2186"/>
                </a:lnTo>
                <a:lnTo>
                  <a:pt x="11340" y="2186"/>
                </a:lnTo>
                <a:lnTo>
                  <a:pt x="11340" y="2264"/>
                </a:lnTo>
                <a:lnTo>
                  <a:pt x="11542" y="2264"/>
                </a:lnTo>
                <a:lnTo>
                  <a:pt x="11542" y="1777"/>
                </a:lnTo>
                <a:close/>
                <a:moveTo>
                  <a:pt x="11327" y="2056"/>
                </a:moveTo>
                <a:lnTo>
                  <a:pt x="11313" y="2067"/>
                </a:lnTo>
                <a:lnTo>
                  <a:pt x="11300" y="2076"/>
                </a:lnTo>
                <a:lnTo>
                  <a:pt x="11287" y="2084"/>
                </a:lnTo>
                <a:lnTo>
                  <a:pt x="11273" y="2092"/>
                </a:lnTo>
                <a:lnTo>
                  <a:pt x="11260" y="2100"/>
                </a:lnTo>
                <a:lnTo>
                  <a:pt x="11247" y="2107"/>
                </a:lnTo>
                <a:lnTo>
                  <a:pt x="11234" y="2112"/>
                </a:lnTo>
                <a:lnTo>
                  <a:pt x="11221" y="2117"/>
                </a:lnTo>
                <a:lnTo>
                  <a:pt x="11194" y="2124"/>
                </a:lnTo>
                <a:lnTo>
                  <a:pt x="11169" y="2130"/>
                </a:lnTo>
                <a:lnTo>
                  <a:pt x="11144" y="2133"/>
                </a:lnTo>
                <a:lnTo>
                  <a:pt x="11120" y="2136"/>
                </a:lnTo>
                <a:lnTo>
                  <a:pt x="11106" y="2136"/>
                </a:lnTo>
                <a:lnTo>
                  <a:pt x="11092" y="2134"/>
                </a:lnTo>
                <a:lnTo>
                  <a:pt x="11079" y="2133"/>
                </a:lnTo>
                <a:lnTo>
                  <a:pt x="11067" y="2131"/>
                </a:lnTo>
                <a:lnTo>
                  <a:pt x="11056" y="2128"/>
                </a:lnTo>
                <a:lnTo>
                  <a:pt x="11045" y="2124"/>
                </a:lnTo>
                <a:lnTo>
                  <a:pt x="11036" y="2120"/>
                </a:lnTo>
                <a:lnTo>
                  <a:pt x="11027" y="2114"/>
                </a:lnTo>
                <a:lnTo>
                  <a:pt x="11019" y="2108"/>
                </a:lnTo>
                <a:lnTo>
                  <a:pt x="11011" y="2100"/>
                </a:lnTo>
                <a:lnTo>
                  <a:pt x="11005" y="2091"/>
                </a:lnTo>
                <a:lnTo>
                  <a:pt x="11000" y="2081"/>
                </a:lnTo>
                <a:lnTo>
                  <a:pt x="10996" y="2071"/>
                </a:lnTo>
                <a:lnTo>
                  <a:pt x="10993" y="2059"/>
                </a:lnTo>
                <a:lnTo>
                  <a:pt x="10991" y="2046"/>
                </a:lnTo>
                <a:lnTo>
                  <a:pt x="10991" y="2031"/>
                </a:lnTo>
                <a:lnTo>
                  <a:pt x="10991" y="2023"/>
                </a:lnTo>
                <a:lnTo>
                  <a:pt x="10992" y="2014"/>
                </a:lnTo>
                <a:lnTo>
                  <a:pt x="10994" y="2007"/>
                </a:lnTo>
                <a:lnTo>
                  <a:pt x="10996" y="2000"/>
                </a:lnTo>
                <a:lnTo>
                  <a:pt x="10999" y="1992"/>
                </a:lnTo>
                <a:lnTo>
                  <a:pt x="11003" y="1986"/>
                </a:lnTo>
                <a:lnTo>
                  <a:pt x="11007" y="1980"/>
                </a:lnTo>
                <a:lnTo>
                  <a:pt x="11012" y="1974"/>
                </a:lnTo>
                <a:lnTo>
                  <a:pt x="11018" y="1969"/>
                </a:lnTo>
                <a:lnTo>
                  <a:pt x="11023" y="1963"/>
                </a:lnTo>
                <a:lnTo>
                  <a:pt x="11030" y="1959"/>
                </a:lnTo>
                <a:lnTo>
                  <a:pt x="11037" y="1954"/>
                </a:lnTo>
                <a:lnTo>
                  <a:pt x="11052" y="1947"/>
                </a:lnTo>
                <a:lnTo>
                  <a:pt x="11069" y="1940"/>
                </a:lnTo>
                <a:lnTo>
                  <a:pt x="11088" y="1934"/>
                </a:lnTo>
                <a:lnTo>
                  <a:pt x="11108" y="1930"/>
                </a:lnTo>
                <a:lnTo>
                  <a:pt x="11130" y="1927"/>
                </a:lnTo>
                <a:lnTo>
                  <a:pt x="11152" y="1924"/>
                </a:lnTo>
                <a:lnTo>
                  <a:pt x="11176" y="1922"/>
                </a:lnTo>
                <a:lnTo>
                  <a:pt x="11200" y="1921"/>
                </a:lnTo>
                <a:lnTo>
                  <a:pt x="11225" y="1920"/>
                </a:lnTo>
                <a:lnTo>
                  <a:pt x="11250" y="1920"/>
                </a:lnTo>
                <a:lnTo>
                  <a:pt x="11327" y="1920"/>
                </a:lnTo>
                <a:lnTo>
                  <a:pt x="11327" y="2056"/>
                </a:lnTo>
                <a:close/>
                <a:moveTo>
                  <a:pt x="12159" y="1473"/>
                </a:moveTo>
                <a:lnTo>
                  <a:pt x="12142" y="1474"/>
                </a:lnTo>
                <a:lnTo>
                  <a:pt x="12124" y="1474"/>
                </a:lnTo>
                <a:lnTo>
                  <a:pt x="12107" y="1477"/>
                </a:lnTo>
                <a:lnTo>
                  <a:pt x="12090" y="1480"/>
                </a:lnTo>
                <a:lnTo>
                  <a:pt x="12073" y="1483"/>
                </a:lnTo>
                <a:lnTo>
                  <a:pt x="12057" y="1488"/>
                </a:lnTo>
                <a:lnTo>
                  <a:pt x="12041" y="1493"/>
                </a:lnTo>
                <a:lnTo>
                  <a:pt x="12025" y="1500"/>
                </a:lnTo>
                <a:lnTo>
                  <a:pt x="12010" y="1509"/>
                </a:lnTo>
                <a:lnTo>
                  <a:pt x="11996" y="1518"/>
                </a:lnTo>
                <a:lnTo>
                  <a:pt x="11982" y="1529"/>
                </a:lnTo>
                <a:lnTo>
                  <a:pt x="11968" y="1541"/>
                </a:lnTo>
                <a:lnTo>
                  <a:pt x="11956" y="1556"/>
                </a:lnTo>
                <a:lnTo>
                  <a:pt x="11943" y="1571"/>
                </a:lnTo>
                <a:lnTo>
                  <a:pt x="11932" y="1588"/>
                </a:lnTo>
                <a:lnTo>
                  <a:pt x="11921" y="1607"/>
                </a:lnTo>
                <a:lnTo>
                  <a:pt x="11918" y="1607"/>
                </a:lnTo>
                <a:lnTo>
                  <a:pt x="11918" y="1489"/>
                </a:lnTo>
                <a:lnTo>
                  <a:pt x="11706" y="1489"/>
                </a:lnTo>
                <a:lnTo>
                  <a:pt x="11706" y="2264"/>
                </a:lnTo>
                <a:lnTo>
                  <a:pt x="11937" y="2264"/>
                </a:lnTo>
                <a:lnTo>
                  <a:pt x="11937" y="1886"/>
                </a:lnTo>
                <a:lnTo>
                  <a:pt x="11937" y="1857"/>
                </a:lnTo>
                <a:lnTo>
                  <a:pt x="11939" y="1830"/>
                </a:lnTo>
                <a:lnTo>
                  <a:pt x="11941" y="1807"/>
                </a:lnTo>
                <a:lnTo>
                  <a:pt x="11944" y="1787"/>
                </a:lnTo>
                <a:lnTo>
                  <a:pt x="11948" y="1768"/>
                </a:lnTo>
                <a:lnTo>
                  <a:pt x="11953" y="1752"/>
                </a:lnTo>
                <a:lnTo>
                  <a:pt x="11958" y="1739"/>
                </a:lnTo>
                <a:lnTo>
                  <a:pt x="11964" y="1728"/>
                </a:lnTo>
                <a:lnTo>
                  <a:pt x="11974" y="1711"/>
                </a:lnTo>
                <a:lnTo>
                  <a:pt x="11984" y="1697"/>
                </a:lnTo>
                <a:lnTo>
                  <a:pt x="11990" y="1690"/>
                </a:lnTo>
                <a:lnTo>
                  <a:pt x="11996" y="1683"/>
                </a:lnTo>
                <a:lnTo>
                  <a:pt x="12002" y="1678"/>
                </a:lnTo>
                <a:lnTo>
                  <a:pt x="12009" y="1672"/>
                </a:lnTo>
                <a:lnTo>
                  <a:pt x="12016" y="1668"/>
                </a:lnTo>
                <a:lnTo>
                  <a:pt x="12024" y="1663"/>
                </a:lnTo>
                <a:lnTo>
                  <a:pt x="12032" y="1659"/>
                </a:lnTo>
                <a:lnTo>
                  <a:pt x="12041" y="1656"/>
                </a:lnTo>
                <a:lnTo>
                  <a:pt x="12059" y="1650"/>
                </a:lnTo>
                <a:lnTo>
                  <a:pt x="12081" y="1646"/>
                </a:lnTo>
                <a:lnTo>
                  <a:pt x="12093" y="1643"/>
                </a:lnTo>
                <a:lnTo>
                  <a:pt x="12106" y="1643"/>
                </a:lnTo>
                <a:lnTo>
                  <a:pt x="12120" y="1643"/>
                </a:lnTo>
                <a:lnTo>
                  <a:pt x="12134" y="1646"/>
                </a:lnTo>
                <a:lnTo>
                  <a:pt x="12148" y="1648"/>
                </a:lnTo>
                <a:lnTo>
                  <a:pt x="12162" y="1652"/>
                </a:lnTo>
                <a:lnTo>
                  <a:pt x="12175" y="1658"/>
                </a:lnTo>
                <a:lnTo>
                  <a:pt x="12187" y="1664"/>
                </a:lnTo>
                <a:lnTo>
                  <a:pt x="12290" y="1500"/>
                </a:lnTo>
                <a:lnTo>
                  <a:pt x="12275" y="1494"/>
                </a:lnTo>
                <a:lnTo>
                  <a:pt x="12259" y="1489"/>
                </a:lnTo>
                <a:lnTo>
                  <a:pt x="12244" y="1484"/>
                </a:lnTo>
                <a:lnTo>
                  <a:pt x="12228" y="1480"/>
                </a:lnTo>
                <a:lnTo>
                  <a:pt x="12212" y="1478"/>
                </a:lnTo>
                <a:lnTo>
                  <a:pt x="12196" y="1476"/>
                </a:lnTo>
                <a:lnTo>
                  <a:pt x="12178" y="1474"/>
                </a:lnTo>
                <a:lnTo>
                  <a:pt x="12159" y="1473"/>
                </a:lnTo>
                <a:close/>
                <a:moveTo>
                  <a:pt x="15209" y="1473"/>
                </a:moveTo>
                <a:lnTo>
                  <a:pt x="15191" y="1474"/>
                </a:lnTo>
                <a:lnTo>
                  <a:pt x="15173" y="1474"/>
                </a:lnTo>
                <a:lnTo>
                  <a:pt x="15156" y="1477"/>
                </a:lnTo>
                <a:lnTo>
                  <a:pt x="15139" y="1480"/>
                </a:lnTo>
                <a:lnTo>
                  <a:pt x="15123" y="1483"/>
                </a:lnTo>
                <a:lnTo>
                  <a:pt x="15106" y="1488"/>
                </a:lnTo>
                <a:lnTo>
                  <a:pt x="15090" y="1493"/>
                </a:lnTo>
                <a:lnTo>
                  <a:pt x="15075" y="1500"/>
                </a:lnTo>
                <a:lnTo>
                  <a:pt x="15060" y="1509"/>
                </a:lnTo>
                <a:lnTo>
                  <a:pt x="15045" y="1518"/>
                </a:lnTo>
                <a:lnTo>
                  <a:pt x="15031" y="1529"/>
                </a:lnTo>
                <a:lnTo>
                  <a:pt x="15018" y="1541"/>
                </a:lnTo>
                <a:lnTo>
                  <a:pt x="15005" y="1556"/>
                </a:lnTo>
                <a:lnTo>
                  <a:pt x="14993" y="1571"/>
                </a:lnTo>
                <a:lnTo>
                  <a:pt x="14981" y="1588"/>
                </a:lnTo>
                <a:lnTo>
                  <a:pt x="14970" y="1607"/>
                </a:lnTo>
                <a:lnTo>
                  <a:pt x="14967" y="1607"/>
                </a:lnTo>
                <a:lnTo>
                  <a:pt x="14967" y="1489"/>
                </a:lnTo>
                <a:lnTo>
                  <a:pt x="14755" y="1489"/>
                </a:lnTo>
                <a:lnTo>
                  <a:pt x="14755" y="2264"/>
                </a:lnTo>
                <a:lnTo>
                  <a:pt x="14986" y="2264"/>
                </a:lnTo>
                <a:lnTo>
                  <a:pt x="14986" y="1886"/>
                </a:lnTo>
                <a:lnTo>
                  <a:pt x="14987" y="1857"/>
                </a:lnTo>
                <a:lnTo>
                  <a:pt x="14988" y="1830"/>
                </a:lnTo>
                <a:lnTo>
                  <a:pt x="14991" y="1807"/>
                </a:lnTo>
                <a:lnTo>
                  <a:pt x="14994" y="1787"/>
                </a:lnTo>
                <a:lnTo>
                  <a:pt x="14998" y="1768"/>
                </a:lnTo>
                <a:lnTo>
                  <a:pt x="15003" y="1752"/>
                </a:lnTo>
                <a:lnTo>
                  <a:pt x="15008" y="1739"/>
                </a:lnTo>
                <a:lnTo>
                  <a:pt x="15013" y="1728"/>
                </a:lnTo>
                <a:lnTo>
                  <a:pt x="15023" y="1711"/>
                </a:lnTo>
                <a:lnTo>
                  <a:pt x="15034" y="1697"/>
                </a:lnTo>
                <a:lnTo>
                  <a:pt x="15039" y="1690"/>
                </a:lnTo>
                <a:lnTo>
                  <a:pt x="15045" y="1683"/>
                </a:lnTo>
                <a:lnTo>
                  <a:pt x="15052" y="1678"/>
                </a:lnTo>
                <a:lnTo>
                  <a:pt x="15058" y="1672"/>
                </a:lnTo>
                <a:lnTo>
                  <a:pt x="15066" y="1668"/>
                </a:lnTo>
                <a:lnTo>
                  <a:pt x="15073" y="1663"/>
                </a:lnTo>
                <a:lnTo>
                  <a:pt x="15081" y="1659"/>
                </a:lnTo>
                <a:lnTo>
                  <a:pt x="15090" y="1656"/>
                </a:lnTo>
                <a:lnTo>
                  <a:pt x="15109" y="1650"/>
                </a:lnTo>
                <a:lnTo>
                  <a:pt x="15130" y="1646"/>
                </a:lnTo>
                <a:lnTo>
                  <a:pt x="15142" y="1643"/>
                </a:lnTo>
                <a:lnTo>
                  <a:pt x="15155" y="1643"/>
                </a:lnTo>
                <a:lnTo>
                  <a:pt x="15169" y="1643"/>
                </a:lnTo>
                <a:lnTo>
                  <a:pt x="15183" y="1646"/>
                </a:lnTo>
                <a:lnTo>
                  <a:pt x="15197" y="1648"/>
                </a:lnTo>
                <a:lnTo>
                  <a:pt x="15211" y="1652"/>
                </a:lnTo>
                <a:lnTo>
                  <a:pt x="15224" y="1658"/>
                </a:lnTo>
                <a:lnTo>
                  <a:pt x="15236" y="1664"/>
                </a:lnTo>
                <a:lnTo>
                  <a:pt x="15340" y="1500"/>
                </a:lnTo>
                <a:lnTo>
                  <a:pt x="15324" y="1494"/>
                </a:lnTo>
                <a:lnTo>
                  <a:pt x="15309" y="1489"/>
                </a:lnTo>
                <a:lnTo>
                  <a:pt x="15293" y="1484"/>
                </a:lnTo>
                <a:lnTo>
                  <a:pt x="15278" y="1480"/>
                </a:lnTo>
                <a:lnTo>
                  <a:pt x="15262" y="1478"/>
                </a:lnTo>
                <a:lnTo>
                  <a:pt x="15245" y="1476"/>
                </a:lnTo>
                <a:lnTo>
                  <a:pt x="15228" y="1474"/>
                </a:lnTo>
                <a:lnTo>
                  <a:pt x="15209" y="1473"/>
                </a:lnTo>
                <a:close/>
                <a:moveTo>
                  <a:pt x="10488" y="1578"/>
                </a:moveTo>
                <a:lnTo>
                  <a:pt x="10487" y="1590"/>
                </a:lnTo>
                <a:lnTo>
                  <a:pt x="10486" y="1603"/>
                </a:lnTo>
                <a:lnTo>
                  <a:pt x="10483" y="1618"/>
                </a:lnTo>
                <a:lnTo>
                  <a:pt x="10480" y="1631"/>
                </a:lnTo>
                <a:lnTo>
                  <a:pt x="10475" y="1644"/>
                </a:lnTo>
                <a:lnTo>
                  <a:pt x="10469" y="1659"/>
                </a:lnTo>
                <a:lnTo>
                  <a:pt x="10461" y="1672"/>
                </a:lnTo>
                <a:lnTo>
                  <a:pt x="10452" y="1684"/>
                </a:lnTo>
                <a:lnTo>
                  <a:pt x="10440" y="1697"/>
                </a:lnTo>
                <a:lnTo>
                  <a:pt x="10427" y="1707"/>
                </a:lnTo>
                <a:lnTo>
                  <a:pt x="10419" y="1712"/>
                </a:lnTo>
                <a:lnTo>
                  <a:pt x="10411" y="1717"/>
                </a:lnTo>
                <a:lnTo>
                  <a:pt x="10403" y="1721"/>
                </a:lnTo>
                <a:lnTo>
                  <a:pt x="10394" y="1726"/>
                </a:lnTo>
                <a:lnTo>
                  <a:pt x="10384" y="1729"/>
                </a:lnTo>
                <a:lnTo>
                  <a:pt x="10373" y="1732"/>
                </a:lnTo>
                <a:lnTo>
                  <a:pt x="10362" y="1734"/>
                </a:lnTo>
                <a:lnTo>
                  <a:pt x="10351" y="1737"/>
                </a:lnTo>
                <a:lnTo>
                  <a:pt x="10338" y="1739"/>
                </a:lnTo>
                <a:lnTo>
                  <a:pt x="10326" y="1740"/>
                </a:lnTo>
                <a:lnTo>
                  <a:pt x="10312" y="1741"/>
                </a:lnTo>
                <a:lnTo>
                  <a:pt x="10297" y="1741"/>
                </a:lnTo>
                <a:lnTo>
                  <a:pt x="10108" y="1741"/>
                </a:lnTo>
                <a:lnTo>
                  <a:pt x="10108" y="1430"/>
                </a:lnTo>
                <a:lnTo>
                  <a:pt x="10297" y="1430"/>
                </a:lnTo>
                <a:lnTo>
                  <a:pt x="10326" y="1431"/>
                </a:lnTo>
                <a:lnTo>
                  <a:pt x="10351" y="1433"/>
                </a:lnTo>
                <a:lnTo>
                  <a:pt x="10373" y="1438"/>
                </a:lnTo>
                <a:lnTo>
                  <a:pt x="10394" y="1444"/>
                </a:lnTo>
                <a:lnTo>
                  <a:pt x="10411" y="1451"/>
                </a:lnTo>
                <a:lnTo>
                  <a:pt x="10427" y="1460"/>
                </a:lnTo>
                <a:lnTo>
                  <a:pt x="10440" y="1469"/>
                </a:lnTo>
                <a:lnTo>
                  <a:pt x="10452" y="1480"/>
                </a:lnTo>
                <a:lnTo>
                  <a:pt x="10461" y="1491"/>
                </a:lnTo>
                <a:lnTo>
                  <a:pt x="10469" y="1502"/>
                </a:lnTo>
                <a:lnTo>
                  <a:pt x="10475" y="1514"/>
                </a:lnTo>
                <a:lnTo>
                  <a:pt x="10480" y="1527"/>
                </a:lnTo>
                <a:lnTo>
                  <a:pt x="10483" y="1540"/>
                </a:lnTo>
                <a:lnTo>
                  <a:pt x="10486" y="1552"/>
                </a:lnTo>
                <a:lnTo>
                  <a:pt x="10487" y="1566"/>
                </a:lnTo>
                <a:lnTo>
                  <a:pt x="10488" y="1578"/>
                </a:lnTo>
                <a:close/>
                <a:moveTo>
                  <a:pt x="10279" y="1263"/>
                </a:moveTo>
                <a:lnTo>
                  <a:pt x="9841" y="1263"/>
                </a:lnTo>
                <a:lnTo>
                  <a:pt x="9841" y="2264"/>
                </a:lnTo>
                <a:lnTo>
                  <a:pt x="10108" y="2264"/>
                </a:lnTo>
                <a:lnTo>
                  <a:pt x="10108" y="1909"/>
                </a:lnTo>
                <a:lnTo>
                  <a:pt x="10335" y="1909"/>
                </a:lnTo>
                <a:lnTo>
                  <a:pt x="10359" y="1909"/>
                </a:lnTo>
                <a:lnTo>
                  <a:pt x="10383" y="1908"/>
                </a:lnTo>
                <a:lnTo>
                  <a:pt x="10406" y="1906"/>
                </a:lnTo>
                <a:lnTo>
                  <a:pt x="10428" y="1903"/>
                </a:lnTo>
                <a:lnTo>
                  <a:pt x="10450" y="1899"/>
                </a:lnTo>
                <a:lnTo>
                  <a:pt x="10471" y="1896"/>
                </a:lnTo>
                <a:lnTo>
                  <a:pt x="10491" y="1890"/>
                </a:lnTo>
                <a:lnTo>
                  <a:pt x="10511" y="1884"/>
                </a:lnTo>
                <a:lnTo>
                  <a:pt x="10529" y="1878"/>
                </a:lnTo>
                <a:lnTo>
                  <a:pt x="10548" y="1871"/>
                </a:lnTo>
                <a:lnTo>
                  <a:pt x="10565" y="1863"/>
                </a:lnTo>
                <a:lnTo>
                  <a:pt x="10582" y="1854"/>
                </a:lnTo>
                <a:lnTo>
                  <a:pt x="10598" y="1846"/>
                </a:lnTo>
                <a:lnTo>
                  <a:pt x="10614" y="1837"/>
                </a:lnTo>
                <a:lnTo>
                  <a:pt x="10628" y="1826"/>
                </a:lnTo>
                <a:lnTo>
                  <a:pt x="10642" y="1816"/>
                </a:lnTo>
                <a:lnTo>
                  <a:pt x="10655" y="1804"/>
                </a:lnTo>
                <a:lnTo>
                  <a:pt x="10667" y="1792"/>
                </a:lnTo>
                <a:lnTo>
                  <a:pt x="10679" y="1780"/>
                </a:lnTo>
                <a:lnTo>
                  <a:pt x="10690" y="1768"/>
                </a:lnTo>
                <a:lnTo>
                  <a:pt x="10700" y="1754"/>
                </a:lnTo>
                <a:lnTo>
                  <a:pt x="10709" y="1740"/>
                </a:lnTo>
                <a:lnTo>
                  <a:pt x="10717" y="1726"/>
                </a:lnTo>
                <a:lnTo>
                  <a:pt x="10724" y="1711"/>
                </a:lnTo>
                <a:lnTo>
                  <a:pt x="10731" y="1697"/>
                </a:lnTo>
                <a:lnTo>
                  <a:pt x="10737" y="1681"/>
                </a:lnTo>
                <a:lnTo>
                  <a:pt x="10742" y="1666"/>
                </a:lnTo>
                <a:lnTo>
                  <a:pt x="10746" y="1649"/>
                </a:lnTo>
                <a:lnTo>
                  <a:pt x="10749" y="1633"/>
                </a:lnTo>
                <a:lnTo>
                  <a:pt x="10751" y="1617"/>
                </a:lnTo>
                <a:lnTo>
                  <a:pt x="10753" y="1599"/>
                </a:lnTo>
                <a:lnTo>
                  <a:pt x="10753" y="1582"/>
                </a:lnTo>
                <a:lnTo>
                  <a:pt x="10753" y="1562"/>
                </a:lnTo>
                <a:lnTo>
                  <a:pt x="10751" y="1544"/>
                </a:lnTo>
                <a:lnTo>
                  <a:pt x="10749" y="1527"/>
                </a:lnTo>
                <a:lnTo>
                  <a:pt x="10746" y="1509"/>
                </a:lnTo>
                <a:lnTo>
                  <a:pt x="10743" y="1492"/>
                </a:lnTo>
                <a:lnTo>
                  <a:pt x="10738" y="1476"/>
                </a:lnTo>
                <a:lnTo>
                  <a:pt x="10732" y="1460"/>
                </a:lnTo>
                <a:lnTo>
                  <a:pt x="10726" y="1444"/>
                </a:lnTo>
                <a:lnTo>
                  <a:pt x="10719" y="1430"/>
                </a:lnTo>
                <a:lnTo>
                  <a:pt x="10711" y="1417"/>
                </a:lnTo>
                <a:lnTo>
                  <a:pt x="10702" y="1403"/>
                </a:lnTo>
                <a:lnTo>
                  <a:pt x="10692" y="1390"/>
                </a:lnTo>
                <a:lnTo>
                  <a:pt x="10681" y="1378"/>
                </a:lnTo>
                <a:lnTo>
                  <a:pt x="10669" y="1367"/>
                </a:lnTo>
                <a:lnTo>
                  <a:pt x="10656" y="1356"/>
                </a:lnTo>
                <a:lnTo>
                  <a:pt x="10642" y="1346"/>
                </a:lnTo>
                <a:lnTo>
                  <a:pt x="10627" y="1336"/>
                </a:lnTo>
                <a:lnTo>
                  <a:pt x="10611" y="1326"/>
                </a:lnTo>
                <a:lnTo>
                  <a:pt x="10594" y="1318"/>
                </a:lnTo>
                <a:lnTo>
                  <a:pt x="10576" y="1310"/>
                </a:lnTo>
                <a:lnTo>
                  <a:pt x="10558" y="1302"/>
                </a:lnTo>
                <a:lnTo>
                  <a:pt x="10538" y="1296"/>
                </a:lnTo>
                <a:lnTo>
                  <a:pt x="10517" y="1290"/>
                </a:lnTo>
                <a:lnTo>
                  <a:pt x="10495" y="1284"/>
                </a:lnTo>
                <a:lnTo>
                  <a:pt x="10471" y="1279"/>
                </a:lnTo>
                <a:lnTo>
                  <a:pt x="10447" y="1274"/>
                </a:lnTo>
                <a:lnTo>
                  <a:pt x="10422" y="1271"/>
                </a:lnTo>
                <a:lnTo>
                  <a:pt x="10396" y="1269"/>
                </a:lnTo>
                <a:lnTo>
                  <a:pt x="10368" y="1267"/>
                </a:lnTo>
                <a:lnTo>
                  <a:pt x="10339" y="1264"/>
                </a:lnTo>
                <a:lnTo>
                  <a:pt x="10310" y="1263"/>
                </a:lnTo>
                <a:lnTo>
                  <a:pt x="10279" y="1263"/>
                </a:lnTo>
                <a:close/>
                <a:moveTo>
                  <a:pt x="14262" y="1620"/>
                </a:moveTo>
                <a:lnTo>
                  <a:pt x="14282" y="1621"/>
                </a:lnTo>
                <a:lnTo>
                  <a:pt x="14300" y="1623"/>
                </a:lnTo>
                <a:lnTo>
                  <a:pt x="14316" y="1627"/>
                </a:lnTo>
                <a:lnTo>
                  <a:pt x="14332" y="1631"/>
                </a:lnTo>
                <a:lnTo>
                  <a:pt x="14346" y="1638"/>
                </a:lnTo>
                <a:lnTo>
                  <a:pt x="14359" y="1646"/>
                </a:lnTo>
                <a:lnTo>
                  <a:pt x="14372" y="1653"/>
                </a:lnTo>
                <a:lnTo>
                  <a:pt x="14383" y="1663"/>
                </a:lnTo>
                <a:lnTo>
                  <a:pt x="14392" y="1673"/>
                </a:lnTo>
                <a:lnTo>
                  <a:pt x="14401" y="1686"/>
                </a:lnTo>
                <a:lnTo>
                  <a:pt x="14409" y="1698"/>
                </a:lnTo>
                <a:lnTo>
                  <a:pt x="14416" y="1710"/>
                </a:lnTo>
                <a:lnTo>
                  <a:pt x="14422" y="1723"/>
                </a:lnTo>
                <a:lnTo>
                  <a:pt x="14427" y="1738"/>
                </a:lnTo>
                <a:lnTo>
                  <a:pt x="14432" y="1752"/>
                </a:lnTo>
                <a:lnTo>
                  <a:pt x="14435" y="1767"/>
                </a:lnTo>
                <a:lnTo>
                  <a:pt x="14436" y="1771"/>
                </a:lnTo>
                <a:lnTo>
                  <a:pt x="14437" y="1777"/>
                </a:lnTo>
                <a:lnTo>
                  <a:pt x="14437" y="1781"/>
                </a:lnTo>
                <a:lnTo>
                  <a:pt x="14438" y="1787"/>
                </a:lnTo>
                <a:lnTo>
                  <a:pt x="14438" y="1791"/>
                </a:lnTo>
                <a:lnTo>
                  <a:pt x="14438" y="1796"/>
                </a:lnTo>
                <a:lnTo>
                  <a:pt x="14438" y="1800"/>
                </a:lnTo>
                <a:lnTo>
                  <a:pt x="14438" y="1804"/>
                </a:lnTo>
                <a:lnTo>
                  <a:pt x="14069" y="1804"/>
                </a:lnTo>
                <a:lnTo>
                  <a:pt x="14071" y="1787"/>
                </a:lnTo>
                <a:lnTo>
                  <a:pt x="14075" y="1769"/>
                </a:lnTo>
                <a:lnTo>
                  <a:pt x="14080" y="1751"/>
                </a:lnTo>
                <a:lnTo>
                  <a:pt x="14086" y="1734"/>
                </a:lnTo>
                <a:lnTo>
                  <a:pt x="14093" y="1719"/>
                </a:lnTo>
                <a:lnTo>
                  <a:pt x="14102" y="1703"/>
                </a:lnTo>
                <a:lnTo>
                  <a:pt x="14112" y="1689"/>
                </a:lnTo>
                <a:lnTo>
                  <a:pt x="14123" y="1676"/>
                </a:lnTo>
                <a:lnTo>
                  <a:pt x="14136" y="1663"/>
                </a:lnTo>
                <a:lnTo>
                  <a:pt x="14150" y="1652"/>
                </a:lnTo>
                <a:lnTo>
                  <a:pt x="14165" y="1643"/>
                </a:lnTo>
                <a:lnTo>
                  <a:pt x="14182" y="1634"/>
                </a:lnTo>
                <a:lnTo>
                  <a:pt x="14200" y="1629"/>
                </a:lnTo>
                <a:lnTo>
                  <a:pt x="14219" y="1623"/>
                </a:lnTo>
                <a:lnTo>
                  <a:pt x="14240" y="1621"/>
                </a:lnTo>
                <a:lnTo>
                  <a:pt x="14262" y="1620"/>
                </a:lnTo>
                <a:close/>
                <a:moveTo>
                  <a:pt x="14555" y="2088"/>
                </a:moveTo>
                <a:lnTo>
                  <a:pt x="14525" y="2098"/>
                </a:lnTo>
                <a:lnTo>
                  <a:pt x="14496" y="2104"/>
                </a:lnTo>
                <a:lnTo>
                  <a:pt x="14468" y="2111"/>
                </a:lnTo>
                <a:lnTo>
                  <a:pt x="14441" y="2117"/>
                </a:lnTo>
                <a:lnTo>
                  <a:pt x="14413" y="2121"/>
                </a:lnTo>
                <a:lnTo>
                  <a:pt x="14385" y="2124"/>
                </a:lnTo>
                <a:lnTo>
                  <a:pt x="14355" y="2127"/>
                </a:lnTo>
                <a:lnTo>
                  <a:pt x="14323" y="2127"/>
                </a:lnTo>
                <a:lnTo>
                  <a:pt x="14296" y="2126"/>
                </a:lnTo>
                <a:lnTo>
                  <a:pt x="14271" y="2124"/>
                </a:lnTo>
                <a:lnTo>
                  <a:pt x="14247" y="2120"/>
                </a:lnTo>
                <a:lnTo>
                  <a:pt x="14224" y="2116"/>
                </a:lnTo>
                <a:lnTo>
                  <a:pt x="14202" y="2109"/>
                </a:lnTo>
                <a:lnTo>
                  <a:pt x="14182" y="2101"/>
                </a:lnTo>
                <a:lnTo>
                  <a:pt x="14163" y="2092"/>
                </a:lnTo>
                <a:lnTo>
                  <a:pt x="14146" y="2081"/>
                </a:lnTo>
                <a:lnTo>
                  <a:pt x="14138" y="2076"/>
                </a:lnTo>
                <a:lnTo>
                  <a:pt x="14130" y="2069"/>
                </a:lnTo>
                <a:lnTo>
                  <a:pt x="14123" y="2062"/>
                </a:lnTo>
                <a:lnTo>
                  <a:pt x="14116" y="2056"/>
                </a:lnTo>
                <a:lnTo>
                  <a:pt x="14110" y="2048"/>
                </a:lnTo>
                <a:lnTo>
                  <a:pt x="14104" y="2040"/>
                </a:lnTo>
                <a:lnTo>
                  <a:pt x="14098" y="2032"/>
                </a:lnTo>
                <a:lnTo>
                  <a:pt x="14093" y="2023"/>
                </a:lnTo>
                <a:lnTo>
                  <a:pt x="14088" y="2014"/>
                </a:lnTo>
                <a:lnTo>
                  <a:pt x="14084" y="2006"/>
                </a:lnTo>
                <a:lnTo>
                  <a:pt x="14080" y="1996"/>
                </a:lnTo>
                <a:lnTo>
                  <a:pt x="14077" y="1986"/>
                </a:lnTo>
                <a:lnTo>
                  <a:pt x="14074" y="1976"/>
                </a:lnTo>
                <a:lnTo>
                  <a:pt x="14072" y="1964"/>
                </a:lnTo>
                <a:lnTo>
                  <a:pt x="14070" y="1953"/>
                </a:lnTo>
                <a:lnTo>
                  <a:pt x="14069" y="1942"/>
                </a:lnTo>
                <a:lnTo>
                  <a:pt x="14637" y="1942"/>
                </a:lnTo>
                <a:lnTo>
                  <a:pt x="14638" y="1929"/>
                </a:lnTo>
                <a:lnTo>
                  <a:pt x="14639" y="1914"/>
                </a:lnTo>
                <a:lnTo>
                  <a:pt x="14639" y="1900"/>
                </a:lnTo>
                <a:lnTo>
                  <a:pt x="14640" y="1884"/>
                </a:lnTo>
                <a:lnTo>
                  <a:pt x="14639" y="1868"/>
                </a:lnTo>
                <a:lnTo>
                  <a:pt x="14639" y="1852"/>
                </a:lnTo>
                <a:lnTo>
                  <a:pt x="14638" y="1837"/>
                </a:lnTo>
                <a:lnTo>
                  <a:pt x="14637" y="1822"/>
                </a:lnTo>
                <a:lnTo>
                  <a:pt x="14635" y="1804"/>
                </a:lnTo>
                <a:lnTo>
                  <a:pt x="14633" y="1787"/>
                </a:lnTo>
                <a:lnTo>
                  <a:pt x="14630" y="1769"/>
                </a:lnTo>
                <a:lnTo>
                  <a:pt x="14626" y="1751"/>
                </a:lnTo>
                <a:lnTo>
                  <a:pt x="14622" y="1734"/>
                </a:lnTo>
                <a:lnTo>
                  <a:pt x="14618" y="1718"/>
                </a:lnTo>
                <a:lnTo>
                  <a:pt x="14612" y="1701"/>
                </a:lnTo>
                <a:lnTo>
                  <a:pt x="14606" y="1686"/>
                </a:lnTo>
                <a:lnTo>
                  <a:pt x="14600" y="1670"/>
                </a:lnTo>
                <a:lnTo>
                  <a:pt x="14593" y="1654"/>
                </a:lnTo>
                <a:lnTo>
                  <a:pt x="14585" y="1640"/>
                </a:lnTo>
                <a:lnTo>
                  <a:pt x="14576" y="1626"/>
                </a:lnTo>
                <a:lnTo>
                  <a:pt x="14567" y="1612"/>
                </a:lnTo>
                <a:lnTo>
                  <a:pt x="14557" y="1599"/>
                </a:lnTo>
                <a:lnTo>
                  <a:pt x="14547" y="1587"/>
                </a:lnTo>
                <a:lnTo>
                  <a:pt x="14536" y="1574"/>
                </a:lnTo>
                <a:lnTo>
                  <a:pt x="14524" y="1563"/>
                </a:lnTo>
                <a:lnTo>
                  <a:pt x="14511" y="1552"/>
                </a:lnTo>
                <a:lnTo>
                  <a:pt x="14497" y="1542"/>
                </a:lnTo>
                <a:lnTo>
                  <a:pt x="14483" y="1532"/>
                </a:lnTo>
                <a:lnTo>
                  <a:pt x="14468" y="1523"/>
                </a:lnTo>
                <a:lnTo>
                  <a:pt x="14452" y="1514"/>
                </a:lnTo>
                <a:lnTo>
                  <a:pt x="14436" y="1508"/>
                </a:lnTo>
                <a:lnTo>
                  <a:pt x="14419" y="1500"/>
                </a:lnTo>
                <a:lnTo>
                  <a:pt x="14400" y="1494"/>
                </a:lnTo>
                <a:lnTo>
                  <a:pt x="14381" y="1489"/>
                </a:lnTo>
                <a:lnTo>
                  <a:pt x="14362" y="1484"/>
                </a:lnTo>
                <a:lnTo>
                  <a:pt x="14341" y="1480"/>
                </a:lnTo>
                <a:lnTo>
                  <a:pt x="14319" y="1478"/>
                </a:lnTo>
                <a:lnTo>
                  <a:pt x="14297" y="1476"/>
                </a:lnTo>
                <a:lnTo>
                  <a:pt x="14274" y="1474"/>
                </a:lnTo>
                <a:lnTo>
                  <a:pt x="14250" y="1473"/>
                </a:lnTo>
                <a:lnTo>
                  <a:pt x="14225" y="1474"/>
                </a:lnTo>
                <a:lnTo>
                  <a:pt x="14201" y="1476"/>
                </a:lnTo>
                <a:lnTo>
                  <a:pt x="14178" y="1479"/>
                </a:lnTo>
                <a:lnTo>
                  <a:pt x="14156" y="1482"/>
                </a:lnTo>
                <a:lnTo>
                  <a:pt x="14134" y="1488"/>
                </a:lnTo>
                <a:lnTo>
                  <a:pt x="14114" y="1493"/>
                </a:lnTo>
                <a:lnTo>
                  <a:pt x="14094" y="1500"/>
                </a:lnTo>
                <a:lnTo>
                  <a:pt x="14075" y="1508"/>
                </a:lnTo>
                <a:lnTo>
                  <a:pt x="14057" y="1517"/>
                </a:lnTo>
                <a:lnTo>
                  <a:pt x="14040" y="1527"/>
                </a:lnTo>
                <a:lnTo>
                  <a:pt x="14024" y="1537"/>
                </a:lnTo>
                <a:lnTo>
                  <a:pt x="14007" y="1548"/>
                </a:lnTo>
                <a:lnTo>
                  <a:pt x="13992" y="1560"/>
                </a:lnTo>
                <a:lnTo>
                  <a:pt x="13978" y="1572"/>
                </a:lnTo>
                <a:lnTo>
                  <a:pt x="13965" y="1586"/>
                </a:lnTo>
                <a:lnTo>
                  <a:pt x="13953" y="1599"/>
                </a:lnTo>
                <a:lnTo>
                  <a:pt x="13941" y="1614"/>
                </a:lnTo>
                <a:lnTo>
                  <a:pt x="13931" y="1629"/>
                </a:lnTo>
                <a:lnTo>
                  <a:pt x="13921" y="1644"/>
                </a:lnTo>
                <a:lnTo>
                  <a:pt x="13911" y="1661"/>
                </a:lnTo>
                <a:lnTo>
                  <a:pt x="13903" y="1678"/>
                </a:lnTo>
                <a:lnTo>
                  <a:pt x="13895" y="1694"/>
                </a:lnTo>
                <a:lnTo>
                  <a:pt x="13888" y="1712"/>
                </a:lnTo>
                <a:lnTo>
                  <a:pt x="13882" y="1730"/>
                </a:lnTo>
                <a:lnTo>
                  <a:pt x="13877" y="1749"/>
                </a:lnTo>
                <a:lnTo>
                  <a:pt x="13872" y="1768"/>
                </a:lnTo>
                <a:lnTo>
                  <a:pt x="13868" y="1787"/>
                </a:lnTo>
                <a:lnTo>
                  <a:pt x="13865" y="1806"/>
                </a:lnTo>
                <a:lnTo>
                  <a:pt x="13862" y="1824"/>
                </a:lnTo>
                <a:lnTo>
                  <a:pt x="13861" y="1844"/>
                </a:lnTo>
                <a:lnTo>
                  <a:pt x="13859" y="1864"/>
                </a:lnTo>
                <a:lnTo>
                  <a:pt x="13859" y="1883"/>
                </a:lnTo>
                <a:lnTo>
                  <a:pt x="13860" y="1910"/>
                </a:lnTo>
                <a:lnTo>
                  <a:pt x="13861" y="1936"/>
                </a:lnTo>
                <a:lnTo>
                  <a:pt x="13864" y="1960"/>
                </a:lnTo>
                <a:lnTo>
                  <a:pt x="13868" y="1983"/>
                </a:lnTo>
                <a:lnTo>
                  <a:pt x="13873" y="2006"/>
                </a:lnTo>
                <a:lnTo>
                  <a:pt x="13878" y="2027"/>
                </a:lnTo>
                <a:lnTo>
                  <a:pt x="13885" y="2047"/>
                </a:lnTo>
                <a:lnTo>
                  <a:pt x="13893" y="2067"/>
                </a:lnTo>
                <a:lnTo>
                  <a:pt x="13901" y="2086"/>
                </a:lnTo>
                <a:lnTo>
                  <a:pt x="13911" y="2102"/>
                </a:lnTo>
                <a:lnTo>
                  <a:pt x="13921" y="2120"/>
                </a:lnTo>
                <a:lnTo>
                  <a:pt x="13933" y="2136"/>
                </a:lnTo>
                <a:lnTo>
                  <a:pt x="13945" y="2150"/>
                </a:lnTo>
                <a:lnTo>
                  <a:pt x="13958" y="2164"/>
                </a:lnTo>
                <a:lnTo>
                  <a:pt x="13971" y="2178"/>
                </a:lnTo>
                <a:lnTo>
                  <a:pt x="13986" y="2190"/>
                </a:lnTo>
                <a:lnTo>
                  <a:pt x="14001" y="2201"/>
                </a:lnTo>
                <a:lnTo>
                  <a:pt x="14018" y="2212"/>
                </a:lnTo>
                <a:lnTo>
                  <a:pt x="14035" y="2222"/>
                </a:lnTo>
                <a:lnTo>
                  <a:pt x="14052" y="2231"/>
                </a:lnTo>
                <a:lnTo>
                  <a:pt x="14070" y="2240"/>
                </a:lnTo>
                <a:lnTo>
                  <a:pt x="14089" y="2247"/>
                </a:lnTo>
                <a:lnTo>
                  <a:pt x="14108" y="2253"/>
                </a:lnTo>
                <a:lnTo>
                  <a:pt x="14128" y="2260"/>
                </a:lnTo>
                <a:lnTo>
                  <a:pt x="14148" y="2264"/>
                </a:lnTo>
                <a:lnTo>
                  <a:pt x="14169" y="2270"/>
                </a:lnTo>
                <a:lnTo>
                  <a:pt x="14190" y="2273"/>
                </a:lnTo>
                <a:lnTo>
                  <a:pt x="14212" y="2277"/>
                </a:lnTo>
                <a:lnTo>
                  <a:pt x="14235" y="2279"/>
                </a:lnTo>
                <a:lnTo>
                  <a:pt x="14257" y="2280"/>
                </a:lnTo>
                <a:lnTo>
                  <a:pt x="14281" y="2281"/>
                </a:lnTo>
                <a:lnTo>
                  <a:pt x="14304" y="2281"/>
                </a:lnTo>
                <a:lnTo>
                  <a:pt x="14342" y="2281"/>
                </a:lnTo>
                <a:lnTo>
                  <a:pt x="14378" y="2279"/>
                </a:lnTo>
                <a:lnTo>
                  <a:pt x="14411" y="2276"/>
                </a:lnTo>
                <a:lnTo>
                  <a:pt x="14442" y="2271"/>
                </a:lnTo>
                <a:lnTo>
                  <a:pt x="14472" y="2266"/>
                </a:lnTo>
                <a:lnTo>
                  <a:pt x="14500" y="2260"/>
                </a:lnTo>
                <a:lnTo>
                  <a:pt x="14528" y="2253"/>
                </a:lnTo>
                <a:lnTo>
                  <a:pt x="14555" y="2246"/>
                </a:lnTo>
                <a:lnTo>
                  <a:pt x="14555" y="2088"/>
                </a:lnTo>
                <a:close/>
                <a:moveTo>
                  <a:pt x="12812" y="1642"/>
                </a:moveTo>
                <a:lnTo>
                  <a:pt x="12812" y="1489"/>
                </a:lnTo>
                <a:lnTo>
                  <a:pt x="12573" y="1489"/>
                </a:lnTo>
                <a:lnTo>
                  <a:pt x="12573" y="1326"/>
                </a:lnTo>
                <a:lnTo>
                  <a:pt x="12350" y="1326"/>
                </a:lnTo>
                <a:lnTo>
                  <a:pt x="12350" y="1992"/>
                </a:lnTo>
                <a:lnTo>
                  <a:pt x="12351" y="2029"/>
                </a:lnTo>
                <a:lnTo>
                  <a:pt x="12353" y="2063"/>
                </a:lnTo>
                <a:lnTo>
                  <a:pt x="12355" y="2079"/>
                </a:lnTo>
                <a:lnTo>
                  <a:pt x="12357" y="2094"/>
                </a:lnTo>
                <a:lnTo>
                  <a:pt x="12360" y="2109"/>
                </a:lnTo>
                <a:lnTo>
                  <a:pt x="12363" y="2123"/>
                </a:lnTo>
                <a:lnTo>
                  <a:pt x="12367" y="2137"/>
                </a:lnTo>
                <a:lnTo>
                  <a:pt x="12371" y="2150"/>
                </a:lnTo>
                <a:lnTo>
                  <a:pt x="12376" y="2162"/>
                </a:lnTo>
                <a:lnTo>
                  <a:pt x="12381" y="2173"/>
                </a:lnTo>
                <a:lnTo>
                  <a:pt x="12387" y="2184"/>
                </a:lnTo>
                <a:lnTo>
                  <a:pt x="12393" y="2194"/>
                </a:lnTo>
                <a:lnTo>
                  <a:pt x="12400" y="2204"/>
                </a:lnTo>
                <a:lnTo>
                  <a:pt x="12408" y="2213"/>
                </a:lnTo>
                <a:lnTo>
                  <a:pt x="12417" y="2222"/>
                </a:lnTo>
                <a:lnTo>
                  <a:pt x="12426" y="2230"/>
                </a:lnTo>
                <a:lnTo>
                  <a:pt x="12435" y="2237"/>
                </a:lnTo>
                <a:lnTo>
                  <a:pt x="12446" y="2243"/>
                </a:lnTo>
                <a:lnTo>
                  <a:pt x="12456" y="2250"/>
                </a:lnTo>
                <a:lnTo>
                  <a:pt x="12468" y="2256"/>
                </a:lnTo>
                <a:lnTo>
                  <a:pt x="12480" y="2260"/>
                </a:lnTo>
                <a:lnTo>
                  <a:pt x="12493" y="2264"/>
                </a:lnTo>
                <a:lnTo>
                  <a:pt x="12507" y="2269"/>
                </a:lnTo>
                <a:lnTo>
                  <a:pt x="12521" y="2272"/>
                </a:lnTo>
                <a:lnTo>
                  <a:pt x="12536" y="2276"/>
                </a:lnTo>
                <a:lnTo>
                  <a:pt x="12552" y="2278"/>
                </a:lnTo>
                <a:lnTo>
                  <a:pt x="12569" y="2279"/>
                </a:lnTo>
                <a:lnTo>
                  <a:pt x="12587" y="2280"/>
                </a:lnTo>
                <a:lnTo>
                  <a:pt x="12605" y="2281"/>
                </a:lnTo>
                <a:lnTo>
                  <a:pt x="12624" y="2281"/>
                </a:lnTo>
                <a:lnTo>
                  <a:pt x="12644" y="2281"/>
                </a:lnTo>
                <a:lnTo>
                  <a:pt x="12667" y="2281"/>
                </a:lnTo>
                <a:lnTo>
                  <a:pt x="12691" y="2280"/>
                </a:lnTo>
                <a:lnTo>
                  <a:pt x="12716" y="2278"/>
                </a:lnTo>
                <a:lnTo>
                  <a:pt x="12741" y="2277"/>
                </a:lnTo>
                <a:lnTo>
                  <a:pt x="12766" y="2273"/>
                </a:lnTo>
                <a:lnTo>
                  <a:pt x="12790" y="2271"/>
                </a:lnTo>
                <a:lnTo>
                  <a:pt x="12812" y="2267"/>
                </a:lnTo>
                <a:lnTo>
                  <a:pt x="12812" y="2109"/>
                </a:lnTo>
                <a:lnTo>
                  <a:pt x="12793" y="2113"/>
                </a:lnTo>
                <a:lnTo>
                  <a:pt x="12774" y="2118"/>
                </a:lnTo>
                <a:lnTo>
                  <a:pt x="12755" y="2121"/>
                </a:lnTo>
                <a:lnTo>
                  <a:pt x="12737" y="2123"/>
                </a:lnTo>
                <a:lnTo>
                  <a:pt x="12720" y="2124"/>
                </a:lnTo>
                <a:lnTo>
                  <a:pt x="12705" y="2126"/>
                </a:lnTo>
                <a:lnTo>
                  <a:pt x="12691" y="2126"/>
                </a:lnTo>
                <a:lnTo>
                  <a:pt x="12680" y="2126"/>
                </a:lnTo>
                <a:lnTo>
                  <a:pt x="12666" y="2124"/>
                </a:lnTo>
                <a:lnTo>
                  <a:pt x="12653" y="2122"/>
                </a:lnTo>
                <a:lnTo>
                  <a:pt x="12641" y="2120"/>
                </a:lnTo>
                <a:lnTo>
                  <a:pt x="12631" y="2116"/>
                </a:lnTo>
                <a:lnTo>
                  <a:pt x="12621" y="2110"/>
                </a:lnTo>
                <a:lnTo>
                  <a:pt x="12612" y="2104"/>
                </a:lnTo>
                <a:lnTo>
                  <a:pt x="12605" y="2097"/>
                </a:lnTo>
                <a:lnTo>
                  <a:pt x="12598" y="2087"/>
                </a:lnTo>
                <a:lnTo>
                  <a:pt x="12592" y="2076"/>
                </a:lnTo>
                <a:lnTo>
                  <a:pt x="12587" y="2062"/>
                </a:lnTo>
                <a:lnTo>
                  <a:pt x="12583" y="2048"/>
                </a:lnTo>
                <a:lnTo>
                  <a:pt x="12579" y="2030"/>
                </a:lnTo>
                <a:lnTo>
                  <a:pt x="12577" y="2011"/>
                </a:lnTo>
                <a:lnTo>
                  <a:pt x="12575" y="1989"/>
                </a:lnTo>
                <a:lnTo>
                  <a:pt x="12574" y="1964"/>
                </a:lnTo>
                <a:lnTo>
                  <a:pt x="12573" y="1938"/>
                </a:lnTo>
                <a:lnTo>
                  <a:pt x="12573" y="1642"/>
                </a:lnTo>
                <a:lnTo>
                  <a:pt x="12812" y="1642"/>
                </a:lnTo>
                <a:close/>
                <a:moveTo>
                  <a:pt x="15705" y="1473"/>
                </a:moveTo>
                <a:lnTo>
                  <a:pt x="15673" y="1474"/>
                </a:lnTo>
                <a:lnTo>
                  <a:pt x="15641" y="1477"/>
                </a:lnTo>
                <a:lnTo>
                  <a:pt x="15609" y="1481"/>
                </a:lnTo>
                <a:lnTo>
                  <a:pt x="15579" y="1486"/>
                </a:lnTo>
                <a:lnTo>
                  <a:pt x="15549" y="1493"/>
                </a:lnTo>
                <a:lnTo>
                  <a:pt x="15521" y="1502"/>
                </a:lnTo>
                <a:lnTo>
                  <a:pt x="15508" y="1508"/>
                </a:lnTo>
                <a:lnTo>
                  <a:pt x="15494" y="1513"/>
                </a:lnTo>
                <a:lnTo>
                  <a:pt x="15482" y="1520"/>
                </a:lnTo>
                <a:lnTo>
                  <a:pt x="15470" y="1527"/>
                </a:lnTo>
                <a:lnTo>
                  <a:pt x="15458" y="1533"/>
                </a:lnTo>
                <a:lnTo>
                  <a:pt x="15447" y="1541"/>
                </a:lnTo>
                <a:lnTo>
                  <a:pt x="15436" y="1550"/>
                </a:lnTo>
                <a:lnTo>
                  <a:pt x="15426" y="1559"/>
                </a:lnTo>
                <a:lnTo>
                  <a:pt x="15416" y="1568"/>
                </a:lnTo>
                <a:lnTo>
                  <a:pt x="15408" y="1578"/>
                </a:lnTo>
                <a:lnTo>
                  <a:pt x="15400" y="1589"/>
                </a:lnTo>
                <a:lnTo>
                  <a:pt x="15392" y="1600"/>
                </a:lnTo>
                <a:lnTo>
                  <a:pt x="15386" y="1611"/>
                </a:lnTo>
                <a:lnTo>
                  <a:pt x="15380" y="1624"/>
                </a:lnTo>
                <a:lnTo>
                  <a:pt x="15375" y="1637"/>
                </a:lnTo>
                <a:lnTo>
                  <a:pt x="15371" y="1651"/>
                </a:lnTo>
                <a:lnTo>
                  <a:pt x="15367" y="1666"/>
                </a:lnTo>
                <a:lnTo>
                  <a:pt x="15365" y="1680"/>
                </a:lnTo>
                <a:lnTo>
                  <a:pt x="15363" y="1696"/>
                </a:lnTo>
                <a:lnTo>
                  <a:pt x="15363" y="1712"/>
                </a:lnTo>
                <a:lnTo>
                  <a:pt x="15363" y="1726"/>
                </a:lnTo>
                <a:lnTo>
                  <a:pt x="15364" y="1739"/>
                </a:lnTo>
                <a:lnTo>
                  <a:pt x="15366" y="1752"/>
                </a:lnTo>
                <a:lnTo>
                  <a:pt x="15368" y="1764"/>
                </a:lnTo>
                <a:lnTo>
                  <a:pt x="15371" y="1776"/>
                </a:lnTo>
                <a:lnTo>
                  <a:pt x="15374" y="1787"/>
                </a:lnTo>
                <a:lnTo>
                  <a:pt x="15378" y="1798"/>
                </a:lnTo>
                <a:lnTo>
                  <a:pt x="15383" y="1808"/>
                </a:lnTo>
                <a:lnTo>
                  <a:pt x="15388" y="1817"/>
                </a:lnTo>
                <a:lnTo>
                  <a:pt x="15393" y="1827"/>
                </a:lnTo>
                <a:lnTo>
                  <a:pt x="15399" y="1836"/>
                </a:lnTo>
                <a:lnTo>
                  <a:pt x="15406" y="1843"/>
                </a:lnTo>
                <a:lnTo>
                  <a:pt x="15413" y="1851"/>
                </a:lnTo>
                <a:lnTo>
                  <a:pt x="15420" y="1859"/>
                </a:lnTo>
                <a:lnTo>
                  <a:pt x="15428" y="1866"/>
                </a:lnTo>
                <a:lnTo>
                  <a:pt x="15436" y="1872"/>
                </a:lnTo>
                <a:lnTo>
                  <a:pt x="15453" y="1886"/>
                </a:lnTo>
                <a:lnTo>
                  <a:pt x="15472" y="1897"/>
                </a:lnTo>
                <a:lnTo>
                  <a:pt x="15492" y="1908"/>
                </a:lnTo>
                <a:lnTo>
                  <a:pt x="15513" y="1917"/>
                </a:lnTo>
                <a:lnTo>
                  <a:pt x="15535" y="1926"/>
                </a:lnTo>
                <a:lnTo>
                  <a:pt x="15558" y="1933"/>
                </a:lnTo>
                <a:lnTo>
                  <a:pt x="15582" y="1941"/>
                </a:lnTo>
                <a:lnTo>
                  <a:pt x="15605" y="1949"/>
                </a:lnTo>
                <a:lnTo>
                  <a:pt x="15654" y="1962"/>
                </a:lnTo>
                <a:lnTo>
                  <a:pt x="15693" y="1974"/>
                </a:lnTo>
                <a:lnTo>
                  <a:pt x="15725" y="1986"/>
                </a:lnTo>
                <a:lnTo>
                  <a:pt x="15751" y="1996"/>
                </a:lnTo>
                <a:lnTo>
                  <a:pt x="15761" y="2001"/>
                </a:lnTo>
                <a:lnTo>
                  <a:pt x="15770" y="2007"/>
                </a:lnTo>
                <a:lnTo>
                  <a:pt x="15777" y="2013"/>
                </a:lnTo>
                <a:lnTo>
                  <a:pt x="15783" y="2020"/>
                </a:lnTo>
                <a:lnTo>
                  <a:pt x="15788" y="2027"/>
                </a:lnTo>
                <a:lnTo>
                  <a:pt x="15791" y="2034"/>
                </a:lnTo>
                <a:lnTo>
                  <a:pt x="15793" y="2043"/>
                </a:lnTo>
                <a:lnTo>
                  <a:pt x="15794" y="2052"/>
                </a:lnTo>
                <a:lnTo>
                  <a:pt x="15794" y="2062"/>
                </a:lnTo>
                <a:lnTo>
                  <a:pt x="15793" y="2072"/>
                </a:lnTo>
                <a:lnTo>
                  <a:pt x="15790" y="2081"/>
                </a:lnTo>
                <a:lnTo>
                  <a:pt x="15786" y="2089"/>
                </a:lnTo>
                <a:lnTo>
                  <a:pt x="15781" y="2097"/>
                </a:lnTo>
                <a:lnTo>
                  <a:pt x="15774" y="2103"/>
                </a:lnTo>
                <a:lnTo>
                  <a:pt x="15766" y="2109"/>
                </a:lnTo>
                <a:lnTo>
                  <a:pt x="15757" y="2114"/>
                </a:lnTo>
                <a:lnTo>
                  <a:pt x="15746" y="2119"/>
                </a:lnTo>
                <a:lnTo>
                  <a:pt x="15734" y="2123"/>
                </a:lnTo>
                <a:lnTo>
                  <a:pt x="15720" y="2127"/>
                </a:lnTo>
                <a:lnTo>
                  <a:pt x="15704" y="2130"/>
                </a:lnTo>
                <a:lnTo>
                  <a:pt x="15687" y="2132"/>
                </a:lnTo>
                <a:lnTo>
                  <a:pt x="15669" y="2133"/>
                </a:lnTo>
                <a:lnTo>
                  <a:pt x="15649" y="2134"/>
                </a:lnTo>
                <a:lnTo>
                  <a:pt x="15627" y="2134"/>
                </a:lnTo>
                <a:lnTo>
                  <a:pt x="15596" y="2134"/>
                </a:lnTo>
                <a:lnTo>
                  <a:pt x="15564" y="2131"/>
                </a:lnTo>
                <a:lnTo>
                  <a:pt x="15530" y="2127"/>
                </a:lnTo>
                <a:lnTo>
                  <a:pt x="15496" y="2120"/>
                </a:lnTo>
                <a:lnTo>
                  <a:pt x="15463" y="2112"/>
                </a:lnTo>
                <a:lnTo>
                  <a:pt x="15430" y="2103"/>
                </a:lnTo>
                <a:lnTo>
                  <a:pt x="15400" y="2092"/>
                </a:lnTo>
                <a:lnTo>
                  <a:pt x="15372" y="2080"/>
                </a:lnTo>
                <a:lnTo>
                  <a:pt x="15372" y="2244"/>
                </a:lnTo>
                <a:lnTo>
                  <a:pt x="15414" y="2256"/>
                </a:lnTo>
                <a:lnTo>
                  <a:pt x="15453" y="2263"/>
                </a:lnTo>
                <a:lnTo>
                  <a:pt x="15491" y="2270"/>
                </a:lnTo>
                <a:lnTo>
                  <a:pt x="15526" y="2274"/>
                </a:lnTo>
                <a:lnTo>
                  <a:pt x="15560" y="2278"/>
                </a:lnTo>
                <a:lnTo>
                  <a:pt x="15592" y="2280"/>
                </a:lnTo>
                <a:lnTo>
                  <a:pt x="15624" y="2281"/>
                </a:lnTo>
                <a:lnTo>
                  <a:pt x="15655" y="2281"/>
                </a:lnTo>
                <a:lnTo>
                  <a:pt x="15691" y="2281"/>
                </a:lnTo>
                <a:lnTo>
                  <a:pt x="15726" y="2279"/>
                </a:lnTo>
                <a:lnTo>
                  <a:pt x="15760" y="2274"/>
                </a:lnTo>
                <a:lnTo>
                  <a:pt x="15793" y="2269"/>
                </a:lnTo>
                <a:lnTo>
                  <a:pt x="15809" y="2266"/>
                </a:lnTo>
                <a:lnTo>
                  <a:pt x="15824" y="2262"/>
                </a:lnTo>
                <a:lnTo>
                  <a:pt x="15840" y="2258"/>
                </a:lnTo>
                <a:lnTo>
                  <a:pt x="15855" y="2252"/>
                </a:lnTo>
                <a:lnTo>
                  <a:pt x="15869" y="2248"/>
                </a:lnTo>
                <a:lnTo>
                  <a:pt x="15883" y="2241"/>
                </a:lnTo>
                <a:lnTo>
                  <a:pt x="15896" y="2236"/>
                </a:lnTo>
                <a:lnTo>
                  <a:pt x="15909" y="2228"/>
                </a:lnTo>
                <a:lnTo>
                  <a:pt x="15922" y="2221"/>
                </a:lnTo>
                <a:lnTo>
                  <a:pt x="15933" y="2213"/>
                </a:lnTo>
                <a:lnTo>
                  <a:pt x="15944" y="2204"/>
                </a:lnTo>
                <a:lnTo>
                  <a:pt x="15955" y="2196"/>
                </a:lnTo>
                <a:lnTo>
                  <a:pt x="15965" y="2186"/>
                </a:lnTo>
                <a:lnTo>
                  <a:pt x="15974" y="2176"/>
                </a:lnTo>
                <a:lnTo>
                  <a:pt x="15982" y="2164"/>
                </a:lnTo>
                <a:lnTo>
                  <a:pt x="15990" y="2153"/>
                </a:lnTo>
                <a:lnTo>
                  <a:pt x="15997" y="2141"/>
                </a:lnTo>
                <a:lnTo>
                  <a:pt x="16003" y="2128"/>
                </a:lnTo>
                <a:lnTo>
                  <a:pt x="16008" y="2114"/>
                </a:lnTo>
                <a:lnTo>
                  <a:pt x="16012" y="2100"/>
                </a:lnTo>
                <a:lnTo>
                  <a:pt x="16016" y="2086"/>
                </a:lnTo>
                <a:lnTo>
                  <a:pt x="16018" y="2070"/>
                </a:lnTo>
                <a:lnTo>
                  <a:pt x="16019" y="2054"/>
                </a:lnTo>
                <a:lnTo>
                  <a:pt x="16020" y="2037"/>
                </a:lnTo>
                <a:lnTo>
                  <a:pt x="16020" y="2023"/>
                </a:lnTo>
                <a:lnTo>
                  <a:pt x="16019" y="2010"/>
                </a:lnTo>
                <a:lnTo>
                  <a:pt x="16017" y="1997"/>
                </a:lnTo>
                <a:lnTo>
                  <a:pt x="16015" y="1984"/>
                </a:lnTo>
                <a:lnTo>
                  <a:pt x="16013" y="1972"/>
                </a:lnTo>
                <a:lnTo>
                  <a:pt x="16010" y="1961"/>
                </a:lnTo>
                <a:lnTo>
                  <a:pt x="16006" y="1950"/>
                </a:lnTo>
                <a:lnTo>
                  <a:pt x="16002" y="1940"/>
                </a:lnTo>
                <a:lnTo>
                  <a:pt x="15998" y="1930"/>
                </a:lnTo>
                <a:lnTo>
                  <a:pt x="15993" y="1920"/>
                </a:lnTo>
                <a:lnTo>
                  <a:pt x="15987" y="1911"/>
                </a:lnTo>
                <a:lnTo>
                  <a:pt x="15981" y="1902"/>
                </a:lnTo>
                <a:lnTo>
                  <a:pt x="15974" y="1893"/>
                </a:lnTo>
                <a:lnTo>
                  <a:pt x="15967" y="1886"/>
                </a:lnTo>
                <a:lnTo>
                  <a:pt x="15960" y="1878"/>
                </a:lnTo>
                <a:lnTo>
                  <a:pt x="15952" y="1870"/>
                </a:lnTo>
                <a:lnTo>
                  <a:pt x="15934" y="1857"/>
                </a:lnTo>
                <a:lnTo>
                  <a:pt x="15915" y="1844"/>
                </a:lnTo>
                <a:lnTo>
                  <a:pt x="15894" y="1832"/>
                </a:lnTo>
                <a:lnTo>
                  <a:pt x="15871" y="1822"/>
                </a:lnTo>
                <a:lnTo>
                  <a:pt x="15847" y="1812"/>
                </a:lnTo>
                <a:lnTo>
                  <a:pt x="15821" y="1803"/>
                </a:lnTo>
                <a:lnTo>
                  <a:pt x="15793" y="1794"/>
                </a:lnTo>
                <a:lnTo>
                  <a:pt x="15764" y="1787"/>
                </a:lnTo>
                <a:lnTo>
                  <a:pt x="15724" y="1777"/>
                </a:lnTo>
                <a:lnTo>
                  <a:pt x="15688" y="1767"/>
                </a:lnTo>
                <a:lnTo>
                  <a:pt x="15657" y="1758"/>
                </a:lnTo>
                <a:lnTo>
                  <a:pt x="15631" y="1748"/>
                </a:lnTo>
                <a:lnTo>
                  <a:pt x="15621" y="1742"/>
                </a:lnTo>
                <a:lnTo>
                  <a:pt x="15610" y="1737"/>
                </a:lnTo>
                <a:lnTo>
                  <a:pt x="15602" y="1731"/>
                </a:lnTo>
                <a:lnTo>
                  <a:pt x="15596" y="1724"/>
                </a:lnTo>
                <a:lnTo>
                  <a:pt x="15590" y="1717"/>
                </a:lnTo>
                <a:lnTo>
                  <a:pt x="15587" y="1709"/>
                </a:lnTo>
                <a:lnTo>
                  <a:pt x="15584" y="1700"/>
                </a:lnTo>
                <a:lnTo>
                  <a:pt x="15584" y="1691"/>
                </a:lnTo>
                <a:lnTo>
                  <a:pt x="15584" y="1681"/>
                </a:lnTo>
                <a:lnTo>
                  <a:pt x="15586" y="1672"/>
                </a:lnTo>
                <a:lnTo>
                  <a:pt x="15590" y="1663"/>
                </a:lnTo>
                <a:lnTo>
                  <a:pt x="15594" y="1656"/>
                </a:lnTo>
                <a:lnTo>
                  <a:pt x="15600" y="1649"/>
                </a:lnTo>
                <a:lnTo>
                  <a:pt x="15607" y="1643"/>
                </a:lnTo>
                <a:lnTo>
                  <a:pt x="15615" y="1638"/>
                </a:lnTo>
                <a:lnTo>
                  <a:pt x="15626" y="1632"/>
                </a:lnTo>
                <a:lnTo>
                  <a:pt x="15636" y="1629"/>
                </a:lnTo>
                <a:lnTo>
                  <a:pt x="15648" y="1624"/>
                </a:lnTo>
                <a:lnTo>
                  <a:pt x="15660" y="1622"/>
                </a:lnTo>
                <a:lnTo>
                  <a:pt x="15674" y="1620"/>
                </a:lnTo>
                <a:lnTo>
                  <a:pt x="15689" y="1618"/>
                </a:lnTo>
                <a:lnTo>
                  <a:pt x="15705" y="1617"/>
                </a:lnTo>
                <a:lnTo>
                  <a:pt x="15721" y="1616"/>
                </a:lnTo>
                <a:lnTo>
                  <a:pt x="15739" y="1616"/>
                </a:lnTo>
                <a:lnTo>
                  <a:pt x="15766" y="1617"/>
                </a:lnTo>
                <a:lnTo>
                  <a:pt x="15792" y="1619"/>
                </a:lnTo>
                <a:lnTo>
                  <a:pt x="15818" y="1623"/>
                </a:lnTo>
                <a:lnTo>
                  <a:pt x="15843" y="1628"/>
                </a:lnTo>
                <a:lnTo>
                  <a:pt x="15867" y="1633"/>
                </a:lnTo>
                <a:lnTo>
                  <a:pt x="15889" y="1640"/>
                </a:lnTo>
                <a:lnTo>
                  <a:pt x="15910" y="1647"/>
                </a:lnTo>
                <a:lnTo>
                  <a:pt x="15929" y="1653"/>
                </a:lnTo>
                <a:lnTo>
                  <a:pt x="16012" y="1522"/>
                </a:lnTo>
                <a:lnTo>
                  <a:pt x="15981" y="1512"/>
                </a:lnTo>
                <a:lnTo>
                  <a:pt x="15948" y="1503"/>
                </a:lnTo>
                <a:lnTo>
                  <a:pt x="15913" y="1494"/>
                </a:lnTo>
                <a:lnTo>
                  <a:pt x="15876" y="1488"/>
                </a:lnTo>
                <a:lnTo>
                  <a:pt x="15837" y="1482"/>
                </a:lnTo>
                <a:lnTo>
                  <a:pt x="15795" y="1478"/>
                </a:lnTo>
                <a:lnTo>
                  <a:pt x="15751" y="1474"/>
                </a:lnTo>
                <a:lnTo>
                  <a:pt x="15705" y="1473"/>
                </a:lnTo>
                <a:close/>
              </a:path>
            </a:pathLst>
          </a:custGeom>
          <a:solidFill>
            <a:schemeClr val="bg2"/>
          </a:solidFill>
          <a:ln w="9525" cap="flat" cmpd="sng">
            <a:noFill/>
            <a:prstDash val="solid"/>
            <a:round/>
            <a:headEnd type="none" w="med" len="med"/>
            <a:tailEnd type="none" w="med" len="med"/>
          </a:ln>
          <a:effectLst/>
        </p:spPr>
        <p:txBody>
          <a:bodyPr/>
          <a:lstStyle/>
          <a:p>
            <a:pPr>
              <a:defRPr/>
            </a:pPr>
            <a:endParaRPr lang="en-US"/>
          </a:p>
        </p:txBody>
      </p:sp>
      <p:sp>
        <p:nvSpPr>
          <p:cNvPr id="11" name="Freeform 13" hidden="1"/>
          <p:cNvSpPr>
            <a:spLocks noChangeAspect="1" noEditPoints="1"/>
          </p:cNvSpPr>
          <p:nvPr>
            <p:custDataLst>
              <p:tags r:id="rId8"/>
            </p:custDataLst>
          </p:nvPr>
        </p:nvSpPr>
        <p:spPr bwMode="gray">
          <a:xfrm>
            <a:off x="-1544638" y="1295400"/>
            <a:ext cx="1316038" cy="328613"/>
          </a:xfrm>
          <a:custGeom>
            <a:avLst/>
            <a:gdLst/>
            <a:ahLst/>
            <a:cxnLst>
              <a:cxn ang="0">
                <a:pos x="1" y="1860"/>
              </a:cxn>
              <a:cxn ang="0">
                <a:pos x="5380" y="2754"/>
              </a:cxn>
              <a:cxn ang="0">
                <a:pos x="5364" y="2310"/>
              </a:cxn>
              <a:cxn ang="0">
                <a:pos x="5532" y="2525"/>
              </a:cxn>
              <a:cxn ang="0">
                <a:pos x="5756" y="2938"/>
              </a:cxn>
              <a:cxn ang="0">
                <a:pos x="6002" y="2471"/>
              </a:cxn>
              <a:cxn ang="0">
                <a:pos x="5621" y="2073"/>
              </a:cxn>
              <a:cxn ang="0">
                <a:pos x="15762" y="2412"/>
              </a:cxn>
              <a:cxn ang="0">
                <a:pos x="15735" y="2670"/>
              </a:cxn>
              <a:cxn ang="0">
                <a:pos x="16127" y="2687"/>
              </a:cxn>
              <a:cxn ang="0">
                <a:pos x="16608" y="2917"/>
              </a:cxn>
              <a:cxn ang="0">
                <a:pos x="16440" y="2462"/>
              </a:cxn>
              <a:cxn ang="0">
                <a:pos x="7245" y="3623"/>
              </a:cxn>
              <a:cxn ang="0">
                <a:pos x="10034" y="3221"/>
              </a:cxn>
              <a:cxn ang="0">
                <a:pos x="9717" y="3409"/>
              </a:cxn>
              <a:cxn ang="0">
                <a:pos x="9369" y="3253"/>
              </a:cxn>
              <a:cxn ang="0">
                <a:pos x="9323" y="2855"/>
              </a:cxn>
              <a:cxn ang="0">
                <a:pos x="9581" y="2605"/>
              </a:cxn>
              <a:cxn ang="0">
                <a:pos x="9972" y="2694"/>
              </a:cxn>
              <a:cxn ang="0">
                <a:pos x="10498" y="2922"/>
              </a:cxn>
              <a:cxn ang="0">
                <a:pos x="10082" y="2406"/>
              </a:cxn>
              <a:cxn ang="0">
                <a:pos x="9304" y="2406"/>
              </a:cxn>
              <a:cxn ang="0">
                <a:pos x="8887" y="2922"/>
              </a:cxn>
              <a:cxn ang="0">
                <a:pos x="9175" y="3535"/>
              </a:cxn>
              <a:cxn ang="0">
                <a:pos x="9936" y="3639"/>
              </a:cxn>
              <a:cxn ang="0">
                <a:pos x="10466" y="3226"/>
              </a:cxn>
              <a:cxn ang="0">
                <a:pos x="12627" y="2373"/>
              </a:cxn>
              <a:cxn ang="0">
                <a:pos x="11952" y="2540"/>
              </a:cxn>
              <a:cxn ang="0">
                <a:pos x="11779" y="3094"/>
              </a:cxn>
              <a:cxn ang="0">
                <a:pos x="12098" y="3567"/>
              </a:cxn>
              <a:cxn ang="0">
                <a:pos x="12721" y="3574"/>
              </a:cxn>
              <a:cxn ang="0">
                <a:pos x="12868" y="3632"/>
              </a:cxn>
              <a:cxn ang="0">
                <a:pos x="12601" y="3885"/>
              </a:cxn>
              <a:cxn ang="0">
                <a:pos x="11983" y="3826"/>
              </a:cxn>
              <a:cxn ang="0">
                <a:pos x="12532" y="4159"/>
              </a:cxn>
              <a:cxn ang="0">
                <a:pos x="13202" y="3812"/>
              </a:cxn>
              <a:cxn ang="0">
                <a:pos x="12410" y="3356"/>
              </a:cxn>
              <a:cxn ang="0">
                <a:pos x="12199" y="3105"/>
              </a:cxn>
              <a:cxn ang="0">
                <a:pos x="12245" y="2764"/>
              </a:cxn>
              <a:cxn ang="0">
                <a:pos x="12584" y="2614"/>
              </a:cxn>
              <a:cxn ang="0">
                <a:pos x="12848" y="2812"/>
              </a:cxn>
              <a:cxn ang="0">
                <a:pos x="12850" y="3162"/>
              </a:cxn>
              <a:cxn ang="0">
                <a:pos x="12573" y="3371"/>
              </a:cxn>
              <a:cxn ang="0">
                <a:pos x="14708" y="2466"/>
              </a:cxn>
              <a:cxn ang="0">
                <a:pos x="13940" y="2376"/>
              </a:cxn>
              <a:cxn ang="0">
                <a:pos x="14037" y="2598"/>
              </a:cxn>
              <a:cxn ang="0">
                <a:pos x="14442" y="2672"/>
              </a:cxn>
              <a:cxn ang="0">
                <a:pos x="13930" y="2894"/>
              </a:cxn>
              <a:cxn ang="0">
                <a:pos x="13550" y="3096"/>
              </a:cxn>
              <a:cxn ang="0">
                <a:pos x="13563" y="3459"/>
              </a:cxn>
              <a:cxn ang="0">
                <a:pos x="13969" y="3649"/>
              </a:cxn>
              <a:cxn ang="0">
                <a:pos x="14525" y="3498"/>
              </a:cxn>
              <a:cxn ang="0">
                <a:pos x="14132" y="3418"/>
              </a:cxn>
              <a:cxn ang="0">
                <a:pos x="13912" y="3313"/>
              </a:cxn>
              <a:cxn ang="0">
                <a:pos x="14012" y="3115"/>
              </a:cxn>
              <a:cxn ang="0">
                <a:pos x="3503" y="3109"/>
              </a:cxn>
              <a:cxn ang="0">
                <a:pos x="3301" y="3338"/>
              </a:cxn>
              <a:cxn ang="0">
                <a:pos x="2988" y="3643"/>
              </a:cxn>
              <a:cxn ang="0">
                <a:pos x="3769" y="3507"/>
              </a:cxn>
              <a:cxn ang="0">
                <a:pos x="11555" y="2357"/>
              </a:cxn>
              <a:cxn ang="0">
                <a:pos x="11170" y="2513"/>
              </a:cxn>
              <a:cxn ang="0">
                <a:pos x="11188" y="2804"/>
              </a:cxn>
              <a:cxn ang="0">
                <a:pos x="11416" y="2631"/>
              </a:cxn>
            </a:cxnLst>
            <a:rect l="0" t="0" r="r" b="b"/>
            <a:pathLst>
              <a:path w="16608" h="4160">
                <a:moveTo>
                  <a:pt x="2825" y="962"/>
                </a:moveTo>
                <a:lnTo>
                  <a:pt x="2025" y="962"/>
                </a:lnTo>
                <a:lnTo>
                  <a:pt x="2025" y="2821"/>
                </a:lnTo>
                <a:lnTo>
                  <a:pt x="2825" y="2022"/>
                </a:lnTo>
                <a:lnTo>
                  <a:pt x="2825" y="962"/>
                </a:lnTo>
                <a:close/>
                <a:moveTo>
                  <a:pt x="963" y="0"/>
                </a:moveTo>
                <a:lnTo>
                  <a:pt x="963" y="800"/>
                </a:lnTo>
                <a:lnTo>
                  <a:pt x="2825" y="800"/>
                </a:lnTo>
                <a:lnTo>
                  <a:pt x="2025" y="0"/>
                </a:lnTo>
                <a:lnTo>
                  <a:pt x="963" y="0"/>
                </a:lnTo>
                <a:close/>
                <a:moveTo>
                  <a:pt x="1863" y="2821"/>
                </a:moveTo>
                <a:lnTo>
                  <a:pt x="1863" y="2022"/>
                </a:lnTo>
                <a:lnTo>
                  <a:pt x="0" y="2022"/>
                </a:lnTo>
                <a:lnTo>
                  <a:pt x="800" y="2821"/>
                </a:lnTo>
                <a:lnTo>
                  <a:pt x="1863" y="2821"/>
                </a:lnTo>
                <a:close/>
                <a:moveTo>
                  <a:pt x="1" y="1860"/>
                </a:moveTo>
                <a:lnTo>
                  <a:pt x="801" y="1860"/>
                </a:lnTo>
                <a:lnTo>
                  <a:pt x="801" y="0"/>
                </a:lnTo>
                <a:lnTo>
                  <a:pt x="1" y="799"/>
                </a:lnTo>
                <a:lnTo>
                  <a:pt x="1" y="1860"/>
                </a:lnTo>
                <a:close/>
                <a:moveTo>
                  <a:pt x="5532" y="2525"/>
                </a:moveTo>
                <a:lnTo>
                  <a:pt x="5530" y="2545"/>
                </a:lnTo>
                <a:lnTo>
                  <a:pt x="5528" y="2566"/>
                </a:lnTo>
                <a:lnTo>
                  <a:pt x="5524" y="2588"/>
                </a:lnTo>
                <a:lnTo>
                  <a:pt x="5518" y="2610"/>
                </a:lnTo>
                <a:lnTo>
                  <a:pt x="5514" y="2621"/>
                </a:lnTo>
                <a:lnTo>
                  <a:pt x="5510" y="2632"/>
                </a:lnTo>
                <a:lnTo>
                  <a:pt x="5503" y="2643"/>
                </a:lnTo>
                <a:lnTo>
                  <a:pt x="5498" y="2654"/>
                </a:lnTo>
                <a:lnTo>
                  <a:pt x="5491" y="2665"/>
                </a:lnTo>
                <a:lnTo>
                  <a:pt x="5484" y="2675"/>
                </a:lnTo>
                <a:lnTo>
                  <a:pt x="5476" y="2685"/>
                </a:lnTo>
                <a:lnTo>
                  <a:pt x="5467" y="2695"/>
                </a:lnTo>
                <a:lnTo>
                  <a:pt x="5458" y="2705"/>
                </a:lnTo>
                <a:lnTo>
                  <a:pt x="5446" y="2714"/>
                </a:lnTo>
                <a:lnTo>
                  <a:pt x="5435" y="2723"/>
                </a:lnTo>
                <a:lnTo>
                  <a:pt x="5424" y="2731"/>
                </a:lnTo>
                <a:lnTo>
                  <a:pt x="5410" y="2739"/>
                </a:lnTo>
                <a:lnTo>
                  <a:pt x="5396" y="2746"/>
                </a:lnTo>
                <a:lnTo>
                  <a:pt x="5380" y="2754"/>
                </a:lnTo>
                <a:lnTo>
                  <a:pt x="5364" y="2760"/>
                </a:lnTo>
                <a:lnTo>
                  <a:pt x="5347" y="2766"/>
                </a:lnTo>
                <a:lnTo>
                  <a:pt x="5328" y="2771"/>
                </a:lnTo>
                <a:lnTo>
                  <a:pt x="5308" y="2775"/>
                </a:lnTo>
                <a:lnTo>
                  <a:pt x="5288" y="2780"/>
                </a:lnTo>
                <a:lnTo>
                  <a:pt x="5266" y="2783"/>
                </a:lnTo>
                <a:lnTo>
                  <a:pt x="5243" y="2785"/>
                </a:lnTo>
                <a:lnTo>
                  <a:pt x="5219" y="2786"/>
                </a:lnTo>
                <a:lnTo>
                  <a:pt x="5193" y="2786"/>
                </a:lnTo>
                <a:lnTo>
                  <a:pt x="4855" y="2786"/>
                </a:lnTo>
                <a:lnTo>
                  <a:pt x="4855" y="2288"/>
                </a:lnTo>
                <a:lnTo>
                  <a:pt x="5193" y="2288"/>
                </a:lnTo>
                <a:lnTo>
                  <a:pt x="5219" y="2288"/>
                </a:lnTo>
                <a:lnTo>
                  <a:pt x="5243" y="2289"/>
                </a:lnTo>
                <a:lnTo>
                  <a:pt x="5266" y="2291"/>
                </a:lnTo>
                <a:lnTo>
                  <a:pt x="5288" y="2295"/>
                </a:lnTo>
                <a:lnTo>
                  <a:pt x="5308" y="2298"/>
                </a:lnTo>
                <a:lnTo>
                  <a:pt x="5328" y="2301"/>
                </a:lnTo>
                <a:lnTo>
                  <a:pt x="5347" y="2306"/>
                </a:lnTo>
                <a:lnTo>
                  <a:pt x="5364" y="2310"/>
                </a:lnTo>
                <a:lnTo>
                  <a:pt x="5380" y="2316"/>
                </a:lnTo>
                <a:lnTo>
                  <a:pt x="5396" y="2323"/>
                </a:lnTo>
                <a:lnTo>
                  <a:pt x="5410" y="2329"/>
                </a:lnTo>
                <a:lnTo>
                  <a:pt x="5424" y="2336"/>
                </a:lnTo>
                <a:lnTo>
                  <a:pt x="5435" y="2343"/>
                </a:lnTo>
                <a:lnTo>
                  <a:pt x="5446" y="2350"/>
                </a:lnTo>
                <a:lnTo>
                  <a:pt x="5458" y="2359"/>
                </a:lnTo>
                <a:lnTo>
                  <a:pt x="5467" y="2367"/>
                </a:lnTo>
                <a:lnTo>
                  <a:pt x="5476" y="2376"/>
                </a:lnTo>
                <a:lnTo>
                  <a:pt x="5484" y="2385"/>
                </a:lnTo>
                <a:lnTo>
                  <a:pt x="5491" y="2394"/>
                </a:lnTo>
                <a:lnTo>
                  <a:pt x="5498" y="2404"/>
                </a:lnTo>
                <a:lnTo>
                  <a:pt x="5503" y="2414"/>
                </a:lnTo>
                <a:lnTo>
                  <a:pt x="5510" y="2424"/>
                </a:lnTo>
                <a:lnTo>
                  <a:pt x="5514" y="2433"/>
                </a:lnTo>
                <a:lnTo>
                  <a:pt x="5518" y="2444"/>
                </a:lnTo>
                <a:lnTo>
                  <a:pt x="5524" y="2464"/>
                </a:lnTo>
                <a:lnTo>
                  <a:pt x="5528" y="2484"/>
                </a:lnTo>
                <a:lnTo>
                  <a:pt x="5530" y="2505"/>
                </a:lnTo>
                <a:lnTo>
                  <a:pt x="5532" y="2525"/>
                </a:lnTo>
                <a:close/>
                <a:moveTo>
                  <a:pt x="5160" y="2021"/>
                </a:moveTo>
                <a:lnTo>
                  <a:pt x="4381" y="2021"/>
                </a:lnTo>
                <a:lnTo>
                  <a:pt x="4381" y="3623"/>
                </a:lnTo>
                <a:lnTo>
                  <a:pt x="4855" y="3623"/>
                </a:lnTo>
                <a:lnTo>
                  <a:pt x="4855" y="3055"/>
                </a:lnTo>
                <a:lnTo>
                  <a:pt x="5259" y="3055"/>
                </a:lnTo>
                <a:lnTo>
                  <a:pt x="5302" y="3054"/>
                </a:lnTo>
                <a:lnTo>
                  <a:pt x="5344" y="3052"/>
                </a:lnTo>
                <a:lnTo>
                  <a:pt x="5385" y="3049"/>
                </a:lnTo>
                <a:lnTo>
                  <a:pt x="5425" y="3045"/>
                </a:lnTo>
                <a:lnTo>
                  <a:pt x="5463" y="3040"/>
                </a:lnTo>
                <a:lnTo>
                  <a:pt x="5500" y="3032"/>
                </a:lnTo>
                <a:lnTo>
                  <a:pt x="5537" y="3024"/>
                </a:lnTo>
                <a:lnTo>
                  <a:pt x="5572" y="3015"/>
                </a:lnTo>
                <a:lnTo>
                  <a:pt x="5606" y="3004"/>
                </a:lnTo>
                <a:lnTo>
                  <a:pt x="5638" y="2994"/>
                </a:lnTo>
                <a:lnTo>
                  <a:pt x="5670" y="2982"/>
                </a:lnTo>
                <a:lnTo>
                  <a:pt x="5700" y="2968"/>
                </a:lnTo>
                <a:lnTo>
                  <a:pt x="5729" y="2954"/>
                </a:lnTo>
                <a:lnTo>
                  <a:pt x="5756" y="2938"/>
                </a:lnTo>
                <a:lnTo>
                  <a:pt x="5782" y="2922"/>
                </a:lnTo>
                <a:lnTo>
                  <a:pt x="5807" y="2905"/>
                </a:lnTo>
                <a:lnTo>
                  <a:pt x="5829" y="2886"/>
                </a:lnTo>
                <a:lnTo>
                  <a:pt x="5852" y="2868"/>
                </a:lnTo>
                <a:lnTo>
                  <a:pt x="5872" y="2848"/>
                </a:lnTo>
                <a:lnTo>
                  <a:pt x="5892" y="2827"/>
                </a:lnTo>
                <a:lnTo>
                  <a:pt x="5909" y="2806"/>
                </a:lnTo>
                <a:lnTo>
                  <a:pt x="5925" y="2785"/>
                </a:lnTo>
                <a:lnTo>
                  <a:pt x="5940" y="2762"/>
                </a:lnTo>
                <a:lnTo>
                  <a:pt x="5954" y="2738"/>
                </a:lnTo>
                <a:lnTo>
                  <a:pt x="5965" y="2714"/>
                </a:lnTo>
                <a:lnTo>
                  <a:pt x="5976" y="2690"/>
                </a:lnTo>
                <a:lnTo>
                  <a:pt x="5984" y="2665"/>
                </a:lnTo>
                <a:lnTo>
                  <a:pt x="5991" y="2639"/>
                </a:lnTo>
                <a:lnTo>
                  <a:pt x="5997" y="2613"/>
                </a:lnTo>
                <a:lnTo>
                  <a:pt x="6001" y="2586"/>
                </a:lnTo>
                <a:lnTo>
                  <a:pt x="6004" y="2559"/>
                </a:lnTo>
                <a:lnTo>
                  <a:pt x="6005" y="2531"/>
                </a:lnTo>
                <a:lnTo>
                  <a:pt x="6004" y="2501"/>
                </a:lnTo>
                <a:lnTo>
                  <a:pt x="6002" y="2471"/>
                </a:lnTo>
                <a:lnTo>
                  <a:pt x="5998" y="2443"/>
                </a:lnTo>
                <a:lnTo>
                  <a:pt x="5992" y="2415"/>
                </a:lnTo>
                <a:lnTo>
                  <a:pt x="5986" y="2388"/>
                </a:lnTo>
                <a:lnTo>
                  <a:pt x="5978" y="2362"/>
                </a:lnTo>
                <a:lnTo>
                  <a:pt x="5967" y="2336"/>
                </a:lnTo>
                <a:lnTo>
                  <a:pt x="5957" y="2312"/>
                </a:lnTo>
                <a:lnTo>
                  <a:pt x="5944" y="2288"/>
                </a:lnTo>
                <a:lnTo>
                  <a:pt x="5929" y="2267"/>
                </a:lnTo>
                <a:lnTo>
                  <a:pt x="5912" y="2245"/>
                </a:lnTo>
                <a:lnTo>
                  <a:pt x="5895" y="2224"/>
                </a:lnTo>
                <a:lnTo>
                  <a:pt x="5875" y="2205"/>
                </a:lnTo>
                <a:lnTo>
                  <a:pt x="5854" y="2187"/>
                </a:lnTo>
                <a:lnTo>
                  <a:pt x="5831" y="2169"/>
                </a:lnTo>
                <a:lnTo>
                  <a:pt x="5807" y="2153"/>
                </a:lnTo>
                <a:lnTo>
                  <a:pt x="5781" y="2136"/>
                </a:lnTo>
                <a:lnTo>
                  <a:pt x="5752" y="2121"/>
                </a:lnTo>
                <a:lnTo>
                  <a:pt x="5721" y="2108"/>
                </a:lnTo>
                <a:lnTo>
                  <a:pt x="5690" y="2096"/>
                </a:lnTo>
                <a:lnTo>
                  <a:pt x="5656" y="2083"/>
                </a:lnTo>
                <a:lnTo>
                  <a:pt x="5621" y="2073"/>
                </a:lnTo>
                <a:lnTo>
                  <a:pt x="5583" y="2063"/>
                </a:lnTo>
                <a:lnTo>
                  <a:pt x="5544" y="2054"/>
                </a:lnTo>
                <a:lnTo>
                  <a:pt x="5503" y="2047"/>
                </a:lnTo>
                <a:lnTo>
                  <a:pt x="5460" y="2040"/>
                </a:lnTo>
                <a:lnTo>
                  <a:pt x="5415" y="2034"/>
                </a:lnTo>
                <a:lnTo>
                  <a:pt x="5367" y="2029"/>
                </a:lnTo>
                <a:lnTo>
                  <a:pt x="5319" y="2026"/>
                </a:lnTo>
                <a:lnTo>
                  <a:pt x="5268" y="2023"/>
                </a:lnTo>
                <a:lnTo>
                  <a:pt x="5215" y="2021"/>
                </a:lnTo>
                <a:lnTo>
                  <a:pt x="5160" y="2021"/>
                </a:lnTo>
                <a:close/>
                <a:moveTo>
                  <a:pt x="16045" y="2357"/>
                </a:moveTo>
                <a:lnTo>
                  <a:pt x="16012" y="2358"/>
                </a:lnTo>
                <a:lnTo>
                  <a:pt x="15979" y="2360"/>
                </a:lnTo>
                <a:lnTo>
                  <a:pt x="15946" y="2364"/>
                </a:lnTo>
                <a:lnTo>
                  <a:pt x="15914" y="2368"/>
                </a:lnTo>
                <a:lnTo>
                  <a:pt x="15881" y="2374"/>
                </a:lnTo>
                <a:lnTo>
                  <a:pt x="15850" y="2383"/>
                </a:lnTo>
                <a:lnTo>
                  <a:pt x="15820" y="2391"/>
                </a:lnTo>
                <a:lnTo>
                  <a:pt x="15791" y="2400"/>
                </a:lnTo>
                <a:lnTo>
                  <a:pt x="15762" y="2412"/>
                </a:lnTo>
                <a:lnTo>
                  <a:pt x="15735" y="2423"/>
                </a:lnTo>
                <a:lnTo>
                  <a:pt x="15709" y="2437"/>
                </a:lnTo>
                <a:lnTo>
                  <a:pt x="15684" y="2450"/>
                </a:lnTo>
                <a:lnTo>
                  <a:pt x="15660" y="2464"/>
                </a:lnTo>
                <a:lnTo>
                  <a:pt x="15639" y="2479"/>
                </a:lnTo>
                <a:lnTo>
                  <a:pt x="15618" y="2496"/>
                </a:lnTo>
                <a:lnTo>
                  <a:pt x="15599" y="2512"/>
                </a:lnTo>
                <a:lnTo>
                  <a:pt x="15593" y="2512"/>
                </a:lnTo>
                <a:lnTo>
                  <a:pt x="15593" y="2383"/>
                </a:lnTo>
                <a:lnTo>
                  <a:pt x="15202" y="2383"/>
                </a:lnTo>
                <a:lnTo>
                  <a:pt x="15202" y="3623"/>
                </a:lnTo>
                <a:lnTo>
                  <a:pt x="15599" y="3623"/>
                </a:lnTo>
                <a:lnTo>
                  <a:pt x="15599" y="2774"/>
                </a:lnTo>
                <a:lnTo>
                  <a:pt x="15617" y="2755"/>
                </a:lnTo>
                <a:lnTo>
                  <a:pt x="15634" y="2737"/>
                </a:lnTo>
                <a:lnTo>
                  <a:pt x="15654" y="2720"/>
                </a:lnTo>
                <a:lnTo>
                  <a:pt x="15673" y="2706"/>
                </a:lnTo>
                <a:lnTo>
                  <a:pt x="15694" y="2692"/>
                </a:lnTo>
                <a:lnTo>
                  <a:pt x="15714" y="2681"/>
                </a:lnTo>
                <a:lnTo>
                  <a:pt x="15735" y="2670"/>
                </a:lnTo>
                <a:lnTo>
                  <a:pt x="15756" y="2660"/>
                </a:lnTo>
                <a:lnTo>
                  <a:pt x="15777" y="2653"/>
                </a:lnTo>
                <a:lnTo>
                  <a:pt x="15798" y="2646"/>
                </a:lnTo>
                <a:lnTo>
                  <a:pt x="15820" y="2641"/>
                </a:lnTo>
                <a:lnTo>
                  <a:pt x="15841" y="2635"/>
                </a:lnTo>
                <a:lnTo>
                  <a:pt x="15862" y="2632"/>
                </a:lnTo>
                <a:lnTo>
                  <a:pt x="15882" y="2630"/>
                </a:lnTo>
                <a:lnTo>
                  <a:pt x="15903" y="2629"/>
                </a:lnTo>
                <a:lnTo>
                  <a:pt x="15923" y="2628"/>
                </a:lnTo>
                <a:lnTo>
                  <a:pt x="15949" y="2629"/>
                </a:lnTo>
                <a:lnTo>
                  <a:pt x="15973" y="2630"/>
                </a:lnTo>
                <a:lnTo>
                  <a:pt x="15996" y="2633"/>
                </a:lnTo>
                <a:lnTo>
                  <a:pt x="16017" y="2637"/>
                </a:lnTo>
                <a:lnTo>
                  <a:pt x="16036" y="2642"/>
                </a:lnTo>
                <a:lnTo>
                  <a:pt x="16055" y="2647"/>
                </a:lnTo>
                <a:lnTo>
                  <a:pt x="16072" y="2653"/>
                </a:lnTo>
                <a:lnTo>
                  <a:pt x="16088" y="2660"/>
                </a:lnTo>
                <a:lnTo>
                  <a:pt x="16102" y="2669"/>
                </a:lnTo>
                <a:lnTo>
                  <a:pt x="16116" y="2678"/>
                </a:lnTo>
                <a:lnTo>
                  <a:pt x="16127" y="2687"/>
                </a:lnTo>
                <a:lnTo>
                  <a:pt x="16139" y="2699"/>
                </a:lnTo>
                <a:lnTo>
                  <a:pt x="16149" y="2710"/>
                </a:lnTo>
                <a:lnTo>
                  <a:pt x="16158" y="2723"/>
                </a:lnTo>
                <a:lnTo>
                  <a:pt x="16166" y="2735"/>
                </a:lnTo>
                <a:lnTo>
                  <a:pt x="16173" y="2748"/>
                </a:lnTo>
                <a:lnTo>
                  <a:pt x="16180" y="2763"/>
                </a:lnTo>
                <a:lnTo>
                  <a:pt x="16186" y="2779"/>
                </a:lnTo>
                <a:lnTo>
                  <a:pt x="16191" y="2794"/>
                </a:lnTo>
                <a:lnTo>
                  <a:pt x="16195" y="2811"/>
                </a:lnTo>
                <a:lnTo>
                  <a:pt x="16198" y="2827"/>
                </a:lnTo>
                <a:lnTo>
                  <a:pt x="16201" y="2845"/>
                </a:lnTo>
                <a:lnTo>
                  <a:pt x="16204" y="2862"/>
                </a:lnTo>
                <a:lnTo>
                  <a:pt x="16206" y="2881"/>
                </a:lnTo>
                <a:lnTo>
                  <a:pt x="16208" y="2920"/>
                </a:lnTo>
                <a:lnTo>
                  <a:pt x="16210" y="2961"/>
                </a:lnTo>
                <a:lnTo>
                  <a:pt x="16211" y="3003"/>
                </a:lnTo>
                <a:lnTo>
                  <a:pt x="16211" y="3047"/>
                </a:lnTo>
                <a:lnTo>
                  <a:pt x="16211" y="3623"/>
                </a:lnTo>
                <a:lnTo>
                  <a:pt x="16608" y="3623"/>
                </a:lnTo>
                <a:lnTo>
                  <a:pt x="16608" y="2917"/>
                </a:lnTo>
                <a:lnTo>
                  <a:pt x="16608" y="2891"/>
                </a:lnTo>
                <a:lnTo>
                  <a:pt x="16607" y="2867"/>
                </a:lnTo>
                <a:lnTo>
                  <a:pt x="16606" y="2841"/>
                </a:lnTo>
                <a:lnTo>
                  <a:pt x="16604" y="2815"/>
                </a:lnTo>
                <a:lnTo>
                  <a:pt x="16602" y="2790"/>
                </a:lnTo>
                <a:lnTo>
                  <a:pt x="16599" y="2764"/>
                </a:lnTo>
                <a:lnTo>
                  <a:pt x="16595" y="2739"/>
                </a:lnTo>
                <a:lnTo>
                  <a:pt x="16589" y="2714"/>
                </a:lnTo>
                <a:lnTo>
                  <a:pt x="16583" y="2690"/>
                </a:lnTo>
                <a:lnTo>
                  <a:pt x="16577" y="2667"/>
                </a:lnTo>
                <a:lnTo>
                  <a:pt x="16569" y="2643"/>
                </a:lnTo>
                <a:lnTo>
                  <a:pt x="16559" y="2620"/>
                </a:lnTo>
                <a:lnTo>
                  <a:pt x="16550" y="2597"/>
                </a:lnTo>
                <a:lnTo>
                  <a:pt x="16538" y="2575"/>
                </a:lnTo>
                <a:lnTo>
                  <a:pt x="16525" y="2555"/>
                </a:lnTo>
                <a:lnTo>
                  <a:pt x="16511" y="2535"/>
                </a:lnTo>
                <a:lnTo>
                  <a:pt x="16496" y="2515"/>
                </a:lnTo>
                <a:lnTo>
                  <a:pt x="16478" y="2497"/>
                </a:lnTo>
                <a:lnTo>
                  <a:pt x="16460" y="2479"/>
                </a:lnTo>
                <a:lnTo>
                  <a:pt x="16440" y="2462"/>
                </a:lnTo>
                <a:lnTo>
                  <a:pt x="16418" y="2447"/>
                </a:lnTo>
                <a:lnTo>
                  <a:pt x="16394" y="2432"/>
                </a:lnTo>
                <a:lnTo>
                  <a:pt x="16368" y="2419"/>
                </a:lnTo>
                <a:lnTo>
                  <a:pt x="16341" y="2406"/>
                </a:lnTo>
                <a:lnTo>
                  <a:pt x="16311" y="2395"/>
                </a:lnTo>
                <a:lnTo>
                  <a:pt x="16280" y="2386"/>
                </a:lnTo>
                <a:lnTo>
                  <a:pt x="16247" y="2377"/>
                </a:lnTo>
                <a:lnTo>
                  <a:pt x="16211" y="2370"/>
                </a:lnTo>
                <a:lnTo>
                  <a:pt x="16173" y="2364"/>
                </a:lnTo>
                <a:lnTo>
                  <a:pt x="16133" y="2360"/>
                </a:lnTo>
                <a:lnTo>
                  <a:pt x="16091" y="2358"/>
                </a:lnTo>
                <a:lnTo>
                  <a:pt x="16045" y="2357"/>
                </a:lnTo>
                <a:close/>
                <a:moveTo>
                  <a:pt x="7459" y="3161"/>
                </a:moveTo>
                <a:lnTo>
                  <a:pt x="7049" y="2021"/>
                </a:lnTo>
                <a:lnTo>
                  <a:pt x="6295" y="2021"/>
                </a:lnTo>
                <a:lnTo>
                  <a:pt x="6295" y="3623"/>
                </a:lnTo>
                <a:lnTo>
                  <a:pt x="6751" y="3623"/>
                </a:lnTo>
                <a:lnTo>
                  <a:pt x="6751" y="2355"/>
                </a:lnTo>
                <a:lnTo>
                  <a:pt x="6778" y="2355"/>
                </a:lnTo>
                <a:lnTo>
                  <a:pt x="7245" y="3623"/>
                </a:lnTo>
                <a:lnTo>
                  <a:pt x="7673" y="3623"/>
                </a:lnTo>
                <a:lnTo>
                  <a:pt x="8139" y="2355"/>
                </a:lnTo>
                <a:lnTo>
                  <a:pt x="8167" y="2355"/>
                </a:lnTo>
                <a:lnTo>
                  <a:pt x="8167" y="3623"/>
                </a:lnTo>
                <a:lnTo>
                  <a:pt x="8624" y="3623"/>
                </a:lnTo>
                <a:lnTo>
                  <a:pt x="8624" y="2021"/>
                </a:lnTo>
                <a:lnTo>
                  <a:pt x="7872" y="2021"/>
                </a:lnTo>
                <a:lnTo>
                  <a:pt x="7459" y="3161"/>
                </a:lnTo>
                <a:close/>
                <a:moveTo>
                  <a:pt x="10080" y="3001"/>
                </a:moveTo>
                <a:lnTo>
                  <a:pt x="10079" y="3024"/>
                </a:lnTo>
                <a:lnTo>
                  <a:pt x="10078" y="3046"/>
                </a:lnTo>
                <a:lnTo>
                  <a:pt x="10076" y="3068"/>
                </a:lnTo>
                <a:lnTo>
                  <a:pt x="10074" y="3088"/>
                </a:lnTo>
                <a:lnTo>
                  <a:pt x="10071" y="3109"/>
                </a:lnTo>
                <a:lnTo>
                  <a:pt x="10067" y="3130"/>
                </a:lnTo>
                <a:lnTo>
                  <a:pt x="10061" y="3149"/>
                </a:lnTo>
                <a:lnTo>
                  <a:pt x="10056" y="3167"/>
                </a:lnTo>
                <a:lnTo>
                  <a:pt x="10050" y="3186"/>
                </a:lnTo>
                <a:lnTo>
                  <a:pt x="10043" y="3203"/>
                </a:lnTo>
                <a:lnTo>
                  <a:pt x="10034" y="3221"/>
                </a:lnTo>
                <a:lnTo>
                  <a:pt x="10026" y="3238"/>
                </a:lnTo>
                <a:lnTo>
                  <a:pt x="10017" y="3253"/>
                </a:lnTo>
                <a:lnTo>
                  <a:pt x="10006" y="3268"/>
                </a:lnTo>
                <a:lnTo>
                  <a:pt x="9996" y="3282"/>
                </a:lnTo>
                <a:lnTo>
                  <a:pt x="9985" y="3297"/>
                </a:lnTo>
                <a:lnTo>
                  <a:pt x="9972" y="3309"/>
                </a:lnTo>
                <a:lnTo>
                  <a:pt x="9959" y="3322"/>
                </a:lnTo>
                <a:lnTo>
                  <a:pt x="9945" y="3333"/>
                </a:lnTo>
                <a:lnTo>
                  <a:pt x="9931" y="3344"/>
                </a:lnTo>
                <a:lnTo>
                  <a:pt x="9915" y="3355"/>
                </a:lnTo>
                <a:lnTo>
                  <a:pt x="9898" y="3363"/>
                </a:lnTo>
                <a:lnTo>
                  <a:pt x="9882" y="3372"/>
                </a:lnTo>
                <a:lnTo>
                  <a:pt x="9863" y="3380"/>
                </a:lnTo>
                <a:lnTo>
                  <a:pt x="9844" y="3387"/>
                </a:lnTo>
                <a:lnTo>
                  <a:pt x="9826" y="3392"/>
                </a:lnTo>
                <a:lnTo>
                  <a:pt x="9805" y="3397"/>
                </a:lnTo>
                <a:lnTo>
                  <a:pt x="9784" y="3401"/>
                </a:lnTo>
                <a:lnTo>
                  <a:pt x="9762" y="3404"/>
                </a:lnTo>
                <a:lnTo>
                  <a:pt x="9740" y="3408"/>
                </a:lnTo>
                <a:lnTo>
                  <a:pt x="9717" y="3409"/>
                </a:lnTo>
                <a:lnTo>
                  <a:pt x="9693" y="3410"/>
                </a:lnTo>
                <a:lnTo>
                  <a:pt x="9669" y="3409"/>
                </a:lnTo>
                <a:lnTo>
                  <a:pt x="9645" y="3408"/>
                </a:lnTo>
                <a:lnTo>
                  <a:pt x="9623" y="3404"/>
                </a:lnTo>
                <a:lnTo>
                  <a:pt x="9602" y="3401"/>
                </a:lnTo>
                <a:lnTo>
                  <a:pt x="9581" y="3397"/>
                </a:lnTo>
                <a:lnTo>
                  <a:pt x="9560" y="3392"/>
                </a:lnTo>
                <a:lnTo>
                  <a:pt x="9541" y="3387"/>
                </a:lnTo>
                <a:lnTo>
                  <a:pt x="9523" y="3380"/>
                </a:lnTo>
                <a:lnTo>
                  <a:pt x="9505" y="3372"/>
                </a:lnTo>
                <a:lnTo>
                  <a:pt x="9487" y="3363"/>
                </a:lnTo>
                <a:lnTo>
                  <a:pt x="9472" y="3355"/>
                </a:lnTo>
                <a:lnTo>
                  <a:pt x="9456" y="3344"/>
                </a:lnTo>
                <a:lnTo>
                  <a:pt x="9442" y="3333"/>
                </a:lnTo>
                <a:lnTo>
                  <a:pt x="9427" y="3322"/>
                </a:lnTo>
                <a:lnTo>
                  <a:pt x="9414" y="3309"/>
                </a:lnTo>
                <a:lnTo>
                  <a:pt x="9401" y="3297"/>
                </a:lnTo>
                <a:lnTo>
                  <a:pt x="9390" y="3282"/>
                </a:lnTo>
                <a:lnTo>
                  <a:pt x="9379" y="3268"/>
                </a:lnTo>
                <a:lnTo>
                  <a:pt x="9369" y="3253"/>
                </a:lnTo>
                <a:lnTo>
                  <a:pt x="9360" y="3238"/>
                </a:lnTo>
                <a:lnTo>
                  <a:pt x="9350" y="3221"/>
                </a:lnTo>
                <a:lnTo>
                  <a:pt x="9343" y="3203"/>
                </a:lnTo>
                <a:lnTo>
                  <a:pt x="9336" y="3186"/>
                </a:lnTo>
                <a:lnTo>
                  <a:pt x="9330" y="3167"/>
                </a:lnTo>
                <a:lnTo>
                  <a:pt x="9323" y="3149"/>
                </a:lnTo>
                <a:lnTo>
                  <a:pt x="9319" y="3130"/>
                </a:lnTo>
                <a:lnTo>
                  <a:pt x="9315" y="3109"/>
                </a:lnTo>
                <a:lnTo>
                  <a:pt x="9312" y="3088"/>
                </a:lnTo>
                <a:lnTo>
                  <a:pt x="9309" y="3068"/>
                </a:lnTo>
                <a:lnTo>
                  <a:pt x="9307" y="3046"/>
                </a:lnTo>
                <a:lnTo>
                  <a:pt x="9306" y="3024"/>
                </a:lnTo>
                <a:lnTo>
                  <a:pt x="9306" y="3001"/>
                </a:lnTo>
                <a:lnTo>
                  <a:pt x="9306" y="2980"/>
                </a:lnTo>
                <a:lnTo>
                  <a:pt x="9307" y="2958"/>
                </a:lnTo>
                <a:lnTo>
                  <a:pt x="9309" y="2936"/>
                </a:lnTo>
                <a:lnTo>
                  <a:pt x="9312" y="2914"/>
                </a:lnTo>
                <a:lnTo>
                  <a:pt x="9315" y="2895"/>
                </a:lnTo>
                <a:lnTo>
                  <a:pt x="9319" y="2874"/>
                </a:lnTo>
                <a:lnTo>
                  <a:pt x="9323" y="2855"/>
                </a:lnTo>
                <a:lnTo>
                  <a:pt x="9330" y="2836"/>
                </a:lnTo>
                <a:lnTo>
                  <a:pt x="9336" y="2818"/>
                </a:lnTo>
                <a:lnTo>
                  <a:pt x="9343" y="2800"/>
                </a:lnTo>
                <a:lnTo>
                  <a:pt x="9350" y="2783"/>
                </a:lnTo>
                <a:lnTo>
                  <a:pt x="9360" y="2766"/>
                </a:lnTo>
                <a:lnTo>
                  <a:pt x="9369" y="2751"/>
                </a:lnTo>
                <a:lnTo>
                  <a:pt x="9379" y="2735"/>
                </a:lnTo>
                <a:lnTo>
                  <a:pt x="9390" y="2720"/>
                </a:lnTo>
                <a:lnTo>
                  <a:pt x="9401" y="2707"/>
                </a:lnTo>
                <a:lnTo>
                  <a:pt x="9414" y="2694"/>
                </a:lnTo>
                <a:lnTo>
                  <a:pt x="9427" y="2681"/>
                </a:lnTo>
                <a:lnTo>
                  <a:pt x="9442" y="2670"/>
                </a:lnTo>
                <a:lnTo>
                  <a:pt x="9456" y="2659"/>
                </a:lnTo>
                <a:lnTo>
                  <a:pt x="9472" y="2649"/>
                </a:lnTo>
                <a:lnTo>
                  <a:pt x="9487" y="2640"/>
                </a:lnTo>
                <a:lnTo>
                  <a:pt x="9505" y="2631"/>
                </a:lnTo>
                <a:lnTo>
                  <a:pt x="9523" y="2623"/>
                </a:lnTo>
                <a:lnTo>
                  <a:pt x="9541" y="2617"/>
                </a:lnTo>
                <a:lnTo>
                  <a:pt x="9560" y="2611"/>
                </a:lnTo>
                <a:lnTo>
                  <a:pt x="9581" y="2605"/>
                </a:lnTo>
                <a:lnTo>
                  <a:pt x="9602" y="2601"/>
                </a:lnTo>
                <a:lnTo>
                  <a:pt x="9623" y="2598"/>
                </a:lnTo>
                <a:lnTo>
                  <a:pt x="9645" y="2595"/>
                </a:lnTo>
                <a:lnTo>
                  <a:pt x="9669" y="2594"/>
                </a:lnTo>
                <a:lnTo>
                  <a:pt x="9693" y="2593"/>
                </a:lnTo>
                <a:lnTo>
                  <a:pt x="9717" y="2594"/>
                </a:lnTo>
                <a:lnTo>
                  <a:pt x="9740" y="2595"/>
                </a:lnTo>
                <a:lnTo>
                  <a:pt x="9762" y="2598"/>
                </a:lnTo>
                <a:lnTo>
                  <a:pt x="9784" y="2601"/>
                </a:lnTo>
                <a:lnTo>
                  <a:pt x="9805" y="2605"/>
                </a:lnTo>
                <a:lnTo>
                  <a:pt x="9826" y="2611"/>
                </a:lnTo>
                <a:lnTo>
                  <a:pt x="9844" y="2617"/>
                </a:lnTo>
                <a:lnTo>
                  <a:pt x="9863" y="2623"/>
                </a:lnTo>
                <a:lnTo>
                  <a:pt x="9882" y="2631"/>
                </a:lnTo>
                <a:lnTo>
                  <a:pt x="9898" y="2640"/>
                </a:lnTo>
                <a:lnTo>
                  <a:pt x="9915" y="2649"/>
                </a:lnTo>
                <a:lnTo>
                  <a:pt x="9931" y="2659"/>
                </a:lnTo>
                <a:lnTo>
                  <a:pt x="9945" y="2670"/>
                </a:lnTo>
                <a:lnTo>
                  <a:pt x="9959" y="2681"/>
                </a:lnTo>
                <a:lnTo>
                  <a:pt x="9972" y="2694"/>
                </a:lnTo>
                <a:lnTo>
                  <a:pt x="9985" y="2707"/>
                </a:lnTo>
                <a:lnTo>
                  <a:pt x="9996" y="2720"/>
                </a:lnTo>
                <a:lnTo>
                  <a:pt x="10006" y="2735"/>
                </a:lnTo>
                <a:lnTo>
                  <a:pt x="10017" y="2751"/>
                </a:lnTo>
                <a:lnTo>
                  <a:pt x="10026" y="2766"/>
                </a:lnTo>
                <a:lnTo>
                  <a:pt x="10034" y="2783"/>
                </a:lnTo>
                <a:lnTo>
                  <a:pt x="10043" y="2800"/>
                </a:lnTo>
                <a:lnTo>
                  <a:pt x="10050" y="2818"/>
                </a:lnTo>
                <a:lnTo>
                  <a:pt x="10056" y="2836"/>
                </a:lnTo>
                <a:lnTo>
                  <a:pt x="10061" y="2855"/>
                </a:lnTo>
                <a:lnTo>
                  <a:pt x="10067" y="2874"/>
                </a:lnTo>
                <a:lnTo>
                  <a:pt x="10071" y="2895"/>
                </a:lnTo>
                <a:lnTo>
                  <a:pt x="10074" y="2914"/>
                </a:lnTo>
                <a:lnTo>
                  <a:pt x="10076" y="2936"/>
                </a:lnTo>
                <a:lnTo>
                  <a:pt x="10078" y="2958"/>
                </a:lnTo>
                <a:lnTo>
                  <a:pt x="10079" y="2980"/>
                </a:lnTo>
                <a:lnTo>
                  <a:pt x="10080" y="3001"/>
                </a:lnTo>
                <a:close/>
                <a:moveTo>
                  <a:pt x="10502" y="3001"/>
                </a:moveTo>
                <a:lnTo>
                  <a:pt x="10501" y="2961"/>
                </a:lnTo>
                <a:lnTo>
                  <a:pt x="10498" y="2922"/>
                </a:lnTo>
                <a:lnTo>
                  <a:pt x="10493" y="2883"/>
                </a:lnTo>
                <a:lnTo>
                  <a:pt x="10486" y="2847"/>
                </a:lnTo>
                <a:lnTo>
                  <a:pt x="10478" y="2812"/>
                </a:lnTo>
                <a:lnTo>
                  <a:pt x="10466" y="2777"/>
                </a:lnTo>
                <a:lnTo>
                  <a:pt x="10454" y="2744"/>
                </a:lnTo>
                <a:lnTo>
                  <a:pt x="10439" y="2713"/>
                </a:lnTo>
                <a:lnTo>
                  <a:pt x="10424" y="2682"/>
                </a:lnTo>
                <a:lnTo>
                  <a:pt x="10406" y="2653"/>
                </a:lnTo>
                <a:lnTo>
                  <a:pt x="10387" y="2626"/>
                </a:lnTo>
                <a:lnTo>
                  <a:pt x="10365" y="2599"/>
                </a:lnTo>
                <a:lnTo>
                  <a:pt x="10344" y="2574"/>
                </a:lnTo>
                <a:lnTo>
                  <a:pt x="10320" y="2551"/>
                </a:lnTo>
                <a:lnTo>
                  <a:pt x="10295" y="2528"/>
                </a:lnTo>
                <a:lnTo>
                  <a:pt x="10268" y="2506"/>
                </a:lnTo>
                <a:lnTo>
                  <a:pt x="10240" y="2486"/>
                </a:lnTo>
                <a:lnTo>
                  <a:pt x="10211" y="2468"/>
                </a:lnTo>
                <a:lnTo>
                  <a:pt x="10181" y="2450"/>
                </a:lnTo>
                <a:lnTo>
                  <a:pt x="10149" y="2434"/>
                </a:lnTo>
                <a:lnTo>
                  <a:pt x="10116" y="2420"/>
                </a:lnTo>
                <a:lnTo>
                  <a:pt x="10082" y="2406"/>
                </a:lnTo>
                <a:lnTo>
                  <a:pt x="10047" y="2394"/>
                </a:lnTo>
                <a:lnTo>
                  <a:pt x="10012" y="2383"/>
                </a:lnTo>
                <a:lnTo>
                  <a:pt x="9974" y="2373"/>
                </a:lnTo>
                <a:lnTo>
                  <a:pt x="9936" y="2365"/>
                </a:lnTo>
                <a:lnTo>
                  <a:pt x="9897" y="2358"/>
                </a:lnTo>
                <a:lnTo>
                  <a:pt x="9858" y="2352"/>
                </a:lnTo>
                <a:lnTo>
                  <a:pt x="9817" y="2347"/>
                </a:lnTo>
                <a:lnTo>
                  <a:pt x="9777" y="2344"/>
                </a:lnTo>
                <a:lnTo>
                  <a:pt x="9734" y="2342"/>
                </a:lnTo>
                <a:lnTo>
                  <a:pt x="9693" y="2341"/>
                </a:lnTo>
                <a:lnTo>
                  <a:pt x="9650" y="2342"/>
                </a:lnTo>
                <a:lnTo>
                  <a:pt x="9609" y="2344"/>
                </a:lnTo>
                <a:lnTo>
                  <a:pt x="9567" y="2347"/>
                </a:lnTo>
                <a:lnTo>
                  <a:pt x="9528" y="2352"/>
                </a:lnTo>
                <a:lnTo>
                  <a:pt x="9488" y="2358"/>
                </a:lnTo>
                <a:lnTo>
                  <a:pt x="9449" y="2365"/>
                </a:lnTo>
                <a:lnTo>
                  <a:pt x="9412" y="2373"/>
                </a:lnTo>
                <a:lnTo>
                  <a:pt x="9375" y="2383"/>
                </a:lnTo>
                <a:lnTo>
                  <a:pt x="9339" y="2394"/>
                </a:lnTo>
                <a:lnTo>
                  <a:pt x="9304" y="2406"/>
                </a:lnTo>
                <a:lnTo>
                  <a:pt x="9270" y="2420"/>
                </a:lnTo>
                <a:lnTo>
                  <a:pt x="9237" y="2434"/>
                </a:lnTo>
                <a:lnTo>
                  <a:pt x="9206" y="2450"/>
                </a:lnTo>
                <a:lnTo>
                  <a:pt x="9175" y="2468"/>
                </a:lnTo>
                <a:lnTo>
                  <a:pt x="9146" y="2486"/>
                </a:lnTo>
                <a:lnTo>
                  <a:pt x="9118" y="2506"/>
                </a:lnTo>
                <a:lnTo>
                  <a:pt x="9092" y="2528"/>
                </a:lnTo>
                <a:lnTo>
                  <a:pt x="9066" y="2551"/>
                </a:lnTo>
                <a:lnTo>
                  <a:pt x="9042" y="2574"/>
                </a:lnTo>
                <a:lnTo>
                  <a:pt x="9020" y="2599"/>
                </a:lnTo>
                <a:lnTo>
                  <a:pt x="8999" y="2626"/>
                </a:lnTo>
                <a:lnTo>
                  <a:pt x="8980" y="2653"/>
                </a:lnTo>
                <a:lnTo>
                  <a:pt x="8962" y="2682"/>
                </a:lnTo>
                <a:lnTo>
                  <a:pt x="8947" y="2713"/>
                </a:lnTo>
                <a:lnTo>
                  <a:pt x="8932" y="2744"/>
                </a:lnTo>
                <a:lnTo>
                  <a:pt x="8920" y="2777"/>
                </a:lnTo>
                <a:lnTo>
                  <a:pt x="8909" y="2812"/>
                </a:lnTo>
                <a:lnTo>
                  <a:pt x="8900" y="2847"/>
                </a:lnTo>
                <a:lnTo>
                  <a:pt x="8893" y="2883"/>
                </a:lnTo>
                <a:lnTo>
                  <a:pt x="8887" y="2922"/>
                </a:lnTo>
                <a:lnTo>
                  <a:pt x="8884" y="2961"/>
                </a:lnTo>
                <a:lnTo>
                  <a:pt x="8883" y="3001"/>
                </a:lnTo>
                <a:lnTo>
                  <a:pt x="8884" y="3043"/>
                </a:lnTo>
                <a:lnTo>
                  <a:pt x="8887" y="3082"/>
                </a:lnTo>
                <a:lnTo>
                  <a:pt x="8893" y="3119"/>
                </a:lnTo>
                <a:lnTo>
                  <a:pt x="8900" y="3157"/>
                </a:lnTo>
                <a:lnTo>
                  <a:pt x="8909" y="3192"/>
                </a:lnTo>
                <a:lnTo>
                  <a:pt x="8920" y="3226"/>
                </a:lnTo>
                <a:lnTo>
                  <a:pt x="8932" y="3259"/>
                </a:lnTo>
                <a:lnTo>
                  <a:pt x="8947" y="3290"/>
                </a:lnTo>
                <a:lnTo>
                  <a:pt x="8962" y="3321"/>
                </a:lnTo>
                <a:lnTo>
                  <a:pt x="8980" y="3350"/>
                </a:lnTo>
                <a:lnTo>
                  <a:pt x="8999" y="3378"/>
                </a:lnTo>
                <a:lnTo>
                  <a:pt x="9020" y="3403"/>
                </a:lnTo>
                <a:lnTo>
                  <a:pt x="9042" y="3429"/>
                </a:lnTo>
                <a:lnTo>
                  <a:pt x="9066" y="3453"/>
                </a:lnTo>
                <a:lnTo>
                  <a:pt x="9092" y="3476"/>
                </a:lnTo>
                <a:lnTo>
                  <a:pt x="9118" y="3497"/>
                </a:lnTo>
                <a:lnTo>
                  <a:pt x="9146" y="3516"/>
                </a:lnTo>
                <a:lnTo>
                  <a:pt x="9175" y="3535"/>
                </a:lnTo>
                <a:lnTo>
                  <a:pt x="9206" y="3553"/>
                </a:lnTo>
                <a:lnTo>
                  <a:pt x="9237" y="3569"/>
                </a:lnTo>
                <a:lnTo>
                  <a:pt x="9270" y="3584"/>
                </a:lnTo>
                <a:lnTo>
                  <a:pt x="9304" y="3597"/>
                </a:lnTo>
                <a:lnTo>
                  <a:pt x="9339" y="3610"/>
                </a:lnTo>
                <a:lnTo>
                  <a:pt x="9375" y="3621"/>
                </a:lnTo>
                <a:lnTo>
                  <a:pt x="9412" y="3630"/>
                </a:lnTo>
                <a:lnTo>
                  <a:pt x="9449" y="3639"/>
                </a:lnTo>
                <a:lnTo>
                  <a:pt x="9488" y="3646"/>
                </a:lnTo>
                <a:lnTo>
                  <a:pt x="9528" y="3651"/>
                </a:lnTo>
                <a:lnTo>
                  <a:pt x="9567" y="3656"/>
                </a:lnTo>
                <a:lnTo>
                  <a:pt x="9609" y="3659"/>
                </a:lnTo>
                <a:lnTo>
                  <a:pt x="9650" y="3662"/>
                </a:lnTo>
                <a:lnTo>
                  <a:pt x="9693" y="3662"/>
                </a:lnTo>
                <a:lnTo>
                  <a:pt x="9734" y="3662"/>
                </a:lnTo>
                <a:lnTo>
                  <a:pt x="9777" y="3659"/>
                </a:lnTo>
                <a:lnTo>
                  <a:pt x="9817" y="3656"/>
                </a:lnTo>
                <a:lnTo>
                  <a:pt x="9858" y="3651"/>
                </a:lnTo>
                <a:lnTo>
                  <a:pt x="9897" y="3646"/>
                </a:lnTo>
                <a:lnTo>
                  <a:pt x="9936" y="3639"/>
                </a:lnTo>
                <a:lnTo>
                  <a:pt x="9974" y="3630"/>
                </a:lnTo>
                <a:lnTo>
                  <a:pt x="10012" y="3621"/>
                </a:lnTo>
                <a:lnTo>
                  <a:pt x="10047" y="3610"/>
                </a:lnTo>
                <a:lnTo>
                  <a:pt x="10082" y="3597"/>
                </a:lnTo>
                <a:lnTo>
                  <a:pt x="10116" y="3584"/>
                </a:lnTo>
                <a:lnTo>
                  <a:pt x="10149" y="3569"/>
                </a:lnTo>
                <a:lnTo>
                  <a:pt x="10181" y="3553"/>
                </a:lnTo>
                <a:lnTo>
                  <a:pt x="10211" y="3535"/>
                </a:lnTo>
                <a:lnTo>
                  <a:pt x="10240" y="3516"/>
                </a:lnTo>
                <a:lnTo>
                  <a:pt x="10268" y="3497"/>
                </a:lnTo>
                <a:lnTo>
                  <a:pt x="10295" y="3476"/>
                </a:lnTo>
                <a:lnTo>
                  <a:pt x="10320" y="3453"/>
                </a:lnTo>
                <a:lnTo>
                  <a:pt x="10344" y="3429"/>
                </a:lnTo>
                <a:lnTo>
                  <a:pt x="10365" y="3403"/>
                </a:lnTo>
                <a:lnTo>
                  <a:pt x="10387" y="3378"/>
                </a:lnTo>
                <a:lnTo>
                  <a:pt x="10406" y="3350"/>
                </a:lnTo>
                <a:lnTo>
                  <a:pt x="10424" y="3321"/>
                </a:lnTo>
                <a:lnTo>
                  <a:pt x="10439" y="3290"/>
                </a:lnTo>
                <a:lnTo>
                  <a:pt x="10454" y="3259"/>
                </a:lnTo>
                <a:lnTo>
                  <a:pt x="10466" y="3226"/>
                </a:lnTo>
                <a:lnTo>
                  <a:pt x="10478" y="3192"/>
                </a:lnTo>
                <a:lnTo>
                  <a:pt x="10486" y="3157"/>
                </a:lnTo>
                <a:lnTo>
                  <a:pt x="10493" y="3119"/>
                </a:lnTo>
                <a:lnTo>
                  <a:pt x="10498" y="3082"/>
                </a:lnTo>
                <a:lnTo>
                  <a:pt x="10501" y="3043"/>
                </a:lnTo>
                <a:lnTo>
                  <a:pt x="10502" y="3001"/>
                </a:lnTo>
                <a:close/>
                <a:moveTo>
                  <a:pt x="12895" y="2383"/>
                </a:moveTo>
                <a:lnTo>
                  <a:pt x="12895" y="2502"/>
                </a:lnTo>
                <a:lnTo>
                  <a:pt x="12890" y="2502"/>
                </a:lnTo>
                <a:lnTo>
                  <a:pt x="12873" y="2486"/>
                </a:lnTo>
                <a:lnTo>
                  <a:pt x="12856" y="2472"/>
                </a:lnTo>
                <a:lnTo>
                  <a:pt x="12836" y="2457"/>
                </a:lnTo>
                <a:lnTo>
                  <a:pt x="12816" y="2444"/>
                </a:lnTo>
                <a:lnTo>
                  <a:pt x="12793" y="2430"/>
                </a:lnTo>
                <a:lnTo>
                  <a:pt x="12771" y="2419"/>
                </a:lnTo>
                <a:lnTo>
                  <a:pt x="12746" y="2407"/>
                </a:lnTo>
                <a:lnTo>
                  <a:pt x="12719" y="2397"/>
                </a:lnTo>
                <a:lnTo>
                  <a:pt x="12690" y="2389"/>
                </a:lnTo>
                <a:lnTo>
                  <a:pt x="12659" y="2381"/>
                </a:lnTo>
                <a:lnTo>
                  <a:pt x="12627" y="2373"/>
                </a:lnTo>
                <a:lnTo>
                  <a:pt x="12593" y="2368"/>
                </a:lnTo>
                <a:lnTo>
                  <a:pt x="12557" y="2363"/>
                </a:lnTo>
                <a:lnTo>
                  <a:pt x="12517" y="2360"/>
                </a:lnTo>
                <a:lnTo>
                  <a:pt x="12477" y="2358"/>
                </a:lnTo>
                <a:lnTo>
                  <a:pt x="12434" y="2357"/>
                </a:lnTo>
                <a:lnTo>
                  <a:pt x="12392" y="2358"/>
                </a:lnTo>
                <a:lnTo>
                  <a:pt x="12350" y="2361"/>
                </a:lnTo>
                <a:lnTo>
                  <a:pt x="12311" y="2366"/>
                </a:lnTo>
                <a:lnTo>
                  <a:pt x="12273" y="2372"/>
                </a:lnTo>
                <a:lnTo>
                  <a:pt x="12237" y="2381"/>
                </a:lnTo>
                <a:lnTo>
                  <a:pt x="12202" y="2390"/>
                </a:lnTo>
                <a:lnTo>
                  <a:pt x="12168" y="2401"/>
                </a:lnTo>
                <a:lnTo>
                  <a:pt x="12136" y="2414"/>
                </a:lnTo>
                <a:lnTo>
                  <a:pt x="12105" y="2428"/>
                </a:lnTo>
                <a:lnTo>
                  <a:pt x="12076" y="2444"/>
                </a:lnTo>
                <a:lnTo>
                  <a:pt x="12049" y="2461"/>
                </a:lnTo>
                <a:lnTo>
                  <a:pt x="12022" y="2479"/>
                </a:lnTo>
                <a:lnTo>
                  <a:pt x="11997" y="2499"/>
                </a:lnTo>
                <a:lnTo>
                  <a:pt x="11974" y="2518"/>
                </a:lnTo>
                <a:lnTo>
                  <a:pt x="11952" y="2540"/>
                </a:lnTo>
                <a:lnTo>
                  <a:pt x="11931" y="2563"/>
                </a:lnTo>
                <a:lnTo>
                  <a:pt x="11911" y="2586"/>
                </a:lnTo>
                <a:lnTo>
                  <a:pt x="11893" y="2610"/>
                </a:lnTo>
                <a:lnTo>
                  <a:pt x="11877" y="2634"/>
                </a:lnTo>
                <a:lnTo>
                  <a:pt x="11861" y="2660"/>
                </a:lnTo>
                <a:lnTo>
                  <a:pt x="11847" y="2686"/>
                </a:lnTo>
                <a:lnTo>
                  <a:pt x="11834" y="2713"/>
                </a:lnTo>
                <a:lnTo>
                  <a:pt x="11822" y="2740"/>
                </a:lnTo>
                <a:lnTo>
                  <a:pt x="11811" y="2768"/>
                </a:lnTo>
                <a:lnTo>
                  <a:pt x="11803" y="2796"/>
                </a:lnTo>
                <a:lnTo>
                  <a:pt x="11795" y="2824"/>
                </a:lnTo>
                <a:lnTo>
                  <a:pt x="11789" y="2852"/>
                </a:lnTo>
                <a:lnTo>
                  <a:pt x="11783" y="2881"/>
                </a:lnTo>
                <a:lnTo>
                  <a:pt x="11779" y="2909"/>
                </a:lnTo>
                <a:lnTo>
                  <a:pt x="11776" y="2938"/>
                </a:lnTo>
                <a:lnTo>
                  <a:pt x="11774" y="2967"/>
                </a:lnTo>
                <a:lnTo>
                  <a:pt x="11773" y="2995"/>
                </a:lnTo>
                <a:lnTo>
                  <a:pt x="11774" y="3028"/>
                </a:lnTo>
                <a:lnTo>
                  <a:pt x="11776" y="3061"/>
                </a:lnTo>
                <a:lnTo>
                  <a:pt x="11779" y="3094"/>
                </a:lnTo>
                <a:lnTo>
                  <a:pt x="11783" y="3125"/>
                </a:lnTo>
                <a:lnTo>
                  <a:pt x="11789" y="3156"/>
                </a:lnTo>
                <a:lnTo>
                  <a:pt x="11795" y="3186"/>
                </a:lnTo>
                <a:lnTo>
                  <a:pt x="11803" y="3215"/>
                </a:lnTo>
                <a:lnTo>
                  <a:pt x="11812" y="3244"/>
                </a:lnTo>
                <a:lnTo>
                  <a:pt x="11823" y="3272"/>
                </a:lnTo>
                <a:lnTo>
                  <a:pt x="11834" y="3299"/>
                </a:lnTo>
                <a:lnTo>
                  <a:pt x="11847" y="3326"/>
                </a:lnTo>
                <a:lnTo>
                  <a:pt x="11861" y="3352"/>
                </a:lnTo>
                <a:lnTo>
                  <a:pt x="11877" y="3375"/>
                </a:lnTo>
                <a:lnTo>
                  <a:pt x="11893" y="3399"/>
                </a:lnTo>
                <a:lnTo>
                  <a:pt x="11911" y="3422"/>
                </a:lnTo>
                <a:lnTo>
                  <a:pt x="11930" y="3444"/>
                </a:lnTo>
                <a:lnTo>
                  <a:pt x="11950" y="3465"/>
                </a:lnTo>
                <a:lnTo>
                  <a:pt x="11971" y="3484"/>
                </a:lnTo>
                <a:lnTo>
                  <a:pt x="11994" y="3504"/>
                </a:lnTo>
                <a:lnTo>
                  <a:pt x="12019" y="3521"/>
                </a:lnTo>
                <a:lnTo>
                  <a:pt x="12044" y="3537"/>
                </a:lnTo>
                <a:lnTo>
                  <a:pt x="12071" y="3553"/>
                </a:lnTo>
                <a:lnTo>
                  <a:pt x="12098" y="3567"/>
                </a:lnTo>
                <a:lnTo>
                  <a:pt x="12127" y="3580"/>
                </a:lnTo>
                <a:lnTo>
                  <a:pt x="12158" y="3592"/>
                </a:lnTo>
                <a:lnTo>
                  <a:pt x="12189" y="3602"/>
                </a:lnTo>
                <a:lnTo>
                  <a:pt x="12222" y="3612"/>
                </a:lnTo>
                <a:lnTo>
                  <a:pt x="12257" y="3619"/>
                </a:lnTo>
                <a:lnTo>
                  <a:pt x="12292" y="3625"/>
                </a:lnTo>
                <a:lnTo>
                  <a:pt x="12328" y="3630"/>
                </a:lnTo>
                <a:lnTo>
                  <a:pt x="12367" y="3634"/>
                </a:lnTo>
                <a:lnTo>
                  <a:pt x="12406" y="3636"/>
                </a:lnTo>
                <a:lnTo>
                  <a:pt x="12427" y="3637"/>
                </a:lnTo>
                <a:lnTo>
                  <a:pt x="12447" y="3637"/>
                </a:lnTo>
                <a:lnTo>
                  <a:pt x="12466" y="3636"/>
                </a:lnTo>
                <a:lnTo>
                  <a:pt x="12486" y="3635"/>
                </a:lnTo>
                <a:lnTo>
                  <a:pt x="12523" y="3630"/>
                </a:lnTo>
                <a:lnTo>
                  <a:pt x="12560" y="3625"/>
                </a:lnTo>
                <a:lnTo>
                  <a:pt x="12595" y="3618"/>
                </a:lnTo>
                <a:lnTo>
                  <a:pt x="12628" y="3609"/>
                </a:lnTo>
                <a:lnTo>
                  <a:pt x="12660" y="3598"/>
                </a:lnTo>
                <a:lnTo>
                  <a:pt x="12692" y="3587"/>
                </a:lnTo>
                <a:lnTo>
                  <a:pt x="12721" y="3574"/>
                </a:lnTo>
                <a:lnTo>
                  <a:pt x="12748" y="3561"/>
                </a:lnTo>
                <a:lnTo>
                  <a:pt x="12773" y="3548"/>
                </a:lnTo>
                <a:lnTo>
                  <a:pt x="12796" y="3533"/>
                </a:lnTo>
                <a:lnTo>
                  <a:pt x="12818" y="3518"/>
                </a:lnTo>
                <a:lnTo>
                  <a:pt x="12838" y="3504"/>
                </a:lnTo>
                <a:lnTo>
                  <a:pt x="12856" y="3489"/>
                </a:lnTo>
                <a:lnTo>
                  <a:pt x="12872" y="3475"/>
                </a:lnTo>
                <a:lnTo>
                  <a:pt x="12877" y="3475"/>
                </a:lnTo>
                <a:lnTo>
                  <a:pt x="12877" y="3476"/>
                </a:lnTo>
                <a:lnTo>
                  <a:pt x="12877" y="3479"/>
                </a:lnTo>
                <a:lnTo>
                  <a:pt x="12877" y="3484"/>
                </a:lnTo>
                <a:lnTo>
                  <a:pt x="12877" y="3491"/>
                </a:lnTo>
                <a:lnTo>
                  <a:pt x="12877" y="3499"/>
                </a:lnTo>
                <a:lnTo>
                  <a:pt x="12877" y="3507"/>
                </a:lnTo>
                <a:lnTo>
                  <a:pt x="12877" y="3517"/>
                </a:lnTo>
                <a:lnTo>
                  <a:pt x="12877" y="3527"/>
                </a:lnTo>
                <a:lnTo>
                  <a:pt x="12876" y="3562"/>
                </a:lnTo>
                <a:lnTo>
                  <a:pt x="12873" y="3597"/>
                </a:lnTo>
                <a:lnTo>
                  <a:pt x="12871" y="3615"/>
                </a:lnTo>
                <a:lnTo>
                  <a:pt x="12868" y="3632"/>
                </a:lnTo>
                <a:lnTo>
                  <a:pt x="12864" y="3649"/>
                </a:lnTo>
                <a:lnTo>
                  <a:pt x="12860" y="3667"/>
                </a:lnTo>
                <a:lnTo>
                  <a:pt x="12855" y="3683"/>
                </a:lnTo>
                <a:lnTo>
                  <a:pt x="12848" y="3699"/>
                </a:lnTo>
                <a:lnTo>
                  <a:pt x="12841" y="3714"/>
                </a:lnTo>
                <a:lnTo>
                  <a:pt x="12834" y="3730"/>
                </a:lnTo>
                <a:lnTo>
                  <a:pt x="12824" y="3745"/>
                </a:lnTo>
                <a:lnTo>
                  <a:pt x="12815" y="3760"/>
                </a:lnTo>
                <a:lnTo>
                  <a:pt x="12804" y="3773"/>
                </a:lnTo>
                <a:lnTo>
                  <a:pt x="12791" y="3787"/>
                </a:lnTo>
                <a:lnTo>
                  <a:pt x="12779" y="3800"/>
                </a:lnTo>
                <a:lnTo>
                  <a:pt x="12764" y="3813"/>
                </a:lnTo>
                <a:lnTo>
                  <a:pt x="12749" y="3824"/>
                </a:lnTo>
                <a:lnTo>
                  <a:pt x="12732" y="3835"/>
                </a:lnTo>
                <a:lnTo>
                  <a:pt x="12713" y="3846"/>
                </a:lnTo>
                <a:lnTo>
                  <a:pt x="12694" y="3855"/>
                </a:lnTo>
                <a:lnTo>
                  <a:pt x="12673" y="3864"/>
                </a:lnTo>
                <a:lnTo>
                  <a:pt x="12651" y="3872"/>
                </a:lnTo>
                <a:lnTo>
                  <a:pt x="12627" y="3879"/>
                </a:lnTo>
                <a:lnTo>
                  <a:pt x="12601" y="3885"/>
                </a:lnTo>
                <a:lnTo>
                  <a:pt x="12574" y="3892"/>
                </a:lnTo>
                <a:lnTo>
                  <a:pt x="12546" y="3896"/>
                </a:lnTo>
                <a:lnTo>
                  <a:pt x="12515" y="3899"/>
                </a:lnTo>
                <a:lnTo>
                  <a:pt x="12484" y="3902"/>
                </a:lnTo>
                <a:lnTo>
                  <a:pt x="12450" y="3904"/>
                </a:lnTo>
                <a:lnTo>
                  <a:pt x="12414" y="3904"/>
                </a:lnTo>
                <a:lnTo>
                  <a:pt x="12385" y="3904"/>
                </a:lnTo>
                <a:lnTo>
                  <a:pt x="12355" y="3903"/>
                </a:lnTo>
                <a:lnTo>
                  <a:pt x="12325" y="3901"/>
                </a:lnTo>
                <a:lnTo>
                  <a:pt x="12295" y="3899"/>
                </a:lnTo>
                <a:lnTo>
                  <a:pt x="12264" y="3896"/>
                </a:lnTo>
                <a:lnTo>
                  <a:pt x="12233" y="3892"/>
                </a:lnTo>
                <a:lnTo>
                  <a:pt x="12202" y="3886"/>
                </a:lnTo>
                <a:lnTo>
                  <a:pt x="12171" y="3881"/>
                </a:lnTo>
                <a:lnTo>
                  <a:pt x="12139" y="3875"/>
                </a:lnTo>
                <a:lnTo>
                  <a:pt x="12108" y="3867"/>
                </a:lnTo>
                <a:lnTo>
                  <a:pt x="12076" y="3858"/>
                </a:lnTo>
                <a:lnTo>
                  <a:pt x="12045" y="3849"/>
                </a:lnTo>
                <a:lnTo>
                  <a:pt x="12014" y="3838"/>
                </a:lnTo>
                <a:lnTo>
                  <a:pt x="11983" y="3826"/>
                </a:lnTo>
                <a:lnTo>
                  <a:pt x="11952" y="3813"/>
                </a:lnTo>
                <a:lnTo>
                  <a:pt x="11920" y="3798"/>
                </a:lnTo>
                <a:lnTo>
                  <a:pt x="11920" y="4085"/>
                </a:lnTo>
                <a:lnTo>
                  <a:pt x="11950" y="4096"/>
                </a:lnTo>
                <a:lnTo>
                  <a:pt x="11982" y="4104"/>
                </a:lnTo>
                <a:lnTo>
                  <a:pt x="12013" y="4112"/>
                </a:lnTo>
                <a:lnTo>
                  <a:pt x="12045" y="4120"/>
                </a:lnTo>
                <a:lnTo>
                  <a:pt x="12077" y="4127"/>
                </a:lnTo>
                <a:lnTo>
                  <a:pt x="12110" y="4133"/>
                </a:lnTo>
                <a:lnTo>
                  <a:pt x="12145" y="4138"/>
                </a:lnTo>
                <a:lnTo>
                  <a:pt x="12178" y="4143"/>
                </a:lnTo>
                <a:lnTo>
                  <a:pt x="12213" y="4148"/>
                </a:lnTo>
                <a:lnTo>
                  <a:pt x="12248" y="4151"/>
                </a:lnTo>
                <a:lnTo>
                  <a:pt x="12284" y="4154"/>
                </a:lnTo>
                <a:lnTo>
                  <a:pt x="12320" y="4156"/>
                </a:lnTo>
                <a:lnTo>
                  <a:pt x="12357" y="4158"/>
                </a:lnTo>
                <a:lnTo>
                  <a:pt x="12396" y="4159"/>
                </a:lnTo>
                <a:lnTo>
                  <a:pt x="12434" y="4160"/>
                </a:lnTo>
                <a:lnTo>
                  <a:pt x="12473" y="4160"/>
                </a:lnTo>
                <a:lnTo>
                  <a:pt x="12532" y="4159"/>
                </a:lnTo>
                <a:lnTo>
                  <a:pt x="12588" y="4156"/>
                </a:lnTo>
                <a:lnTo>
                  <a:pt x="12642" y="4151"/>
                </a:lnTo>
                <a:lnTo>
                  <a:pt x="12693" y="4144"/>
                </a:lnTo>
                <a:lnTo>
                  <a:pt x="12740" y="4136"/>
                </a:lnTo>
                <a:lnTo>
                  <a:pt x="12786" y="4126"/>
                </a:lnTo>
                <a:lnTo>
                  <a:pt x="12830" y="4113"/>
                </a:lnTo>
                <a:lnTo>
                  <a:pt x="12870" y="4100"/>
                </a:lnTo>
                <a:lnTo>
                  <a:pt x="12908" y="4085"/>
                </a:lnTo>
                <a:lnTo>
                  <a:pt x="12944" y="4069"/>
                </a:lnTo>
                <a:lnTo>
                  <a:pt x="12977" y="4051"/>
                </a:lnTo>
                <a:lnTo>
                  <a:pt x="13009" y="4031"/>
                </a:lnTo>
                <a:lnTo>
                  <a:pt x="13038" y="4012"/>
                </a:lnTo>
                <a:lnTo>
                  <a:pt x="13065" y="3990"/>
                </a:lnTo>
                <a:lnTo>
                  <a:pt x="13090" y="3967"/>
                </a:lnTo>
                <a:lnTo>
                  <a:pt x="13114" y="3943"/>
                </a:lnTo>
                <a:lnTo>
                  <a:pt x="13135" y="3919"/>
                </a:lnTo>
                <a:lnTo>
                  <a:pt x="13155" y="3893"/>
                </a:lnTo>
                <a:lnTo>
                  <a:pt x="13172" y="3867"/>
                </a:lnTo>
                <a:lnTo>
                  <a:pt x="13188" y="3840"/>
                </a:lnTo>
                <a:lnTo>
                  <a:pt x="13202" y="3812"/>
                </a:lnTo>
                <a:lnTo>
                  <a:pt x="13216" y="3783"/>
                </a:lnTo>
                <a:lnTo>
                  <a:pt x="13226" y="3754"/>
                </a:lnTo>
                <a:lnTo>
                  <a:pt x="13237" y="3724"/>
                </a:lnTo>
                <a:lnTo>
                  <a:pt x="13245" y="3694"/>
                </a:lnTo>
                <a:lnTo>
                  <a:pt x="13252" y="3664"/>
                </a:lnTo>
                <a:lnTo>
                  <a:pt x="13257" y="3632"/>
                </a:lnTo>
                <a:lnTo>
                  <a:pt x="13263" y="3601"/>
                </a:lnTo>
                <a:lnTo>
                  <a:pt x="13266" y="3570"/>
                </a:lnTo>
                <a:lnTo>
                  <a:pt x="13269" y="3539"/>
                </a:lnTo>
                <a:lnTo>
                  <a:pt x="13270" y="3508"/>
                </a:lnTo>
                <a:lnTo>
                  <a:pt x="13271" y="3476"/>
                </a:lnTo>
                <a:lnTo>
                  <a:pt x="13271" y="2383"/>
                </a:lnTo>
                <a:lnTo>
                  <a:pt x="12895" y="2383"/>
                </a:lnTo>
                <a:close/>
                <a:moveTo>
                  <a:pt x="12528" y="3373"/>
                </a:moveTo>
                <a:lnTo>
                  <a:pt x="12506" y="3373"/>
                </a:lnTo>
                <a:lnTo>
                  <a:pt x="12485" y="3371"/>
                </a:lnTo>
                <a:lnTo>
                  <a:pt x="12465" y="3369"/>
                </a:lnTo>
                <a:lnTo>
                  <a:pt x="12447" y="3365"/>
                </a:lnTo>
                <a:lnTo>
                  <a:pt x="12428" y="3361"/>
                </a:lnTo>
                <a:lnTo>
                  <a:pt x="12410" y="3356"/>
                </a:lnTo>
                <a:lnTo>
                  <a:pt x="12393" y="3350"/>
                </a:lnTo>
                <a:lnTo>
                  <a:pt x="12377" y="3342"/>
                </a:lnTo>
                <a:lnTo>
                  <a:pt x="12361" y="3334"/>
                </a:lnTo>
                <a:lnTo>
                  <a:pt x="12346" y="3325"/>
                </a:lnTo>
                <a:lnTo>
                  <a:pt x="12331" y="3315"/>
                </a:lnTo>
                <a:lnTo>
                  <a:pt x="12318" y="3305"/>
                </a:lnTo>
                <a:lnTo>
                  <a:pt x="12305" y="3295"/>
                </a:lnTo>
                <a:lnTo>
                  <a:pt x="12293" y="3283"/>
                </a:lnTo>
                <a:lnTo>
                  <a:pt x="12282" y="3271"/>
                </a:lnTo>
                <a:lnTo>
                  <a:pt x="12270" y="3258"/>
                </a:lnTo>
                <a:lnTo>
                  <a:pt x="12260" y="3245"/>
                </a:lnTo>
                <a:lnTo>
                  <a:pt x="12250" y="3231"/>
                </a:lnTo>
                <a:lnTo>
                  <a:pt x="12241" y="3217"/>
                </a:lnTo>
                <a:lnTo>
                  <a:pt x="12234" y="3201"/>
                </a:lnTo>
                <a:lnTo>
                  <a:pt x="12226" y="3187"/>
                </a:lnTo>
                <a:lnTo>
                  <a:pt x="12219" y="3171"/>
                </a:lnTo>
                <a:lnTo>
                  <a:pt x="12213" y="3155"/>
                </a:lnTo>
                <a:lnTo>
                  <a:pt x="12207" y="3139"/>
                </a:lnTo>
                <a:lnTo>
                  <a:pt x="12203" y="3123"/>
                </a:lnTo>
                <a:lnTo>
                  <a:pt x="12199" y="3105"/>
                </a:lnTo>
                <a:lnTo>
                  <a:pt x="12194" y="3088"/>
                </a:lnTo>
                <a:lnTo>
                  <a:pt x="12191" y="3071"/>
                </a:lnTo>
                <a:lnTo>
                  <a:pt x="12189" y="3054"/>
                </a:lnTo>
                <a:lnTo>
                  <a:pt x="12187" y="3037"/>
                </a:lnTo>
                <a:lnTo>
                  <a:pt x="12187" y="3019"/>
                </a:lnTo>
                <a:lnTo>
                  <a:pt x="12186" y="3001"/>
                </a:lnTo>
                <a:lnTo>
                  <a:pt x="12187" y="2984"/>
                </a:lnTo>
                <a:lnTo>
                  <a:pt x="12187" y="2965"/>
                </a:lnTo>
                <a:lnTo>
                  <a:pt x="12189" y="2947"/>
                </a:lnTo>
                <a:lnTo>
                  <a:pt x="12190" y="2930"/>
                </a:lnTo>
                <a:lnTo>
                  <a:pt x="12193" y="2912"/>
                </a:lnTo>
                <a:lnTo>
                  <a:pt x="12197" y="2895"/>
                </a:lnTo>
                <a:lnTo>
                  <a:pt x="12201" y="2878"/>
                </a:lnTo>
                <a:lnTo>
                  <a:pt x="12205" y="2860"/>
                </a:lnTo>
                <a:lnTo>
                  <a:pt x="12210" y="2844"/>
                </a:lnTo>
                <a:lnTo>
                  <a:pt x="12215" y="2827"/>
                </a:lnTo>
                <a:lnTo>
                  <a:pt x="12221" y="2811"/>
                </a:lnTo>
                <a:lnTo>
                  <a:pt x="12229" y="2795"/>
                </a:lnTo>
                <a:lnTo>
                  <a:pt x="12237" y="2780"/>
                </a:lnTo>
                <a:lnTo>
                  <a:pt x="12245" y="2764"/>
                </a:lnTo>
                <a:lnTo>
                  <a:pt x="12255" y="2749"/>
                </a:lnTo>
                <a:lnTo>
                  <a:pt x="12265" y="2735"/>
                </a:lnTo>
                <a:lnTo>
                  <a:pt x="12275" y="2722"/>
                </a:lnTo>
                <a:lnTo>
                  <a:pt x="12287" y="2709"/>
                </a:lnTo>
                <a:lnTo>
                  <a:pt x="12299" y="2697"/>
                </a:lnTo>
                <a:lnTo>
                  <a:pt x="12313" y="2685"/>
                </a:lnTo>
                <a:lnTo>
                  <a:pt x="12326" y="2674"/>
                </a:lnTo>
                <a:lnTo>
                  <a:pt x="12342" y="2663"/>
                </a:lnTo>
                <a:lnTo>
                  <a:pt x="12357" y="2654"/>
                </a:lnTo>
                <a:lnTo>
                  <a:pt x="12374" y="2646"/>
                </a:lnTo>
                <a:lnTo>
                  <a:pt x="12392" y="2638"/>
                </a:lnTo>
                <a:lnTo>
                  <a:pt x="12410" y="2631"/>
                </a:lnTo>
                <a:lnTo>
                  <a:pt x="12429" y="2625"/>
                </a:lnTo>
                <a:lnTo>
                  <a:pt x="12450" y="2620"/>
                </a:lnTo>
                <a:lnTo>
                  <a:pt x="12472" y="2617"/>
                </a:lnTo>
                <a:lnTo>
                  <a:pt x="12493" y="2614"/>
                </a:lnTo>
                <a:lnTo>
                  <a:pt x="12516" y="2612"/>
                </a:lnTo>
                <a:lnTo>
                  <a:pt x="12541" y="2612"/>
                </a:lnTo>
                <a:lnTo>
                  <a:pt x="12563" y="2612"/>
                </a:lnTo>
                <a:lnTo>
                  <a:pt x="12584" y="2614"/>
                </a:lnTo>
                <a:lnTo>
                  <a:pt x="12603" y="2616"/>
                </a:lnTo>
                <a:lnTo>
                  <a:pt x="12622" y="2619"/>
                </a:lnTo>
                <a:lnTo>
                  <a:pt x="12641" y="2623"/>
                </a:lnTo>
                <a:lnTo>
                  <a:pt x="12659" y="2628"/>
                </a:lnTo>
                <a:lnTo>
                  <a:pt x="12676" y="2634"/>
                </a:lnTo>
                <a:lnTo>
                  <a:pt x="12693" y="2642"/>
                </a:lnTo>
                <a:lnTo>
                  <a:pt x="12708" y="2649"/>
                </a:lnTo>
                <a:lnTo>
                  <a:pt x="12723" y="2657"/>
                </a:lnTo>
                <a:lnTo>
                  <a:pt x="12737" y="2667"/>
                </a:lnTo>
                <a:lnTo>
                  <a:pt x="12751" y="2677"/>
                </a:lnTo>
                <a:lnTo>
                  <a:pt x="12763" y="2687"/>
                </a:lnTo>
                <a:lnTo>
                  <a:pt x="12776" y="2699"/>
                </a:lnTo>
                <a:lnTo>
                  <a:pt x="12787" y="2711"/>
                </a:lnTo>
                <a:lnTo>
                  <a:pt x="12799" y="2724"/>
                </a:lnTo>
                <a:lnTo>
                  <a:pt x="12808" y="2737"/>
                </a:lnTo>
                <a:lnTo>
                  <a:pt x="12817" y="2751"/>
                </a:lnTo>
                <a:lnTo>
                  <a:pt x="12827" y="2765"/>
                </a:lnTo>
                <a:lnTo>
                  <a:pt x="12835" y="2781"/>
                </a:lnTo>
                <a:lnTo>
                  <a:pt x="12842" y="2796"/>
                </a:lnTo>
                <a:lnTo>
                  <a:pt x="12848" y="2812"/>
                </a:lnTo>
                <a:lnTo>
                  <a:pt x="12855" y="2828"/>
                </a:lnTo>
                <a:lnTo>
                  <a:pt x="12860" y="2845"/>
                </a:lnTo>
                <a:lnTo>
                  <a:pt x="12865" y="2862"/>
                </a:lnTo>
                <a:lnTo>
                  <a:pt x="12869" y="2880"/>
                </a:lnTo>
                <a:lnTo>
                  <a:pt x="12872" y="2899"/>
                </a:lnTo>
                <a:lnTo>
                  <a:pt x="12875" y="2916"/>
                </a:lnTo>
                <a:lnTo>
                  <a:pt x="12877" y="2936"/>
                </a:lnTo>
                <a:lnTo>
                  <a:pt x="12878" y="2955"/>
                </a:lnTo>
                <a:lnTo>
                  <a:pt x="12880" y="2974"/>
                </a:lnTo>
                <a:lnTo>
                  <a:pt x="12881" y="2994"/>
                </a:lnTo>
                <a:lnTo>
                  <a:pt x="12880" y="3011"/>
                </a:lnTo>
                <a:lnTo>
                  <a:pt x="12878" y="3027"/>
                </a:lnTo>
                <a:lnTo>
                  <a:pt x="12877" y="3045"/>
                </a:lnTo>
                <a:lnTo>
                  <a:pt x="12875" y="3061"/>
                </a:lnTo>
                <a:lnTo>
                  <a:pt x="12873" y="3079"/>
                </a:lnTo>
                <a:lnTo>
                  <a:pt x="12869" y="3096"/>
                </a:lnTo>
                <a:lnTo>
                  <a:pt x="12866" y="3112"/>
                </a:lnTo>
                <a:lnTo>
                  <a:pt x="12861" y="3129"/>
                </a:lnTo>
                <a:lnTo>
                  <a:pt x="12856" y="3145"/>
                </a:lnTo>
                <a:lnTo>
                  <a:pt x="12850" y="3162"/>
                </a:lnTo>
                <a:lnTo>
                  <a:pt x="12843" y="3178"/>
                </a:lnTo>
                <a:lnTo>
                  <a:pt x="12836" y="3193"/>
                </a:lnTo>
                <a:lnTo>
                  <a:pt x="12829" y="3208"/>
                </a:lnTo>
                <a:lnTo>
                  <a:pt x="12820" y="3223"/>
                </a:lnTo>
                <a:lnTo>
                  <a:pt x="12810" y="3238"/>
                </a:lnTo>
                <a:lnTo>
                  <a:pt x="12801" y="3251"/>
                </a:lnTo>
                <a:lnTo>
                  <a:pt x="12789" y="3265"/>
                </a:lnTo>
                <a:lnTo>
                  <a:pt x="12778" y="3277"/>
                </a:lnTo>
                <a:lnTo>
                  <a:pt x="12765" y="3289"/>
                </a:lnTo>
                <a:lnTo>
                  <a:pt x="12752" y="3301"/>
                </a:lnTo>
                <a:lnTo>
                  <a:pt x="12738" y="3311"/>
                </a:lnTo>
                <a:lnTo>
                  <a:pt x="12723" y="3322"/>
                </a:lnTo>
                <a:lnTo>
                  <a:pt x="12707" y="3331"/>
                </a:lnTo>
                <a:lnTo>
                  <a:pt x="12692" y="3339"/>
                </a:lnTo>
                <a:lnTo>
                  <a:pt x="12674" y="3347"/>
                </a:lnTo>
                <a:lnTo>
                  <a:pt x="12655" y="3354"/>
                </a:lnTo>
                <a:lnTo>
                  <a:pt x="12637" y="3360"/>
                </a:lnTo>
                <a:lnTo>
                  <a:pt x="12617" y="3365"/>
                </a:lnTo>
                <a:lnTo>
                  <a:pt x="12595" y="3368"/>
                </a:lnTo>
                <a:lnTo>
                  <a:pt x="12573" y="3371"/>
                </a:lnTo>
                <a:lnTo>
                  <a:pt x="12550" y="3373"/>
                </a:lnTo>
                <a:lnTo>
                  <a:pt x="12528" y="3373"/>
                </a:lnTo>
                <a:close/>
                <a:moveTo>
                  <a:pt x="14885" y="2843"/>
                </a:moveTo>
                <a:lnTo>
                  <a:pt x="14884" y="2814"/>
                </a:lnTo>
                <a:lnTo>
                  <a:pt x="14883" y="2785"/>
                </a:lnTo>
                <a:lnTo>
                  <a:pt x="14880" y="2758"/>
                </a:lnTo>
                <a:lnTo>
                  <a:pt x="14876" y="2731"/>
                </a:lnTo>
                <a:lnTo>
                  <a:pt x="14870" y="2705"/>
                </a:lnTo>
                <a:lnTo>
                  <a:pt x="14863" y="2680"/>
                </a:lnTo>
                <a:lnTo>
                  <a:pt x="14856" y="2655"/>
                </a:lnTo>
                <a:lnTo>
                  <a:pt x="14847" y="2632"/>
                </a:lnTo>
                <a:lnTo>
                  <a:pt x="14836" y="2611"/>
                </a:lnTo>
                <a:lnTo>
                  <a:pt x="14825" y="2589"/>
                </a:lnTo>
                <a:lnTo>
                  <a:pt x="14812" y="2568"/>
                </a:lnTo>
                <a:lnTo>
                  <a:pt x="14798" y="2549"/>
                </a:lnTo>
                <a:lnTo>
                  <a:pt x="14783" y="2531"/>
                </a:lnTo>
                <a:lnTo>
                  <a:pt x="14766" y="2513"/>
                </a:lnTo>
                <a:lnTo>
                  <a:pt x="14748" y="2497"/>
                </a:lnTo>
                <a:lnTo>
                  <a:pt x="14729" y="2480"/>
                </a:lnTo>
                <a:lnTo>
                  <a:pt x="14708" y="2466"/>
                </a:lnTo>
                <a:lnTo>
                  <a:pt x="14687" y="2452"/>
                </a:lnTo>
                <a:lnTo>
                  <a:pt x="14663" y="2439"/>
                </a:lnTo>
                <a:lnTo>
                  <a:pt x="14639" y="2427"/>
                </a:lnTo>
                <a:lnTo>
                  <a:pt x="14613" y="2416"/>
                </a:lnTo>
                <a:lnTo>
                  <a:pt x="14585" y="2405"/>
                </a:lnTo>
                <a:lnTo>
                  <a:pt x="14557" y="2396"/>
                </a:lnTo>
                <a:lnTo>
                  <a:pt x="14527" y="2388"/>
                </a:lnTo>
                <a:lnTo>
                  <a:pt x="14495" y="2381"/>
                </a:lnTo>
                <a:lnTo>
                  <a:pt x="14461" y="2374"/>
                </a:lnTo>
                <a:lnTo>
                  <a:pt x="14427" y="2369"/>
                </a:lnTo>
                <a:lnTo>
                  <a:pt x="14392" y="2365"/>
                </a:lnTo>
                <a:lnTo>
                  <a:pt x="14355" y="2362"/>
                </a:lnTo>
                <a:lnTo>
                  <a:pt x="14316" y="2359"/>
                </a:lnTo>
                <a:lnTo>
                  <a:pt x="14276" y="2358"/>
                </a:lnTo>
                <a:lnTo>
                  <a:pt x="14234" y="2357"/>
                </a:lnTo>
                <a:lnTo>
                  <a:pt x="14176" y="2358"/>
                </a:lnTo>
                <a:lnTo>
                  <a:pt x="14113" y="2361"/>
                </a:lnTo>
                <a:lnTo>
                  <a:pt x="14046" y="2365"/>
                </a:lnTo>
                <a:lnTo>
                  <a:pt x="13976" y="2371"/>
                </a:lnTo>
                <a:lnTo>
                  <a:pt x="13940" y="2376"/>
                </a:lnTo>
                <a:lnTo>
                  <a:pt x="13904" y="2381"/>
                </a:lnTo>
                <a:lnTo>
                  <a:pt x="13868" y="2386"/>
                </a:lnTo>
                <a:lnTo>
                  <a:pt x="13831" y="2392"/>
                </a:lnTo>
                <a:lnTo>
                  <a:pt x="13796" y="2399"/>
                </a:lnTo>
                <a:lnTo>
                  <a:pt x="13760" y="2406"/>
                </a:lnTo>
                <a:lnTo>
                  <a:pt x="13724" y="2415"/>
                </a:lnTo>
                <a:lnTo>
                  <a:pt x="13689" y="2423"/>
                </a:lnTo>
                <a:lnTo>
                  <a:pt x="13689" y="2672"/>
                </a:lnTo>
                <a:lnTo>
                  <a:pt x="13716" y="2661"/>
                </a:lnTo>
                <a:lnTo>
                  <a:pt x="13744" y="2653"/>
                </a:lnTo>
                <a:lnTo>
                  <a:pt x="13772" y="2645"/>
                </a:lnTo>
                <a:lnTo>
                  <a:pt x="13801" y="2637"/>
                </a:lnTo>
                <a:lnTo>
                  <a:pt x="13830" y="2630"/>
                </a:lnTo>
                <a:lnTo>
                  <a:pt x="13860" y="2624"/>
                </a:lnTo>
                <a:lnTo>
                  <a:pt x="13889" y="2618"/>
                </a:lnTo>
                <a:lnTo>
                  <a:pt x="13920" y="2613"/>
                </a:lnTo>
                <a:lnTo>
                  <a:pt x="13949" y="2609"/>
                </a:lnTo>
                <a:lnTo>
                  <a:pt x="13979" y="2604"/>
                </a:lnTo>
                <a:lnTo>
                  <a:pt x="14008" y="2601"/>
                </a:lnTo>
                <a:lnTo>
                  <a:pt x="14037" y="2598"/>
                </a:lnTo>
                <a:lnTo>
                  <a:pt x="14065" y="2596"/>
                </a:lnTo>
                <a:lnTo>
                  <a:pt x="14093" y="2595"/>
                </a:lnTo>
                <a:lnTo>
                  <a:pt x="14121" y="2594"/>
                </a:lnTo>
                <a:lnTo>
                  <a:pt x="14147" y="2593"/>
                </a:lnTo>
                <a:lnTo>
                  <a:pt x="14184" y="2594"/>
                </a:lnTo>
                <a:lnTo>
                  <a:pt x="14220" y="2595"/>
                </a:lnTo>
                <a:lnTo>
                  <a:pt x="14254" y="2597"/>
                </a:lnTo>
                <a:lnTo>
                  <a:pt x="14287" y="2601"/>
                </a:lnTo>
                <a:lnTo>
                  <a:pt x="14303" y="2604"/>
                </a:lnTo>
                <a:lnTo>
                  <a:pt x="14318" y="2608"/>
                </a:lnTo>
                <a:lnTo>
                  <a:pt x="14333" y="2611"/>
                </a:lnTo>
                <a:lnTo>
                  <a:pt x="14347" y="2615"/>
                </a:lnTo>
                <a:lnTo>
                  <a:pt x="14361" y="2619"/>
                </a:lnTo>
                <a:lnTo>
                  <a:pt x="14374" y="2625"/>
                </a:lnTo>
                <a:lnTo>
                  <a:pt x="14387" y="2630"/>
                </a:lnTo>
                <a:lnTo>
                  <a:pt x="14399" y="2638"/>
                </a:lnTo>
                <a:lnTo>
                  <a:pt x="14411" y="2645"/>
                </a:lnTo>
                <a:lnTo>
                  <a:pt x="14422" y="2653"/>
                </a:lnTo>
                <a:lnTo>
                  <a:pt x="14432" y="2661"/>
                </a:lnTo>
                <a:lnTo>
                  <a:pt x="14442" y="2672"/>
                </a:lnTo>
                <a:lnTo>
                  <a:pt x="14451" y="2682"/>
                </a:lnTo>
                <a:lnTo>
                  <a:pt x="14459" y="2694"/>
                </a:lnTo>
                <a:lnTo>
                  <a:pt x="14467" y="2706"/>
                </a:lnTo>
                <a:lnTo>
                  <a:pt x="14474" y="2719"/>
                </a:lnTo>
                <a:lnTo>
                  <a:pt x="14480" y="2734"/>
                </a:lnTo>
                <a:lnTo>
                  <a:pt x="14485" y="2749"/>
                </a:lnTo>
                <a:lnTo>
                  <a:pt x="14490" y="2766"/>
                </a:lnTo>
                <a:lnTo>
                  <a:pt x="14494" y="2784"/>
                </a:lnTo>
                <a:lnTo>
                  <a:pt x="14497" y="2803"/>
                </a:lnTo>
                <a:lnTo>
                  <a:pt x="14499" y="2823"/>
                </a:lnTo>
                <a:lnTo>
                  <a:pt x="14501" y="2845"/>
                </a:lnTo>
                <a:lnTo>
                  <a:pt x="14501" y="2868"/>
                </a:lnTo>
                <a:lnTo>
                  <a:pt x="14306" y="2868"/>
                </a:lnTo>
                <a:lnTo>
                  <a:pt x="14241" y="2868"/>
                </a:lnTo>
                <a:lnTo>
                  <a:pt x="14172" y="2871"/>
                </a:lnTo>
                <a:lnTo>
                  <a:pt x="14101" y="2875"/>
                </a:lnTo>
                <a:lnTo>
                  <a:pt x="14032" y="2880"/>
                </a:lnTo>
                <a:lnTo>
                  <a:pt x="13996" y="2884"/>
                </a:lnTo>
                <a:lnTo>
                  <a:pt x="13963" y="2888"/>
                </a:lnTo>
                <a:lnTo>
                  <a:pt x="13930" y="2894"/>
                </a:lnTo>
                <a:lnTo>
                  <a:pt x="13898" y="2899"/>
                </a:lnTo>
                <a:lnTo>
                  <a:pt x="13868" y="2904"/>
                </a:lnTo>
                <a:lnTo>
                  <a:pt x="13840" y="2910"/>
                </a:lnTo>
                <a:lnTo>
                  <a:pt x="13813" y="2917"/>
                </a:lnTo>
                <a:lnTo>
                  <a:pt x="13789" y="2925"/>
                </a:lnTo>
                <a:lnTo>
                  <a:pt x="13762" y="2934"/>
                </a:lnTo>
                <a:lnTo>
                  <a:pt x="13735" y="2945"/>
                </a:lnTo>
                <a:lnTo>
                  <a:pt x="13709" y="2958"/>
                </a:lnTo>
                <a:lnTo>
                  <a:pt x="13684" y="2971"/>
                </a:lnTo>
                <a:lnTo>
                  <a:pt x="13659" y="2986"/>
                </a:lnTo>
                <a:lnTo>
                  <a:pt x="13636" y="3002"/>
                </a:lnTo>
                <a:lnTo>
                  <a:pt x="13625" y="3012"/>
                </a:lnTo>
                <a:lnTo>
                  <a:pt x="13614" y="3021"/>
                </a:lnTo>
                <a:lnTo>
                  <a:pt x="13604" y="3030"/>
                </a:lnTo>
                <a:lnTo>
                  <a:pt x="13594" y="3041"/>
                </a:lnTo>
                <a:lnTo>
                  <a:pt x="13584" y="3051"/>
                </a:lnTo>
                <a:lnTo>
                  <a:pt x="13575" y="3061"/>
                </a:lnTo>
                <a:lnTo>
                  <a:pt x="13567" y="3073"/>
                </a:lnTo>
                <a:lnTo>
                  <a:pt x="13558" y="3084"/>
                </a:lnTo>
                <a:lnTo>
                  <a:pt x="13550" y="3096"/>
                </a:lnTo>
                <a:lnTo>
                  <a:pt x="13544" y="3108"/>
                </a:lnTo>
                <a:lnTo>
                  <a:pt x="13537" y="3122"/>
                </a:lnTo>
                <a:lnTo>
                  <a:pt x="13531" y="3135"/>
                </a:lnTo>
                <a:lnTo>
                  <a:pt x="13525" y="3149"/>
                </a:lnTo>
                <a:lnTo>
                  <a:pt x="13521" y="3162"/>
                </a:lnTo>
                <a:lnTo>
                  <a:pt x="13517" y="3176"/>
                </a:lnTo>
                <a:lnTo>
                  <a:pt x="13514" y="3192"/>
                </a:lnTo>
                <a:lnTo>
                  <a:pt x="13511" y="3208"/>
                </a:lnTo>
                <a:lnTo>
                  <a:pt x="13509" y="3223"/>
                </a:lnTo>
                <a:lnTo>
                  <a:pt x="13507" y="3240"/>
                </a:lnTo>
                <a:lnTo>
                  <a:pt x="13507" y="3256"/>
                </a:lnTo>
                <a:lnTo>
                  <a:pt x="13507" y="3283"/>
                </a:lnTo>
                <a:lnTo>
                  <a:pt x="13511" y="3308"/>
                </a:lnTo>
                <a:lnTo>
                  <a:pt x="13514" y="3333"/>
                </a:lnTo>
                <a:lnTo>
                  <a:pt x="13519" y="3357"/>
                </a:lnTo>
                <a:lnTo>
                  <a:pt x="13525" y="3380"/>
                </a:lnTo>
                <a:lnTo>
                  <a:pt x="13532" y="3400"/>
                </a:lnTo>
                <a:lnTo>
                  <a:pt x="13542" y="3421"/>
                </a:lnTo>
                <a:lnTo>
                  <a:pt x="13552" y="3441"/>
                </a:lnTo>
                <a:lnTo>
                  <a:pt x="13563" y="3459"/>
                </a:lnTo>
                <a:lnTo>
                  <a:pt x="13575" y="3477"/>
                </a:lnTo>
                <a:lnTo>
                  <a:pt x="13588" y="3494"/>
                </a:lnTo>
                <a:lnTo>
                  <a:pt x="13603" y="3509"/>
                </a:lnTo>
                <a:lnTo>
                  <a:pt x="13619" y="3524"/>
                </a:lnTo>
                <a:lnTo>
                  <a:pt x="13635" y="3538"/>
                </a:lnTo>
                <a:lnTo>
                  <a:pt x="13653" y="3551"/>
                </a:lnTo>
                <a:lnTo>
                  <a:pt x="13670" y="3563"/>
                </a:lnTo>
                <a:lnTo>
                  <a:pt x="13690" y="3574"/>
                </a:lnTo>
                <a:lnTo>
                  <a:pt x="13710" y="3585"/>
                </a:lnTo>
                <a:lnTo>
                  <a:pt x="13731" y="3595"/>
                </a:lnTo>
                <a:lnTo>
                  <a:pt x="13751" y="3603"/>
                </a:lnTo>
                <a:lnTo>
                  <a:pt x="13774" y="3612"/>
                </a:lnTo>
                <a:lnTo>
                  <a:pt x="13796" y="3619"/>
                </a:lnTo>
                <a:lnTo>
                  <a:pt x="13820" y="3625"/>
                </a:lnTo>
                <a:lnTo>
                  <a:pt x="13844" y="3631"/>
                </a:lnTo>
                <a:lnTo>
                  <a:pt x="13868" y="3637"/>
                </a:lnTo>
                <a:lnTo>
                  <a:pt x="13893" y="3641"/>
                </a:lnTo>
                <a:lnTo>
                  <a:pt x="13918" y="3644"/>
                </a:lnTo>
                <a:lnTo>
                  <a:pt x="13943" y="3647"/>
                </a:lnTo>
                <a:lnTo>
                  <a:pt x="13969" y="3649"/>
                </a:lnTo>
                <a:lnTo>
                  <a:pt x="13995" y="3651"/>
                </a:lnTo>
                <a:lnTo>
                  <a:pt x="14022" y="3652"/>
                </a:lnTo>
                <a:lnTo>
                  <a:pt x="14049" y="3652"/>
                </a:lnTo>
                <a:lnTo>
                  <a:pt x="14088" y="3651"/>
                </a:lnTo>
                <a:lnTo>
                  <a:pt x="14126" y="3650"/>
                </a:lnTo>
                <a:lnTo>
                  <a:pt x="14161" y="3647"/>
                </a:lnTo>
                <a:lnTo>
                  <a:pt x="14197" y="3643"/>
                </a:lnTo>
                <a:lnTo>
                  <a:pt x="14230" y="3638"/>
                </a:lnTo>
                <a:lnTo>
                  <a:pt x="14262" y="3631"/>
                </a:lnTo>
                <a:lnTo>
                  <a:pt x="14293" y="3624"/>
                </a:lnTo>
                <a:lnTo>
                  <a:pt x="14322" y="3615"/>
                </a:lnTo>
                <a:lnTo>
                  <a:pt x="14351" y="3606"/>
                </a:lnTo>
                <a:lnTo>
                  <a:pt x="14378" y="3594"/>
                </a:lnTo>
                <a:lnTo>
                  <a:pt x="14404" y="3582"/>
                </a:lnTo>
                <a:lnTo>
                  <a:pt x="14429" y="3567"/>
                </a:lnTo>
                <a:lnTo>
                  <a:pt x="14453" y="3553"/>
                </a:lnTo>
                <a:lnTo>
                  <a:pt x="14476" y="3536"/>
                </a:lnTo>
                <a:lnTo>
                  <a:pt x="14498" y="3517"/>
                </a:lnTo>
                <a:lnTo>
                  <a:pt x="14519" y="3498"/>
                </a:lnTo>
                <a:lnTo>
                  <a:pt x="14525" y="3498"/>
                </a:lnTo>
                <a:lnTo>
                  <a:pt x="14525" y="3623"/>
                </a:lnTo>
                <a:lnTo>
                  <a:pt x="14885" y="3623"/>
                </a:lnTo>
                <a:lnTo>
                  <a:pt x="14885" y="2843"/>
                </a:lnTo>
                <a:close/>
                <a:moveTo>
                  <a:pt x="14501" y="3289"/>
                </a:moveTo>
                <a:lnTo>
                  <a:pt x="14477" y="3306"/>
                </a:lnTo>
                <a:lnTo>
                  <a:pt x="14453" y="3323"/>
                </a:lnTo>
                <a:lnTo>
                  <a:pt x="14430" y="3336"/>
                </a:lnTo>
                <a:lnTo>
                  <a:pt x="14406" y="3350"/>
                </a:lnTo>
                <a:lnTo>
                  <a:pt x="14383" y="3361"/>
                </a:lnTo>
                <a:lnTo>
                  <a:pt x="14359" y="3370"/>
                </a:lnTo>
                <a:lnTo>
                  <a:pt x="14335" y="3380"/>
                </a:lnTo>
                <a:lnTo>
                  <a:pt x="14312" y="3388"/>
                </a:lnTo>
                <a:lnTo>
                  <a:pt x="14289" y="3394"/>
                </a:lnTo>
                <a:lnTo>
                  <a:pt x="14265" y="3400"/>
                </a:lnTo>
                <a:lnTo>
                  <a:pt x="14242" y="3406"/>
                </a:lnTo>
                <a:lnTo>
                  <a:pt x="14220" y="3410"/>
                </a:lnTo>
                <a:lnTo>
                  <a:pt x="14198" y="3413"/>
                </a:lnTo>
                <a:lnTo>
                  <a:pt x="14175" y="3415"/>
                </a:lnTo>
                <a:lnTo>
                  <a:pt x="14153" y="3417"/>
                </a:lnTo>
                <a:lnTo>
                  <a:pt x="14132" y="3418"/>
                </a:lnTo>
                <a:lnTo>
                  <a:pt x="14107" y="3418"/>
                </a:lnTo>
                <a:lnTo>
                  <a:pt x="14084" y="3417"/>
                </a:lnTo>
                <a:lnTo>
                  <a:pt x="14061" y="3415"/>
                </a:lnTo>
                <a:lnTo>
                  <a:pt x="14039" y="3412"/>
                </a:lnTo>
                <a:lnTo>
                  <a:pt x="14018" y="3407"/>
                </a:lnTo>
                <a:lnTo>
                  <a:pt x="14000" y="3400"/>
                </a:lnTo>
                <a:lnTo>
                  <a:pt x="13991" y="3397"/>
                </a:lnTo>
                <a:lnTo>
                  <a:pt x="13982" y="3393"/>
                </a:lnTo>
                <a:lnTo>
                  <a:pt x="13974" y="3389"/>
                </a:lnTo>
                <a:lnTo>
                  <a:pt x="13966" y="3384"/>
                </a:lnTo>
                <a:lnTo>
                  <a:pt x="13959" y="3379"/>
                </a:lnTo>
                <a:lnTo>
                  <a:pt x="13952" y="3373"/>
                </a:lnTo>
                <a:lnTo>
                  <a:pt x="13946" y="3367"/>
                </a:lnTo>
                <a:lnTo>
                  <a:pt x="13939" y="3361"/>
                </a:lnTo>
                <a:lnTo>
                  <a:pt x="13933" y="3355"/>
                </a:lnTo>
                <a:lnTo>
                  <a:pt x="13928" y="3346"/>
                </a:lnTo>
                <a:lnTo>
                  <a:pt x="13924" y="3339"/>
                </a:lnTo>
                <a:lnTo>
                  <a:pt x="13920" y="3331"/>
                </a:lnTo>
                <a:lnTo>
                  <a:pt x="13915" y="3323"/>
                </a:lnTo>
                <a:lnTo>
                  <a:pt x="13912" y="3313"/>
                </a:lnTo>
                <a:lnTo>
                  <a:pt x="13909" y="3304"/>
                </a:lnTo>
                <a:lnTo>
                  <a:pt x="13906" y="3295"/>
                </a:lnTo>
                <a:lnTo>
                  <a:pt x="13905" y="3284"/>
                </a:lnTo>
                <a:lnTo>
                  <a:pt x="13903" y="3273"/>
                </a:lnTo>
                <a:lnTo>
                  <a:pt x="13903" y="3261"/>
                </a:lnTo>
                <a:lnTo>
                  <a:pt x="13902" y="3250"/>
                </a:lnTo>
                <a:lnTo>
                  <a:pt x="13903" y="3236"/>
                </a:lnTo>
                <a:lnTo>
                  <a:pt x="13905" y="3223"/>
                </a:lnTo>
                <a:lnTo>
                  <a:pt x="13908" y="3211"/>
                </a:lnTo>
                <a:lnTo>
                  <a:pt x="13912" y="3198"/>
                </a:lnTo>
                <a:lnTo>
                  <a:pt x="13918" y="3188"/>
                </a:lnTo>
                <a:lnTo>
                  <a:pt x="13924" y="3178"/>
                </a:lnTo>
                <a:lnTo>
                  <a:pt x="13932" y="3167"/>
                </a:lnTo>
                <a:lnTo>
                  <a:pt x="13940" y="3158"/>
                </a:lnTo>
                <a:lnTo>
                  <a:pt x="13950" y="3150"/>
                </a:lnTo>
                <a:lnTo>
                  <a:pt x="13961" y="3141"/>
                </a:lnTo>
                <a:lnTo>
                  <a:pt x="13973" y="3134"/>
                </a:lnTo>
                <a:lnTo>
                  <a:pt x="13985" y="3127"/>
                </a:lnTo>
                <a:lnTo>
                  <a:pt x="13997" y="3121"/>
                </a:lnTo>
                <a:lnTo>
                  <a:pt x="14012" y="3115"/>
                </a:lnTo>
                <a:lnTo>
                  <a:pt x="14026" y="3109"/>
                </a:lnTo>
                <a:lnTo>
                  <a:pt x="14042" y="3105"/>
                </a:lnTo>
                <a:lnTo>
                  <a:pt x="14075" y="3096"/>
                </a:lnTo>
                <a:lnTo>
                  <a:pt x="14112" y="3089"/>
                </a:lnTo>
                <a:lnTo>
                  <a:pt x="14150" y="3083"/>
                </a:lnTo>
                <a:lnTo>
                  <a:pt x="14189" y="3079"/>
                </a:lnTo>
                <a:lnTo>
                  <a:pt x="14231" y="3076"/>
                </a:lnTo>
                <a:lnTo>
                  <a:pt x="14275" y="3075"/>
                </a:lnTo>
                <a:lnTo>
                  <a:pt x="14319" y="3073"/>
                </a:lnTo>
                <a:lnTo>
                  <a:pt x="14364" y="3073"/>
                </a:lnTo>
                <a:lnTo>
                  <a:pt x="14501" y="3073"/>
                </a:lnTo>
                <a:lnTo>
                  <a:pt x="14501" y="3289"/>
                </a:lnTo>
                <a:close/>
                <a:moveTo>
                  <a:pt x="3514" y="2021"/>
                </a:moveTo>
                <a:lnTo>
                  <a:pt x="3514" y="2995"/>
                </a:lnTo>
                <a:lnTo>
                  <a:pt x="3514" y="3016"/>
                </a:lnTo>
                <a:lnTo>
                  <a:pt x="3513" y="3036"/>
                </a:lnTo>
                <a:lnTo>
                  <a:pt x="3511" y="3055"/>
                </a:lnTo>
                <a:lnTo>
                  <a:pt x="3508" y="3074"/>
                </a:lnTo>
                <a:lnTo>
                  <a:pt x="3506" y="3091"/>
                </a:lnTo>
                <a:lnTo>
                  <a:pt x="3503" y="3109"/>
                </a:lnTo>
                <a:lnTo>
                  <a:pt x="3499" y="3127"/>
                </a:lnTo>
                <a:lnTo>
                  <a:pt x="3495" y="3143"/>
                </a:lnTo>
                <a:lnTo>
                  <a:pt x="3489" y="3160"/>
                </a:lnTo>
                <a:lnTo>
                  <a:pt x="3484" y="3175"/>
                </a:lnTo>
                <a:lnTo>
                  <a:pt x="3477" y="3190"/>
                </a:lnTo>
                <a:lnTo>
                  <a:pt x="3470" y="3204"/>
                </a:lnTo>
                <a:lnTo>
                  <a:pt x="3462" y="3218"/>
                </a:lnTo>
                <a:lnTo>
                  <a:pt x="3453" y="3231"/>
                </a:lnTo>
                <a:lnTo>
                  <a:pt x="3445" y="3244"/>
                </a:lnTo>
                <a:lnTo>
                  <a:pt x="3435" y="3255"/>
                </a:lnTo>
                <a:lnTo>
                  <a:pt x="3424" y="3267"/>
                </a:lnTo>
                <a:lnTo>
                  <a:pt x="3414" y="3277"/>
                </a:lnTo>
                <a:lnTo>
                  <a:pt x="3403" y="3287"/>
                </a:lnTo>
                <a:lnTo>
                  <a:pt x="3390" y="3297"/>
                </a:lnTo>
                <a:lnTo>
                  <a:pt x="3377" y="3305"/>
                </a:lnTo>
                <a:lnTo>
                  <a:pt x="3363" y="3313"/>
                </a:lnTo>
                <a:lnTo>
                  <a:pt x="3349" y="3321"/>
                </a:lnTo>
                <a:lnTo>
                  <a:pt x="3334" y="3327"/>
                </a:lnTo>
                <a:lnTo>
                  <a:pt x="3317" y="3333"/>
                </a:lnTo>
                <a:lnTo>
                  <a:pt x="3301" y="3338"/>
                </a:lnTo>
                <a:lnTo>
                  <a:pt x="3284" y="3342"/>
                </a:lnTo>
                <a:lnTo>
                  <a:pt x="3267" y="3346"/>
                </a:lnTo>
                <a:lnTo>
                  <a:pt x="3248" y="3349"/>
                </a:lnTo>
                <a:lnTo>
                  <a:pt x="3228" y="3352"/>
                </a:lnTo>
                <a:lnTo>
                  <a:pt x="3208" y="3353"/>
                </a:lnTo>
                <a:lnTo>
                  <a:pt x="3188" y="3354"/>
                </a:lnTo>
                <a:lnTo>
                  <a:pt x="3157" y="3354"/>
                </a:lnTo>
                <a:lnTo>
                  <a:pt x="3119" y="3353"/>
                </a:lnTo>
                <a:lnTo>
                  <a:pt x="3077" y="3352"/>
                </a:lnTo>
                <a:lnTo>
                  <a:pt x="3030" y="3349"/>
                </a:lnTo>
                <a:lnTo>
                  <a:pt x="2981" y="3344"/>
                </a:lnTo>
                <a:lnTo>
                  <a:pt x="2929" y="3338"/>
                </a:lnTo>
                <a:lnTo>
                  <a:pt x="2903" y="3335"/>
                </a:lnTo>
                <a:lnTo>
                  <a:pt x="2877" y="3331"/>
                </a:lnTo>
                <a:lnTo>
                  <a:pt x="2852" y="3326"/>
                </a:lnTo>
                <a:lnTo>
                  <a:pt x="2826" y="3321"/>
                </a:lnTo>
                <a:lnTo>
                  <a:pt x="2826" y="3625"/>
                </a:lnTo>
                <a:lnTo>
                  <a:pt x="2878" y="3632"/>
                </a:lnTo>
                <a:lnTo>
                  <a:pt x="2933" y="3639"/>
                </a:lnTo>
                <a:lnTo>
                  <a:pt x="2988" y="3643"/>
                </a:lnTo>
                <a:lnTo>
                  <a:pt x="3045" y="3647"/>
                </a:lnTo>
                <a:lnTo>
                  <a:pt x="3102" y="3649"/>
                </a:lnTo>
                <a:lnTo>
                  <a:pt x="3157" y="3651"/>
                </a:lnTo>
                <a:lnTo>
                  <a:pt x="3211" y="3652"/>
                </a:lnTo>
                <a:lnTo>
                  <a:pt x="3262" y="3652"/>
                </a:lnTo>
                <a:lnTo>
                  <a:pt x="3304" y="3651"/>
                </a:lnTo>
                <a:lnTo>
                  <a:pt x="3344" y="3649"/>
                </a:lnTo>
                <a:lnTo>
                  <a:pt x="3384" y="3646"/>
                </a:lnTo>
                <a:lnTo>
                  <a:pt x="3422" y="3641"/>
                </a:lnTo>
                <a:lnTo>
                  <a:pt x="3460" y="3636"/>
                </a:lnTo>
                <a:lnTo>
                  <a:pt x="3496" y="3628"/>
                </a:lnTo>
                <a:lnTo>
                  <a:pt x="3530" y="3619"/>
                </a:lnTo>
                <a:lnTo>
                  <a:pt x="3564" y="3610"/>
                </a:lnTo>
                <a:lnTo>
                  <a:pt x="3598" y="3598"/>
                </a:lnTo>
                <a:lnTo>
                  <a:pt x="3629" y="3586"/>
                </a:lnTo>
                <a:lnTo>
                  <a:pt x="3659" y="3572"/>
                </a:lnTo>
                <a:lnTo>
                  <a:pt x="3689" y="3558"/>
                </a:lnTo>
                <a:lnTo>
                  <a:pt x="3716" y="3542"/>
                </a:lnTo>
                <a:lnTo>
                  <a:pt x="3743" y="3525"/>
                </a:lnTo>
                <a:lnTo>
                  <a:pt x="3769" y="3507"/>
                </a:lnTo>
                <a:lnTo>
                  <a:pt x="3793" y="3487"/>
                </a:lnTo>
                <a:lnTo>
                  <a:pt x="3816" y="3468"/>
                </a:lnTo>
                <a:lnTo>
                  <a:pt x="3836" y="3446"/>
                </a:lnTo>
                <a:lnTo>
                  <a:pt x="3857" y="3424"/>
                </a:lnTo>
                <a:lnTo>
                  <a:pt x="3876" y="3400"/>
                </a:lnTo>
                <a:lnTo>
                  <a:pt x="3893" y="3377"/>
                </a:lnTo>
                <a:lnTo>
                  <a:pt x="3909" y="3351"/>
                </a:lnTo>
                <a:lnTo>
                  <a:pt x="3924" y="3325"/>
                </a:lnTo>
                <a:lnTo>
                  <a:pt x="3936" y="3297"/>
                </a:lnTo>
                <a:lnTo>
                  <a:pt x="3949" y="3269"/>
                </a:lnTo>
                <a:lnTo>
                  <a:pt x="3958" y="3240"/>
                </a:lnTo>
                <a:lnTo>
                  <a:pt x="3967" y="3210"/>
                </a:lnTo>
                <a:lnTo>
                  <a:pt x="3973" y="3180"/>
                </a:lnTo>
                <a:lnTo>
                  <a:pt x="3980" y="3147"/>
                </a:lnTo>
                <a:lnTo>
                  <a:pt x="3984" y="3115"/>
                </a:lnTo>
                <a:lnTo>
                  <a:pt x="3986" y="3082"/>
                </a:lnTo>
                <a:lnTo>
                  <a:pt x="3987" y="3048"/>
                </a:lnTo>
                <a:lnTo>
                  <a:pt x="3987" y="2021"/>
                </a:lnTo>
                <a:lnTo>
                  <a:pt x="3514" y="2021"/>
                </a:lnTo>
                <a:close/>
                <a:moveTo>
                  <a:pt x="11555" y="2357"/>
                </a:moveTo>
                <a:lnTo>
                  <a:pt x="11524" y="2358"/>
                </a:lnTo>
                <a:lnTo>
                  <a:pt x="11493" y="2359"/>
                </a:lnTo>
                <a:lnTo>
                  <a:pt x="11462" y="2362"/>
                </a:lnTo>
                <a:lnTo>
                  <a:pt x="11431" y="2366"/>
                </a:lnTo>
                <a:lnTo>
                  <a:pt x="11401" y="2372"/>
                </a:lnTo>
                <a:lnTo>
                  <a:pt x="11372" y="2380"/>
                </a:lnTo>
                <a:lnTo>
                  <a:pt x="11344" y="2389"/>
                </a:lnTo>
                <a:lnTo>
                  <a:pt x="11316" y="2400"/>
                </a:lnTo>
                <a:lnTo>
                  <a:pt x="11303" y="2406"/>
                </a:lnTo>
                <a:lnTo>
                  <a:pt x="11289" y="2414"/>
                </a:lnTo>
                <a:lnTo>
                  <a:pt x="11277" y="2421"/>
                </a:lnTo>
                <a:lnTo>
                  <a:pt x="11263" y="2428"/>
                </a:lnTo>
                <a:lnTo>
                  <a:pt x="11251" y="2438"/>
                </a:lnTo>
                <a:lnTo>
                  <a:pt x="11238" y="2446"/>
                </a:lnTo>
                <a:lnTo>
                  <a:pt x="11227" y="2456"/>
                </a:lnTo>
                <a:lnTo>
                  <a:pt x="11215" y="2467"/>
                </a:lnTo>
                <a:lnTo>
                  <a:pt x="11203" y="2477"/>
                </a:lnTo>
                <a:lnTo>
                  <a:pt x="11192" y="2488"/>
                </a:lnTo>
                <a:lnTo>
                  <a:pt x="11181" y="2501"/>
                </a:lnTo>
                <a:lnTo>
                  <a:pt x="11170" y="2513"/>
                </a:lnTo>
                <a:lnTo>
                  <a:pt x="11160" y="2527"/>
                </a:lnTo>
                <a:lnTo>
                  <a:pt x="11150" y="2541"/>
                </a:lnTo>
                <a:lnTo>
                  <a:pt x="11140" y="2556"/>
                </a:lnTo>
                <a:lnTo>
                  <a:pt x="11130" y="2571"/>
                </a:lnTo>
                <a:lnTo>
                  <a:pt x="11125" y="2571"/>
                </a:lnTo>
                <a:lnTo>
                  <a:pt x="11125" y="2383"/>
                </a:lnTo>
                <a:lnTo>
                  <a:pt x="10747" y="2383"/>
                </a:lnTo>
                <a:lnTo>
                  <a:pt x="10747" y="3623"/>
                </a:lnTo>
                <a:lnTo>
                  <a:pt x="11159" y="3623"/>
                </a:lnTo>
                <a:lnTo>
                  <a:pt x="11159" y="3017"/>
                </a:lnTo>
                <a:lnTo>
                  <a:pt x="11160" y="2971"/>
                </a:lnTo>
                <a:lnTo>
                  <a:pt x="11163" y="2929"/>
                </a:lnTo>
                <a:lnTo>
                  <a:pt x="11164" y="2910"/>
                </a:lnTo>
                <a:lnTo>
                  <a:pt x="11167" y="2893"/>
                </a:lnTo>
                <a:lnTo>
                  <a:pt x="11169" y="2875"/>
                </a:lnTo>
                <a:lnTo>
                  <a:pt x="11172" y="2859"/>
                </a:lnTo>
                <a:lnTo>
                  <a:pt x="11176" y="2844"/>
                </a:lnTo>
                <a:lnTo>
                  <a:pt x="11179" y="2830"/>
                </a:lnTo>
                <a:lnTo>
                  <a:pt x="11183" y="2817"/>
                </a:lnTo>
                <a:lnTo>
                  <a:pt x="11188" y="2804"/>
                </a:lnTo>
                <a:lnTo>
                  <a:pt x="11193" y="2793"/>
                </a:lnTo>
                <a:lnTo>
                  <a:pt x="11197" y="2783"/>
                </a:lnTo>
                <a:lnTo>
                  <a:pt x="11202" y="2773"/>
                </a:lnTo>
                <a:lnTo>
                  <a:pt x="11207" y="2764"/>
                </a:lnTo>
                <a:lnTo>
                  <a:pt x="11216" y="2751"/>
                </a:lnTo>
                <a:lnTo>
                  <a:pt x="11225" y="2738"/>
                </a:lnTo>
                <a:lnTo>
                  <a:pt x="11233" y="2726"/>
                </a:lnTo>
                <a:lnTo>
                  <a:pt x="11244" y="2714"/>
                </a:lnTo>
                <a:lnTo>
                  <a:pt x="11254" y="2704"/>
                </a:lnTo>
                <a:lnTo>
                  <a:pt x="11264" y="2694"/>
                </a:lnTo>
                <a:lnTo>
                  <a:pt x="11276" y="2684"/>
                </a:lnTo>
                <a:lnTo>
                  <a:pt x="11287" y="2676"/>
                </a:lnTo>
                <a:lnTo>
                  <a:pt x="11301" y="2668"/>
                </a:lnTo>
                <a:lnTo>
                  <a:pt x="11314" y="2661"/>
                </a:lnTo>
                <a:lnTo>
                  <a:pt x="11329" y="2654"/>
                </a:lnTo>
                <a:lnTo>
                  <a:pt x="11344" y="2649"/>
                </a:lnTo>
                <a:lnTo>
                  <a:pt x="11360" y="2644"/>
                </a:lnTo>
                <a:lnTo>
                  <a:pt x="11378" y="2639"/>
                </a:lnTo>
                <a:lnTo>
                  <a:pt x="11396" y="2634"/>
                </a:lnTo>
                <a:lnTo>
                  <a:pt x="11416" y="2631"/>
                </a:lnTo>
                <a:lnTo>
                  <a:pt x="11437" y="2629"/>
                </a:lnTo>
                <a:lnTo>
                  <a:pt x="11461" y="2629"/>
                </a:lnTo>
                <a:lnTo>
                  <a:pt x="11484" y="2630"/>
                </a:lnTo>
                <a:lnTo>
                  <a:pt x="11510" y="2632"/>
                </a:lnTo>
                <a:lnTo>
                  <a:pt x="11535" y="2638"/>
                </a:lnTo>
                <a:lnTo>
                  <a:pt x="11560" y="2644"/>
                </a:lnTo>
                <a:lnTo>
                  <a:pt x="11572" y="2648"/>
                </a:lnTo>
                <a:lnTo>
                  <a:pt x="11583" y="2652"/>
                </a:lnTo>
                <a:lnTo>
                  <a:pt x="11594" y="2657"/>
                </a:lnTo>
                <a:lnTo>
                  <a:pt x="11606" y="2663"/>
                </a:lnTo>
                <a:lnTo>
                  <a:pt x="11789" y="2400"/>
                </a:lnTo>
                <a:lnTo>
                  <a:pt x="11761" y="2391"/>
                </a:lnTo>
                <a:lnTo>
                  <a:pt x="11734" y="2382"/>
                </a:lnTo>
                <a:lnTo>
                  <a:pt x="11706" y="2374"/>
                </a:lnTo>
                <a:lnTo>
                  <a:pt x="11679" y="2368"/>
                </a:lnTo>
                <a:lnTo>
                  <a:pt x="11651" y="2364"/>
                </a:lnTo>
                <a:lnTo>
                  <a:pt x="11620" y="2360"/>
                </a:lnTo>
                <a:lnTo>
                  <a:pt x="11589" y="2358"/>
                </a:lnTo>
                <a:lnTo>
                  <a:pt x="11555" y="2357"/>
                </a:lnTo>
                <a:close/>
              </a:path>
            </a:pathLst>
          </a:custGeom>
          <a:solidFill>
            <a:schemeClr val="bg2"/>
          </a:solidFill>
          <a:ln w="9525">
            <a:noFill/>
            <a:round/>
            <a:headEnd/>
            <a:tailEnd/>
          </a:ln>
        </p:spPr>
        <p:txBody>
          <a:bodyPr/>
          <a:lstStyle/>
          <a:p>
            <a:pPr>
              <a:defRPr/>
            </a:pPr>
            <a:endParaRPr lang="en-US"/>
          </a:p>
        </p:txBody>
      </p:sp>
      <p:grpSp>
        <p:nvGrpSpPr>
          <p:cNvPr id="12" name="Group 14" hidden="1"/>
          <p:cNvGrpSpPr>
            <a:grpSpLocks noChangeAspect="1"/>
          </p:cNvGrpSpPr>
          <p:nvPr>
            <p:custDataLst>
              <p:tags r:id="rId9"/>
            </p:custDataLst>
          </p:nvPr>
        </p:nvGrpSpPr>
        <p:grpSpPr bwMode="auto">
          <a:xfrm>
            <a:off x="-2514600" y="4265613"/>
            <a:ext cx="2286000" cy="198437"/>
            <a:chOff x="-2448" y="1872"/>
            <a:chExt cx="2326" cy="206"/>
          </a:xfrm>
        </p:grpSpPr>
        <p:sp>
          <p:nvSpPr>
            <p:cNvPr id="13" name="Freeform 15" hidden="1"/>
            <p:cNvSpPr>
              <a:spLocks noChangeAspect="1" noEditPoints="1"/>
            </p:cNvSpPr>
            <p:nvPr/>
          </p:nvSpPr>
          <p:spPr bwMode="gray">
            <a:xfrm>
              <a:off x="-2177" y="1923"/>
              <a:ext cx="2055" cy="155"/>
            </a:xfrm>
            <a:custGeom>
              <a:avLst/>
              <a:gdLst/>
              <a:ahLst/>
              <a:cxnLst>
                <a:cxn ang="0">
                  <a:pos x="347" y="491"/>
                </a:cxn>
                <a:cxn ang="0">
                  <a:pos x="241" y="824"/>
                </a:cxn>
                <a:cxn ang="0">
                  <a:pos x="14384" y="183"/>
                </a:cxn>
                <a:cxn ang="0">
                  <a:pos x="14254" y="823"/>
                </a:cxn>
                <a:cxn ang="0">
                  <a:pos x="13428" y="315"/>
                </a:cxn>
                <a:cxn ang="0">
                  <a:pos x="13619" y="174"/>
                </a:cxn>
                <a:cxn ang="0">
                  <a:pos x="12530" y="600"/>
                </a:cxn>
                <a:cxn ang="0">
                  <a:pos x="12664" y="822"/>
                </a:cxn>
                <a:cxn ang="0">
                  <a:pos x="12337" y="422"/>
                </a:cxn>
                <a:cxn ang="0">
                  <a:pos x="12816" y="187"/>
                </a:cxn>
                <a:cxn ang="0">
                  <a:pos x="12834" y="372"/>
                </a:cxn>
                <a:cxn ang="0">
                  <a:pos x="12845" y="407"/>
                </a:cxn>
                <a:cxn ang="0">
                  <a:pos x="11813" y="350"/>
                </a:cxn>
                <a:cxn ang="0">
                  <a:pos x="11412" y="319"/>
                </a:cxn>
                <a:cxn ang="0">
                  <a:pos x="11608" y="177"/>
                </a:cxn>
                <a:cxn ang="0">
                  <a:pos x="12082" y="184"/>
                </a:cxn>
                <a:cxn ang="0">
                  <a:pos x="10552" y="622"/>
                </a:cxn>
                <a:cxn ang="0">
                  <a:pos x="10653" y="820"/>
                </a:cxn>
                <a:cxn ang="0">
                  <a:pos x="10349" y="407"/>
                </a:cxn>
                <a:cxn ang="0">
                  <a:pos x="10841" y="192"/>
                </a:cxn>
                <a:cxn ang="0">
                  <a:pos x="10838" y="361"/>
                </a:cxn>
                <a:cxn ang="0">
                  <a:pos x="9831" y="1080"/>
                </a:cxn>
                <a:cxn ang="0">
                  <a:pos x="9970" y="910"/>
                </a:cxn>
                <a:cxn ang="0">
                  <a:pos x="9739" y="810"/>
                </a:cxn>
                <a:cxn ang="0">
                  <a:pos x="9485" y="419"/>
                </a:cxn>
                <a:cxn ang="0">
                  <a:pos x="9940" y="186"/>
                </a:cxn>
                <a:cxn ang="0">
                  <a:pos x="10068" y="1034"/>
                </a:cxn>
                <a:cxn ang="0">
                  <a:pos x="9686" y="477"/>
                </a:cxn>
                <a:cxn ang="0">
                  <a:pos x="9964" y="650"/>
                </a:cxn>
                <a:cxn ang="0">
                  <a:pos x="9198" y="809"/>
                </a:cxn>
                <a:cxn ang="0">
                  <a:pos x="8715" y="727"/>
                </a:cxn>
                <a:cxn ang="0">
                  <a:pos x="9057" y="429"/>
                </a:cxn>
                <a:cxn ang="0">
                  <a:pos x="8889" y="181"/>
                </a:cxn>
                <a:cxn ang="0">
                  <a:pos x="9380" y="372"/>
                </a:cxn>
                <a:cxn ang="0">
                  <a:pos x="8926" y="692"/>
                </a:cxn>
                <a:cxn ang="0">
                  <a:pos x="8359" y="342"/>
                </a:cxn>
                <a:cxn ang="0">
                  <a:pos x="8095" y="239"/>
                </a:cxn>
                <a:cxn ang="0">
                  <a:pos x="8566" y="291"/>
                </a:cxn>
                <a:cxn ang="0">
                  <a:pos x="7198" y="807"/>
                </a:cxn>
                <a:cxn ang="0">
                  <a:pos x="7154" y="473"/>
                </a:cxn>
                <a:cxn ang="0">
                  <a:pos x="7375" y="289"/>
                </a:cxn>
                <a:cxn ang="0">
                  <a:pos x="7678" y="240"/>
                </a:cxn>
                <a:cxn ang="0">
                  <a:pos x="7260" y="590"/>
                </a:cxn>
                <a:cxn ang="0">
                  <a:pos x="7554" y="532"/>
                </a:cxn>
                <a:cxn ang="0">
                  <a:pos x="4892" y="745"/>
                </a:cxn>
                <a:cxn ang="0">
                  <a:pos x="5153" y="697"/>
                </a:cxn>
                <a:cxn ang="0">
                  <a:pos x="4355" y="677"/>
                </a:cxn>
                <a:cxn ang="0">
                  <a:pos x="4254" y="790"/>
                </a:cxn>
                <a:cxn ang="0">
                  <a:pos x="4121" y="308"/>
                </a:cxn>
                <a:cxn ang="0">
                  <a:pos x="4663" y="242"/>
                </a:cxn>
                <a:cxn ang="0">
                  <a:pos x="4502" y="303"/>
                </a:cxn>
                <a:cxn ang="0">
                  <a:pos x="3453" y="803"/>
                </a:cxn>
                <a:cxn ang="0">
                  <a:pos x="3754" y="592"/>
                </a:cxn>
                <a:cxn ang="0">
                  <a:pos x="3432" y="271"/>
                </a:cxn>
                <a:cxn ang="0">
                  <a:pos x="3768" y="285"/>
                </a:cxn>
                <a:cxn ang="0">
                  <a:pos x="3919" y="480"/>
                </a:cxn>
                <a:cxn ang="0">
                  <a:pos x="3861" y="797"/>
                </a:cxn>
                <a:cxn ang="0">
                  <a:pos x="3099" y="684"/>
                </a:cxn>
                <a:cxn ang="0">
                  <a:pos x="2749" y="431"/>
                </a:cxn>
                <a:cxn ang="0">
                  <a:pos x="3084" y="171"/>
                </a:cxn>
                <a:cxn ang="0">
                  <a:pos x="2945" y="373"/>
                </a:cxn>
                <a:cxn ang="0">
                  <a:pos x="3319" y="677"/>
                </a:cxn>
                <a:cxn ang="0">
                  <a:pos x="2314" y="484"/>
                </a:cxn>
              </a:cxnLst>
              <a:rect l="0" t="0" r="r" b="b"/>
              <a:pathLst>
                <a:path w="14384" h="1080">
                  <a:moveTo>
                    <a:pt x="220" y="824"/>
                  </a:moveTo>
                  <a:lnTo>
                    <a:pt x="194" y="824"/>
                  </a:lnTo>
                  <a:lnTo>
                    <a:pt x="167" y="823"/>
                  </a:lnTo>
                  <a:lnTo>
                    <a:pt x="139" y="822"/>
                  </a:lnTo>
                  <a:lnTo>
                    <a:pt x="111" y="821"/>
                  </a:lnTo>
                  <a:lnTo>
                    <a:pt x="82" y="819"/>
                  </a:lnTo>
                  <a:lnTo>
                    <a:pt x="54" y="817"/>
                  </a:lnTo>
                  <a:lnTo>
                    <a:pt x="26" y="814"/>
                  </a:lnTo>
                  <a:lnTo>
                    <a:pt x="0" y="811"/>
                  </a:lnTo>
                  <a:lnTo>
                    <a:pt x="0" y="656"/>
                  </a:lnTo>
                  <a:lnTo>
                    <a:pt x="25" y="662"/>
                  </a:lnTo>
                  <a:lnTo>
                    <a:pt x="52" y="666"/>
                  </a:lnTo>
                  <a:lnTo>
                    <a:pt x="77" y="669"/>
                  </a:lnTo>
                  <a:lnTo>
                    <a:pt x="103" y="671"/>
                  </a:lnTo>
                  <a:lnTo>
                    <a:pt x="127" y="672"/>
                  </a:lnTo>
                  <a:lnTo>
                    <a:pt x="148" y="673"/>
                  </a:lnTo>
                  <a:lnTo>
                    <a:pt x="168" y="674"/>
                  </a:lnTo>
                  <a:lnTo>
                    <a:pt x="183" y="674"/>
                  </a:lnTo>
                  <a:lnTo>
                    <a:pt x="203" y="673"/>
                  </a:lnTo>
                  <a:lnTo>
                    <a:pt x="223" y="670"/>
                  </a:lnTo>
                  <a:lnTo>
                    <a:pt x="241" y="666"/>
                  </a:lnTo>
                  <a:lnTo>
                    <a:pt x="257" y="660"/>
                  </a:lnTo>
                  <a:lnTo>
                    <a:pt x="272" y="652"/>
                  </a:lnTo>
                  <a:lnTo>
                    <a:pt x="285" y="644"/>
                  </a:lnTo>
                  <a:lnTo>
                    <a:pt x="297" y="634"/>
                  </a:lnTo>
                  <a:lnTo>
                    <a:pt x="308" y="623"/>
                  </a:lnTo>
                  <a:lnTo>
                    <a:pt x="317" y="611"/>
                  </a:lnTo>
                  <a:lnTo>
                    <a:pt x="326" y="598"/>
                  </a:lnTo>
                  <a:lnTo>
                    <a:pt x="332" y="582"/>
                  </a:lnTo>
                  <a:lnTo>
                    <a:pt x="338" y="566"/>
                  </a:lnTo>
                  <a:lnTo>
                    <a:pt x="342" y="549"/>
                  </a:lnTo>
                  <a:lnTo>
                    <a:pt x="345" y="531"/>
                  </a:lnTo>
                  <a:lnTo>
                    <a:pt x="346" y="511"/>
                  </a:lnTo>
                  <a:lnTo>
                    <a:pt x="347" y="491"/>
                  </a:lnTo>
                  <a:lnTo>
                    <a:pt x="347" y="0"/>
                  </a:lnTo>
                  <a:lnTo>
                    <a:pt x="586" y="0"/>
                  </a:lnTo>
                  <a:lnTo>
                    <a:pt x="586" y="518"/>
                  </a:lnTo>
                  <a:lnTo>
                    <a:pt x="586" y="536"/>
                  </a:lnTo>
                  <a:lnTo>
                    <a:pt x="584" y="553"/>
                  </a:lnTo>
                  <a:lnTo>
                    <a:pt x="582" y="569"/>
                  </a:lnTo>
                  <a:lnTo>
                    <a:pt x="580" y="584"/>
                  </a:lnTo>
                  <a:lnTo>
                    <a:pt x="576" y="601"/>
                  </a:lnTo>
                  <a:lnTo>
                    <a:pt x="572" y="616"/>
                  </a:lnTo>
                  <a:lnTo>
                    <a:pt x="567" y="630"/>
                  </a:lnTo>
                  <a:lnTo>
                    <a:pt x="561" y="644"/>
                  </a:lnTo>
                  <a:lnTo>
                    <a:pt x="553" y="659"/>
                  </a:lnTo>
                  <a:lnTo>
                    <a:pt x="546" y="672"/>
                  </a:lnTo>
                  <a:lnTo>
                    <a:pt x="538" y="684"/>
                  </a:lnTo>
                  <a:lnTo>
                    <a:pt x="530" y="696"/>
                  </a:lnTo>
                  <a:lnTo>
                    <a:pt x="520" y="708"/>
                  </a:lnTo>
                  <a:lnTo>
                    <a:pt x="510" y="719"/>
                  </a:lnTo>
                  <a:lnTo>
                    <a:pt x="500" y="731"/>
                  </a:lnTo>
                  <a:lnTo>
                    <a:pt x="487" y="741"/>
                  </a:lnTo>
                  <a:lnTo>
                    <a:pt x="475" y="751"/>
                  </a:lnTo>
                  <a:lnTo>
                    <a:pt x="463" y="760"/>
                  </a:lnTo>
                  <a:lnTo>
                    <a:pt x="449" y="768"/>
                  </a:lnTo>
                  <a:lnTo>
                    <a:pt x="435" y="776"/>
                  </a:lnTo>
                  <a:lnTo>
                    <a:pt x="420" y="783"/>
                  </a:lnTo>
                  <a:lnTo>
                    <a:pt x="405" y="791"/>
                  </a:lnTo>
                  <a:lnTo>
                    <a:pt x="389" y="797"/>
                  </a:lnTo>
                  <a:lnTo>
                    <a:pt x="372" y="803"/>
                  </a:lnTo>
                  <a:lnTo>
                    <a:pt x="355" y="808"/>
                  </a:lnTo>
                  <a:lnTo>
                    <a:pt x="338" y="812"/>
                  </a:lnTo>
                  <a:lnTo>
                    <a:pt x="319" y="816"/>
                  </a:lnTo>
                  <a:lnTo>
                    <a:pt x="300" y="819"/>
                  </a:lnTo>
                  <a:lnTo>
                    <a:pt x="281" y="821"/>
                  </a:lnTo>
                  <a:lnTo>
                    <a:pt x="261" y="823"/>
                  </a:lnTo>
                  <a:lnTo>
                    <a:pt x="241" y="824"/>
                  </a:lnTo>
                  <a:lnTo>
                    <a:pt x="220" y="824"/>
                  </a:lnTo>
                  <a:close/>
                  <a:moveTo>
                    <a:pt x="14216" y="824"/>
                  </a:moveTo>
                  <a:lnTo>
                    <a:pt x="14183" y="823"/>
                  </a:lnTo>
                  <a:lnTo>
                    <a:pt x="14151" y="821"/>
                  </a:lnTo>
                  <a:lnTo>
                    <a:pt x="14137" y="819"/>
                  </a:lnTo>
                  <a:lnTo>
                    <a:pt x="14123" y="817"/>
                  </a:lnTo>
                  <a:lnTo>
                    <a:pt x="14110" y="814"/>
                  </a:lnTo>
                  <a:lnTo>
                    <a:pt x="14098" y="811"/>
                  </a:lnTo>
                  <a:lnTo>
                    <a:pt x="14087" y="807"/>
                  </a:lnTo>
                  <a:lnTo>
                    <a:pt x="14076" y="803"/>
                  </a:lnTo>
                  <a:lnTo>
                    <a:pt x="14065" y="798"/>
                  </a:lnTo>
                  <a:lnTo>
                    <a:pt x="14055" y="793"/>
                  </a:lnTo>
                  <a:lnTo>
                    <a:pt x="14046" y="787"/>
                  </a:lnTo>
                  <a:lnTo>
                    <a:pt x="14038" y="781"/>
                  </a:lnTo>
                  <a:lnTo>
                    <a:pt x="14030" y="775"/>
                  </a:lnTo>
                  <a:lnTo>
                    <a:pt x="14023" y="768"/>
                  </a:lnTo>
                  <a:lnTo>
                    <a:pt x="14016" y="761"/>
                  </a:lnTo>
                  <a:lnTo>
                    <a:pt x="14010" y="753"/>
                  </a:lnTo>
                  <a:lnTo>
                    <a:pt x="14003" y="745"/>
                  </a:lnTo>
                  <a:lnTo>
                    <a:pt x="13998" y="736"/>
                  </a:lnTo>
                  <a:lnTo>
                    <a:pt x="13993" y="727"/>
                  </a:lnTo>
                  <a:lnTo>
                    <a:pt x="13989" y="716"/>
                  </a:lnTo>
                  <a:lnTo>
                    <a:pt x="13985" y="706"/>
                  </a:lnTo>
                  <a:lnTo>
                    <a:pt x="13982" y="695"/>
                  </a:lnTo>
                  <a:lnTo>
                    <a:pt x="13979" y="684"/>
                  </a:lnTo>
                  <a:lnTo>
                    <a:pt x="13977" y="672"/>
                  </a:lnTo>
                  <a:lnTo>
                    <a:pt x="13975" y="660"/>
                  </a:lnTo>
                  <a:lnTo>
                    <a:pt x="13973" y="646"/>
                  </a:lnTo>
                  <a:lnTo>
                    <a:pt x="13971" y="619"/>
                  </a:lnTo>
                  <a:lnTo>
                    <a:pt x="13970" y="589"/>
                  </a:lnTo>
                  <a:lnTo>
                    <a:pt x="13970" y="39"/>
                  </a:lnTo>
                  <a:lnTo>
                    <a:pt x="14168" y="39"/>
                  </a:lnTo>
                  <a:lnTo>
                    <a:pt x="14168" y="183"/>
                  </a:lnTo>
                  <a:lnTo>
                    <a:pt x="14384" y="183"/>
                  </a:lnTo>
                  <a:lnTo>
                    <a:pt x="14384" y="306"/>
                  </a:lnTo>
                  <a:lnTo>
                    <a:pt x="14168" y="306"/>
                  </a:lnTo>
                  <a:lnTo>
                    <a:pt x="14168" y="545"/>
                  </a:lnTo>
                  <a:lnTo>
                    <a:pt x="14169" y="566"/>
                  </a:lnTo>
                  <a:lnTo>
                    <a:pt x="14170" y="586"/>
                  </a:lnTo>
                  <a:lnTo>
                    <a:pt x="14171" y="604"/>
                  </a:lnTo>
                  <a:lnTo>
                    <a:pt x="14174" y="620"/>
                  </a:lnTo>
                  <a:lnTo>
                    <a:pt x="14177" y="633"/>
                  </a:lnTo>
                  <a:lnTo>
                    <a:pt x="14180" y="645"/>
                  </a:lnTo>
                  <a:lnTo>
                    <a:pt x="14186" y="656"/>
                  </a:lnTo>
                  <a:lnTo>
                    <a:pt x="14191" y="666"/>
                  </a:lnTo>
                  <a:lnTo>
                    <a:pt x="14198" y="673"/>
                  </a:lnTo>
                  <a:lnTo>
                    <a:pt x="14205" y="679"/>
                  </a:lnTo>
                  <a:lnTo>
                    <a:pt x="14212" y="685"/>
                  </a:lnTo>
                  <a:lnTo>
                    <a:pt x="14221" y="689"/>
                  </a:lnTo>
                  <a:lnTo>
                    <a:pt x="14230" y="692"/>
                  </a:lnTo>
                  <a:lnTo>
                    <a:pt x="14242" y="694"/>
                  </a:lnTo>
                  <a:lnTo>
                    <a:pt x="14253" y="696"/>
                  </a:lnTo>
                  <a:lnTo>
                    <a:pt x="14265" y="697"/>
                  </a:lnTo>
                  <a:lnTo>
                    <a:pt x="14275" y="698"/>
                  </a:lnTo>
                  <a:lnTo>
                    <a:pt x="14287" y="697"/>
                  </a:lnTo>
                  <a:lnTo>
                    <a:pt x="14302" y="697"/>
                  </a:lnTo>
                  <a:lnTo>
                    <a:pt x="14317" y="695"/>
                  </a:lnTo>
                  <a:lnTo>
                    <a:pt x="14333" y="693"/>
                  </a:lnTo>
                  <a:lnTo>
                    <a:pt x="14349" y="690"/>
                  </a:lnTo>
                  <a:lnTo>
                    <a:pt x="14367" y="687"/>
                  </a:lnTo>
                  <a:lnTo>
                    <a:pt x="14384" y="682"/>
                  </a:lnTo>
                  <a:lnTo>
                    <a:pt x="14384" y="811"/>
                  </a:lnTo>
                  <a:lnTo>
                    <a:pt x="14365" y="814"/>
                  </a:lnTo>
                  <a:lnTo>
                    <a:pt x="14343" y="817"/>
                  </a:lnTo>
                  <a:lnTo>
                    <a:pt x="14321" y="819"/>
                  </a:lnTo>
                  <a:lnTo>
                    <a:pt x="14299" y="821"/>
                  </a:lnTo>
                  <a:lnTo>
                    <a:pt x="14276" y="822"/>
                  </a:lnTo>
                  <a:lnTo>
                    <a:pt x="14254" y="823"/>
                  </a:lnTo>
                  <a:lnTo>
                    <a:pt x="14234" y="824"/>
                  </a:lnTo>
                  <a:lnTo>
                    <a:pt x="14216" y="824"/>
                  </a:lnTo>
                  <a:close/>
                  <a:moveTo>
                    <a:pt x="13638" y="809"/>
                  </a:moveTo>
                  <a:lnTo>
                    <a:pt x="13638" y="516"/>
                  </a:lnTo>
                  <a:lnTo>
                    <a:pt x="13638" y="495"/>
                  </a:lnTo>
                  <a:lnTo>
                    <a:pt x="13638" y="474"/>
                  </a:lnTo>
                  <a:lnTo>
                    <a:pt x="13637" y="453"/>
                  </a:lnTo>
                  <a:lnTo>
                    <a:pt x="13636" y="434"/>
                  </a:lnTo>
                  <a:lnTo>
                    <a:pt x="13633" y="415"/>
                  </a:lnTo>
                  <a:lnTo>
                    <a:pt x="13630" y="398"/>
                  </a:lnTo>
                  <a:lnTo>
                    <a:pt x="13625" y="381"/>
                  </a:lnTo>
                  <a:lnTo>
                    <a:pt x="13619" y="367"/>
                  </a:lnTo>
                  <a:lnTo>
                    <a:pt x="13615" y="360"/>
                  </a:lnTo>
                  <a:lnTo>
                    <a:pt x="13611" y="353"/>
                  </a:lnTo>
                  <a:lnTo>
                    <a:pt x="13606" y="347"/>
                  </a:lnTo>
                  <a:lnTo>
                    <a:pt x="13600" y="342"/>
                  </a:lnTo>
                  <a:lnTo>
                    <a:pt x="13595" y="336"/>
                  </a:lnTo>
                  <a:lnTo>
                    <a:pt x="13589" y="331"/>
                  </a:lnTo>
                  <a:lnTo>
                    <a:pt x="13582" y="326"/>
                  </a:lnTo>
                  <a:lnTo>
                    <a:pt x="13575" y="322"/>
                  </a:lnTo>
                  <a:lnTo>
                    <a:pt x="13567" y="318"/>
                  </a:lnTo>
                  <a:lnTo>
                    <a:pt x="13559" y="315"/>
                  </a:lnTo>
                  <a:lnTo>
                    <a:pt x="13549" y="312"/>
                  </a:lnTo>
                  <a:lnTo>
                    <a:pt x="13539" y="310"/>
                  </a:lnTo>
                  <a:lnTo>
                    <a:pt x="13528" y="308"/>
                  </a:lnTo>
                  <a:lnTo>
                    <a:pt x="13517" y="307"/>
                  </a:lnTo>
                  <a:lnTo>
                    <a:pt x="13505" y="306"/>
                  </a:lnTo>
                  <a:lnTo>
                    <a:pt x="13492" y="306"/>
                  </a:lnTo>
                  <a:lnTo>
                    <a:pt x="13481" y="306"/>
                  </a:lnTo>
                  <a:lnTo>
                    <a:pt x="13471" y="307"/>
                  </a:lnTo>
                  <a:lnTo>
                    <a:pt x="13461" y="308"/>
                  </a:lnTo>
                  <a:lnTo>
                    <a:pt x="13450" y="310"/>
                  </a:lnTo>
                  <a:lnTo>
                    <a:pt x="13439" y="312"/>
                  </a:lnTo>
                  <a:lnTo>
                    <a:pt x="13428" y="315"/>
                  </a:lnTo>
                  <a:lnTo>
                    <a:pt x="13417" y="319"/>
                  </a:lnTo>
                  <a:lnTo>
                    <a:pt x="13407" y="323"/>
                  </a:lnTo>
                  <a:lnTo>
                    <a:pt x="13396" y="328"/>
                  </a:lnTo>
                  <a:lnTo>
                    <a:pt x="13386" y="334"/>
                  </a:lnTo>
                  <a:lnTo>
                    <a:pt x="13376" y="340"/>
                  </a:lnTo>
                  <a:lnTo>
                    <a:pt x="13365" y="347"/>
                  </a:lnTo>
                  <a:lnTo>
                    <a:pt x="13355" y="354"/>
                  </a:lnTo>
                  <a:lnTo>
                    <a:pt x="13346" y="362"/>
                  </a:lnTo>
                  <a:lnTo>
                    <a:pt x="13337" y="371"/>
                  </a:lnTo>
                  <a:lnTo>
                    <a:pt x="13328" y="381"/>
                  </a:lnTo>
                  <a:lnTo>
                    <a:pt x="13328" y="809"/>
                  </a:lnTo>
                  <a:lnTo>
                    <a:pt x="13130" y="809"/>
                  </a:lnTo>
                  <a:lnTo>
                    <a:pt x="13130" y="183"/>
                  </a:lnTo>
                  <a:lnTo>
                    <a:pt x="13328" y="183"/>
                  </a:lnTo>
                  <a:lnTo>
                    <a:pt x="13328" y="248"/>
                  </a:lnTo>
                  <a:lnTo>
                    <a:pt x="13338" y="239"/>
                  </a:lnTo>
                  <a:lnTo>
                    <a:pt x="13348" y="231"/>
                  </a:lnTo>
                  <a:lnTo>
                    <a:pt x="13359" y="224"/>
                  </a:lnTo>
                  <a:lnTo>
                    <a:pt x="13371" y="217"/>
                  </a:lnTo>
                  <a:lnTo>
                    <a:pt x="13385" y="210"/>
                  </a:lnTo>
                  <a:lnTo>
                    <a:pt x="13398" y="204"/>
                  </a:lnTo>
                  <a:lnTo>
                    <a:pt x="13411" y="197"/>
                  </a:lnTo>
                  <a:lnTo>
                    <a:pt x="13426" y="192"/>
                  </a:lnTo>
                  <a:lnTo>
                    <a:pt x="13441" y="187"/>
                  </a:lnTo>
                  <a:lnTo>
                    <a:pt x="13456" y="183"/>
                  </a:lnTo>
                  <a:lnTo>
                    <a:pt x="13472" y="179"/>
                  </a:lnTo>
                  <a:lnTo>
                    <a:pt x="13487" y="176"/>
                  </a:lnTo>
                  <a:lnTo>
                    <a:pt x="13504" y="174"/>
                  </a:lnTo>
                  <a:lnTo>
                    <a:pt x="13521" y="172"/>
                  </a:lnTo>
                  <a:lnTo>
                    <a:pt x="13537" y="171"/>
                  </a:lnTo>
                  <a:lnTo>
                    <a:pt x="13555" y="170"/>
                  </a:lnTo>
                  <a:lnTo>
                    <a:pt x="13577" y="171"/>
                  </a:lnTo>
                  <a:lnTo>
                    <a:pt x="13598" y="172"/>
                  </a:lnTo>
                  <a:lnTo>
                    <a:pt x="13619" y="174"/>
                  </a:lnTo>
                  <a:lnTo>
                    <a:pt x="13638" y="177"/>
                  </a:lnTo>
                  <a:lnTo>
                    <a:pt x="13655" y="180"/>
                  </a:lnTo>
                  <a:lnTo>
                    <a:pt x="13673" y="184"/>
                  </a:lnTo>
                  <a:lnTo>
                    <a:pt x="13689" y="189"/>
                  </a:lnTo>
                  <a:lnTo>
                    <a:pt x="13703" y="195"/>
                  </a:lnTo>
                  <a:lnTo>
                    <a:pt x="13717" y="202"/>
                  </a:lnTo>
                  <a:lnTo>
                    <a:pt x="13730" y="208"/>
                  </a:lnTo>
                  <a:lnTo>
                    <a:pt x="13742" y="216"/>
                  </a:lnTo>
                  <a:lnTo>
                    <a:pt x="13753" y="223"/>
                  </a:lnTo>
                  <a:lnTo>
                    <a:pt x="13763" y="232"/>
                  </a:lnTo>
                  <a:lnTo>
                    <a:pt x="13773" y="240"/>
                  </a:lnTo>
                  <a:lnTo>
                    <a:pt x="13782" y="250"/>
                  </a:lnTo>
                  <a:lnTo>
                    <a:pt x="13790" y="259"/>
                  </a:lnTo>
                  <a:lnTo>
                    <a:pt x="13797" y="270"/>
                  </a:lnTo>
                  <a:lnTo>
                    <a:pt x="13803" y="281"/>
                  </a:lnTo>
                  <a:lnTo>
                    <a:pt x="13809" y="291"/>
                  </a:lnTo>
                  <a:lnTo>
                    <a:pt x="13814" y="302"/>
                  </a:lnTo>
                  <a:lnTo>
                    <a:pt x="13818" y="314"/>
                  </a:lnTo>
                  <a:lnTo>
                    <a:pt x="13822" y="325"/>
                  </a:lnTo>
                  <a:lnTo>
                    <a:pt x="13826" y="338"/>
                  </a:lnTo>
                  <a:lnTo>
                    <a:pt x="13829" y="350"/>
                  </a:lnTo>
                  <a:lnTo>
                    <a:pt x="13833" y="375"/>
                  </a:lnTo>
                  <a:lnTo>
                    <a:pt x="13837" y="401"/>
                  </a:lnTo>
                  <a:lnTo>
                    <a:pt x="13839" y="426"/>
                  </a:lnTo>
                  <a:lnTo>
                    <a:pt x="13839" y="452"/>
                  </a:lnTo>
                  <a:lnTo>
                    <a:pt x="13839" y="809"/>
                  </a:lnTo>
                  <a:lnTo>
                    <a:pt x="13638" y="809"/>
                  </a:lnTo>
                  <a:close/>
                  <a:moveTo>
                    <a:pt x="12516" y="549"/>
                  </a:moveTo>
                  <a:lnTo>
                    <a:pt x="12517" y="558"/>
                  </a:lnTo>
                  <a:lnTo>
                    <a:pt x="12519" y="567"/>
                  </a:lnTo>
                  <a:lnTo>
                    <a:pt x="12521" y="576"/>
                  </a:lnTo>
                  <a:lnTo>
                    <a:pt x="12524" y="584"/>
                  </a:lnTo>
                  <a:lnTo>
                    <a:pt x="12527" y="593"/>
                  </a:lnTo>
                  <a:lnTo>
                    <a:pt x="12530" y="600"/>
                  </a:lnTo>
                  <a:lnTo>
                    <a:pt x="12534" y="608"/>
                  </a:lnTo>
                  <a:lnTo>
                    <a:pt x="12538" y="615"/>
                  </a:lnTo>
                  <a:lnTo>
                    <a:pt x="12547" y="628"/>
                  </a:lnTo>
                  <a:lnTo>
                    <a:pt x="12558" y="640"/>
                  </a:lnTo>
                  <a:lnTo>
                    <a:pt x="12572" y="651"/>
                  </a:lnTo>
                  <a:lnTo>
                    <a:pt x="12586" y="661"/>
                  </a:lnTo>
                  <a:lnTo>
                    <a:pt x="12601" y="670"/>
                  </a:lnTo>
                  <a:lnTo>
                    <a:pt x="12618" y="677"/>
                  </a:lnTo>
                  <a:lnTo>
                    <a:pt x="12636" y="683"/>
                  </a:lnTo>
                  <a:lnTo>
                    <a:pt x="12655" y="688"/>
                  </a:lnTo>
                  <a:lnTo>
                    <a:pt x="12676" y="692"/>
                  </a:lnTo>
                  <a:lnTo>
                    <a:pt x="12698" y="695"/>
                  </a:lnTo>
                  <a:lnTo>
                    <a:pt x="12720" y="697"/>
                  </a:lnTo>
                  <a:lnTo>
                    <a:pt x="12745" y="697"/>
                  </a:lnTo>
                  <a:lnTo>
                    <a:pt x="12773" y="697"/>
                  </a:lnTo>
                  <a:lnTo>
                    <a:pt x="12800" y="695"/>
                  </a:lnTo>
                  <a:lnTo>
                    <a:pt x="12825" y="693"/>
                  </a:lnTo>
                  <a:lnTo>
                    <a:pt x="12850" y="690"/>
                  </a:lnTo>
                  <a:lnTo>
                    <a:pt x="12875" y="686"/>
                  </a:lnTo>
                  <a:lnTo>
                    <a:pt x="12900" y="681"/>
                  </a:lnTo>
                  <a:lnTo>
                    <a:pt x="12926" y="675"/>
                  </a:lnTo>
                  <a:lnTo>
                    <a:pt x="12953" y="667"/>
                  </a:lnTo>
                  <a:lnTo>
                    <a:pt x="12953" y="794"/>
                  </a:lnTo>
                  <a:lnTo>
                    <a:pt x="12929" y="801"/>
                  </a:lnTo>
                  <a:lnTo>
                    <a:pt x="12904" y="806"/>
                  </a:lnTo>
                  <a:lnTo>
                    <a:pt x="12878" y="811"/>
                  </a:lnTo>
                  <a:lnTo>
                    <a:pt x="12851" y="816"/>
                  </a:lnTo>
                  <a:lnTo>
                    <a:pt x="12823" y="819"/>
                  </a:lnTo>
                  <a:lnTo>
                    <a:pt x="12793" y="822"/>
                  </a:lnTo>
                  <a:lnTo>
                    <a:pt x="12761" y="823"/>
                  </a:lnTo>
                  <a:lnTo>
                    <a:pt x="12727" y="824"/>
                  </a:lnTo>
                  <a:lnTo>
                    <a:pt x="12706" y="824"/>
                  </a:lnTo>
                  <a:lnTo>
                    <a:pt x="12685" y="823"/>
                  </a:lnTo>
                  <a:lnTo>
                    <a:pt x="12664" y="822"/>
                  </a:lnTo>
                  <a:lnTo>
                    <a:pt x="12644" y="820"/>
                  </a:lnTo>
                  <a:lnTo>
                    <a:pt x="12625" y="817"/>
                  </a:lnTo>
                  <a:lnTo>
                    <a:pt x="12605" y="814"/>
                  </a:lnTo>
                  <a:lnTo>
                    <a:pt x="12587" y="811"/>
                  </a:lnTo>
                  <a:lnTo>
                    <a:pt x="12569" y="806"/>
                  </a:lnTo>
                  <a:lnTo>
                    <a:pt x="12550" y="801"/>
                  </a:lnTo>
                  <a:lnTo>
                    <a:pt x="12533" y="796"/>
                  </a:lnTo>
                  <a:lnTo>
                    <a:pt x="12517" y="790"/>
                  </a:lnTo>
                  <a:lnTo>
                    <a:pt x="12500" y="782"/>
                  </a:lnTo>
                  <a:lnTo>
                    <a:pt x="12485" y="775"/>
                  </a:lnTo>
                  <a:lnTo>
                    <a:pt x="12470" y="767"/>
                  </a:lnTo>
                  <a:lnTo>
                    <a:pt x="12456" y="758"/>
                  </a:lnTo>
                  <a:lnTo>
                    <a:pt x="12442" y="749"/>
                  </a:lnTo>
                  <a:lnTo>
                    <a:pt x="12429" y="739"/>
                  </a:lnTo>
                  <a:lnTo>
                    <a:pt x="12417" y="729"/>
                  </a:lnTo>
                  <a:lnTo>
                    <a:pt x="12405" y="716"/>
                  </a:lnTo>
                  <a:lnTo>
                    <a:pt x="12395" y="704"/>
                  </a:lnTo>
                  <a:lnTo>
                    <a:pt x="12384" y="692"/>
                  </a:lnTo>
                  <a:lnTo>
                    <a:pt x="12375" y="678"/>
                  </a:lnTo>
                  <a:lnTo>
                    <a:pt x="12366" y="664"/>
                  </a:lnTo>
                  <a:lnTo>
                    <a:pt x="12359" y="649"/>
                  </a:lnTo>
                  <a:lnTo>
                    <a:pt x="12352" y="633"/>
                  </a:lnTo>
                  <a:lnTo>
                    <a:pt x="12346" y="617"/>
                  </a:lnTo>
                  <a:lnTo>
                    <a:pt x="12341" y="600"/>
                  </a:lnTo>
                  <a:lnTo>
                    <a:pt x="12337" y="581"/>
                  </a:lnTo>
                  <a:lnTo>
                    <a:pt x="12332" y="563"/>
                  </a:lnTo>
                  <a:lnTo>
                    <a:pt x="12330" y="543"/>
                  </a:lnTo>
                  <a:lnTo>
                    <a:pt x="12328" y="522"/>
                  </a:lnTo>
                  <a:lnTo>
                    <a:pt x="12328" y="501"/>
                  </a:lnTo>
                  <a:lnTo>
                    <a:pt x="12328" y="485"/>
                  </a:lnTo>
                  <a:lnTo>
                    <a:pt x="12329" y="470"/>
                  </a:lnTo>
                  <a:lnTo>
                    <a:pt x="12331" y="453"/>
                  </a:lnTo>
                  <a:lnTo>
                    <a:pt x="12333" y="438"/>
                  </a:lnTo>
                  <a:lnTo>
                    <a:pt x="12337" y="422"/>
                  </a:lnTo>
                  <a:lnTo>
                    <a:pt x="12340" y="407"/>
                  </a:lnTo>
                  <a:lnTo>
                    <a:pt x="12345" y="392"/>
                  </a:lnTo>
                  <a:lnTo>
                    <a:pt x="12350" y="377"/>
                  </a:lnTo>
                  <a:lnTo>
                    <a:pt x="12355" y="363"/>
                  </a:lnTo>
                  <a:lnTo>
                    <a:pt x="12361" y="349"/>
                  </a:lnTo>
                  <a:lnTo>
                    <a:pt x="12368" y="335"/>
                  </a:lnTo>
                  <a:lnTo>
                    <a:pt x="12376" y="321"/>
                  </a:lnTo>
                  <a:lnTo>
                    <a:pt x="12384" y="308"/>
                  </a:lnTo>
                  <a:lnTo>
                    <a:pt x="12394" y="295"/>
                  </a:lnTo>
                  <a:lnTo>
                    <a:pt x="12403" y="283"/>
                  </a:lnTo>
                  <a:lnTo>
                    <a:pt x="12414" y="272"/>
                  </a:lnTo>
                  <a:lnTo>
                    <a:pt x="12425" y="260"/>
                  </a:lnTo>
                  <a:lnTo>
                    <a:pt x="12436" y="249"/>
                  </a:lnTo>
                  <a:lnTo>
                    <a:pt x="12449" y="239"/>
                  </a:lnTo>
                  <a:lnTo>
                    <a:pt x="12463" y="230"/>
                  </a:lnTo>
                  <a:lnTo>
                    <a:pt x="12476" y="221"/>
                  </a:lnTo>
                  <a:lnTo>
                    <a:pt x="12491" y="213"/>
                  </a:lnTo>
                  <a:lnTo>
                    <a:pt x="12506" y="205"/>
                  </a:lnTo>
                  <a:lnTo>
                    <a:pt x="12523" y="197"/>
                  </a:lnTo>
                  <a:lnTo>
                    <a:pt x="12540" y="191"/>
                  </a:lnTo>
                  <a:lnTo>
                    <a:pt x="12557" y="186"/>
                  </a:lnTo>
                  <a:lnTo>
                    <a:pt x="12576" y="181"/>
                  </a:lnTo>
                  <a:lnTo>
                    <a:pt x="12595" y="177"/>
                  </a:lnTo>
                  <a:lnTo>
                    <a:pt x="12615" y="174"/>
                  </a:lnTo>
                  <a:lnTo>
                    <a:pt x="12636" y="172"/>
                  </a:lnTo>
                  <a:lnTo>
                    <a:pt x="12657" y="171"/>
                  </a:lnTo>
                  <a:lnTo>
                    <a:pt x="12679" y="170"/>
                  </a:lnTo>
                  <a:lnTo>
                    <a:pt x="12702" y="171"/>
                  </a:lnTo>
                  <a:lnTo>
                    <a:pt x="12722" y="172"/>
                  </a:lnTo>
                  <a:lnTo>
                    <a:pt x="12743" y="173"/>
                  </a:lnTo>
                  <a:lnTo>
                    <a:pt x="12762" y="176"/>
                  </a:lnTo>
                  <a:lnTo>
                    <a:pt x="12780" y="179"/>
                  </a:lnTo>
                  <a:lnTo>
                    <a:pt x="12799" y="182"/>
                  </a:lnTo>
                  <a:lnTo>
                    <a:pt x="12816" y="187"/>
                  </a:lnTo>
                  <a:lnTo>
                    <a:pt x="12832" y="192"/>
                  </a:lnTo>
                  <a:lnTo>
                    <a:pt x="12847" y="197"/>
                  </a:lnTo>
                  <a:lnTo>
                    <a:pt x="12862" y="204"/>
                  </a:lnTo>
                  <a:lnTo>
                    <a:pt x="12876" y="211"/>
                  </a:lnTo>
                  <a:lnTo>
                    <a:pt x="12889" y="218"/>
                  </a:lnTo>
                  <a:lnTo>
                    <a:pt x="12902" y="225"/>
                  </a:lnTo>
                  <a:lnTo>
                    <a:pt x="12915" y="233"/>
                  </a:lnTo>
                  <a:lnTo>
                    <a:pt x="12926" y="242"/>
                  </a:lnTo>
                  <a:lnTo>
                    <a:pt x="12936" y="251"/>
                  </a:lnTo>
                  <a:lnTo>
                    <a:pt x="12946" y="261"/>
                  </a:lnTo>
                  <a:lnTo>
                    <a:pt x="12955" y="272"/>
                  </a:lnTo>
                  <a:lnTo>
                    <a:pt x="12964" y="282"/>
                  </a:lnTo>
                  <a:lnTo>
                    <a:pt x="12973" y="293"/>
                  </a:lnTo>
                  <a:lnTo>
                    <a:pt x="12980" y="304"/>
                  </a:lnTo>
                  <a:lnTo>
                    <a:pt x="12987" y="316"/>
                  </a:lnTo>
                  <a:lnTo>
                    <a:pt x="12994" y="328"/>
                  </a:lnTo>
                  <a:lnTo>
                    <a:pt x="12999" y="341"/>
                  </a:lnTo>
                  <a:lnTo>
                    <a:pt x="13004" y="354"/>
                  </a:lnTo>
                  <a:lnTo>
                    <a:pt x="13009" y="367"/>
                  </a:lnTo>
                  <a:lnTo>
                    <a:pt x="13013" y="380"/>
                  </a:lnTo>
                  <a:lnTo>
                    <a:pt x="13017" y="394"/>
                  </a:lnTo>
                  <a:lnTo>
                    <a:pt x="13020" y="409"/>
                  </a:lnTo>
                  <a:lnTo>
                    <a:pt x="13022" y="423"/>
                  </a:lnTo>
                  <a:lnTo>
                    <a:pt x="13024" y="437"/>
                  </a:lnTo>
                  <a:lnTo>
                    <a:pt x="13026" y="452"/>
                  </a:lnTo>
                  <a:lnTo>
                    <a:pt x="13028" y="476"/>
                  </a:lnTo>
                  <a:lnTo>
                    <a:pt x="13029" y="502"/>
                  </a:lnTo>
                  <a:lnTo>
                    <a:pt x="13028" y="528"/>
                  </a:lnTo>
                  <a:lnTo>
                    <a:pt x="13026" y="549"/>
                  </a:lnTo>
                  <a:lnTo>
                    <a:pt x="12516" y="549"/>
                  </a:lnTo>
                  <a:close/>
                  <a:moveTo>
                    <a:pt x="12845" y="407"/>
                  </a:moveTo>
                  <a:lnTo>
                    <a:pt x="12842" y="394"/>
                  </a:lnTo>
                  <a:lnTo>
                    <a:pt x="12838" y="383"/>
                  </a:lnTo>
                  <a:lnTo>
                    <a:pt x="12834" y="372"/>
                  </a:lnTo>
                  <a:lnTo>
                    <a:pt x="12828" y="361"/>
                  </a:lnTo>
                  <a:lnTo>
                    <a:pt x="12822" y="351"/>
                  </a:lnTo>
                  <a:lnTo>
                    <a:pt x="12815" y="341"/>
                  </a:lnTo>
                  <a:lnTo>
                    <a:pt x="12807" y="333"/>
                  </a:lnTo>
                  <a:lnTo>
                    <a:pt x="12798" y="323"/>
                  </a:lnTo>
                  <a:lnTo>
                    <a:pt x="12788" y="316"/>
                  </a:lnTo>
                  <a:lnTo>
                    <a:pt x="12777" y="309"/>
                  </a:lnTo>
                  <a:lnTo>
                    <a:pt x="12765" y="303"/>
                  </a:lnTo>
                  <a:lnTo>
                    <a:pt x="12753" y="298"/>
                  </a:lnTo>
                  <a:lnTo>
                    <a:pt x="12739" y="294"/>
                  </a:lnTo>
                  <a:lnTo>
                    <a:pt x="12723" y="291"/>
                  </a:lnTo>
                  <a:lnTo>
                    <a:pt x="12708" y="289"/>
                  </a:lnTo>
                  <a:lnTo>
                    <a:pt x="12691" y="289"/>
                  </a:lnTo>
                  <a:lnTo>
                    <a:pt x="12670" y="290"/>
                  </a:lnTo>
                  <a:lnTo>
                    <a:pt x="12652" y="292"/>
                  </a:lnTo>
                  <a:lnTo>
                    <a:pt x="12634" y="296"/>
                  </a:lnTo>
                  <a:lnTo>
                    <a:pt x="12618" y="301"/>
                  </a:lnTo>
                  <a:lnTo>
                    <a:pt x="12603" y="307"/>
                  </a:lnTo>
                  <a:lnTo>
                    <a:pt x="12589" y="314"/>
                  </a:lnTo>
                  <a:lnTo>
                    <a:pt x="12577" y="323"/>
                  </a:lnTo>
                  <a:lnTo>
                    <a:pt x="12566" y="333"/>
                  </a:lnTo>
                  <a:lnTo>
                    <a:pt x="12555" y="344"/>
                  </a:lnTo>
                  <a:lnTo>
                    <a:pt x="12546" y="355"/>
                  </a:lnTo>
                  <a:lnTo>
                    <a:pt x="12538" y="367"/>
                  </a:lnTo>
                  <a:lnTo>
                    <a:pt x="12531" y="380"/>
                  </a:lnTo>
                  <a:lnTo>
                    <a:pt x="12526" y="393"/>
                  </a:lnTo>
                  <a:lnTo>
                    <a:pt x="12522" y="408"/>
                  </a:lnTo>
                  <a:lnTo>
                    <a:pt x="12518" y="422"/>
                  </a:lnTo>
                  <a:lnTo>
                    <a:pt x="12516" y="437"/>
                  </a:lnTo>
                  <a:lnTo>
                    <a:pt x="12847" y="437"/>
                  </a:lnTo>
                  <a:lnTo>
                    <a:pt x="12847" y="430"/>
                  </a:lnTo>
                  <a:lnTo>
                    <a:pt x="12847" y="423"/>
                  </a:lnTo>
                  <a:lnTo>
                    <a:pt x="12846" y="415"/>
                  </a:lnTo>
                  <a:lnTo>
                    <a:pt x="12845" y="407"/>
                  </a:lnTo>
                  <a:close/>
                  <a:moveTo>
                    <a:pt x="12033" y="809"/>
                  </a:moveTo>
                  <a:lnTo>
                    <a:pt x="12033" y="516"/>
                  </a:lnTo>
                  <a:lnTo>
                    <a:pt x="12033" y="474"/>
                  </a:lnTo>
                  <a:lnTo>
                    <a:pt x="12031" y="434"/>
                  </a:lnTo>
                  <a:lnTo>
                    <a:pt x="12029" y="415"/>
                  </a:lnTo>
                  <a:lnTo>
                    <a:pt x="12026" y="398"/>
                  </a:lnTo>
                  <a:lnTo>
                    <a:pt x="12023" y="381"/>
                  </a:lnTo>
                  <a:lnTo>
                    <a:pt x="12018" y="367"/>
                  </a:lnTo>
                  <a:lnTo>
                    <a:pt x="12012" y="353"/>
                  </a:lnTo>
                  <a:lnTo>
                    <a:pt x="12004" y="342"/>
                  </a:lnTo>
                  <a:lnTo>
                    <a:pt x="12000" y="336"/>
                  </a:lnTo>
                  <a:lnTo>
                    <a:pt x="11995" y="331"/>
                  </a:lnTo>
                  <a:lnTo>
                    <a:pt x="11989" y="326"/>
                  </a:lnTo>
                  <a:lnTo>
                    <a:pt x="11983" y="322"/>
                  </a:lnTo>
                  <a:lnTo>
                    <a:pt x="11976" y="318"/>
                  </a:lnTo>
                  <a:lnTo>
                    <a:pt x="11970" y="315"/>
                  </a:lnTo>
                  <a:lnTo>
                    <a:pt x="11962" y="312"/>
                  </a:lnTo>
                  <a:lnTo>
                    <a:pt x="11955" y="310"/>
                  </a:lnTo>
                  <a:lnTo>
                    <a:pt x="11946" y="308"/>
                  </a:lnTo>
                  <a:lnTo>
                    <a:pt x="11937" y="307"/>
                  </a:lnTo>
                  <a:lnTo>
                    <a:pt x="11927" y="306"/>
                  </a:lnTo>
                  <a:lnTo>
                    <a:pt x="11917" y="306"/>
                  </a:lnTo>
                  <a:lnTo>
                    <a:pt x="11908" y="306"/>
                  </a:lnTo>
                  <a:lnTo>
                    <a:pt x="11899" y="307"/>
                  </a:lnTo>
                  <a:lnTo>
                    <a:pt x="11890" y="309"/>
                  </a:lnTo>
                  <a:lnTo>
                    <a:pt x="11881" y="311"/>
                  </a:lnTo>
                  <a:lnTo>
                    <a:pt x="11871" y="313"/>
                  </a:lnTo>
                  <a:lnTo>
                    <a:pt x="11863" y="317"/>
                  </a:lnTo>
                  <a:lnTo>
                    <a:pt x="11854" y="321"/>
                  </a:lnTo>
                  <a:lnTo>
                    <a:pt x="11846" y="325"/>
                  </a:lnTo>
                  <a:lnTo>
                    <a:pt x="11837" y="331"/>
                  </a:lnTo>
                  <a:lnTo>
                    <a:pt x="11829" y="337"/>
                  </a:lnTo>
                  <a:lnTo>
                    <a:pt x="11822" y="343"/>
                  </a:lnTo>
                  <a:lnTo>
                    <a:pt x="11813" y="350"/>
                  </a:lnTo>
                  <a:lnTo>
                    <a:pt x="11806" y="357"/>
                  </a:lnTo>
                  <a:lnTo>
                    <a:pt x="11800" y="364"/>
                  </a:lnTo>
                  <a:lnTo>
                    <a:pt x="11793" y="372"/>
                  </a:lnTo>
                  <a:lnTo>
                    <a:pt x="11788" y="381"/>
                  </a:lnTo>
                  <a:lnTo>
                    <a:pt x="11788" y="809"/>
                  </a:lnTo>
                  <a:lnTo>
                    <a:pt x="11588" y="809"/>
                  </a:lnTo>
                  <a:lnTo>
                    <a:pt x="11588" y="516"/>
                  </a:lnTo>
                  <a:lnTo>
                    <a:pt x="11587" y="474"/>
                  </a:lnTo>
                  <a:lnTo>
                    <a:pt x="11586" y="434"/>
                  </a:lnTo>
                  <a:lnTo>
                    <a:pt x="11583" y="415"/>
                  </a:lnTo>
                  <a:lnTo>
                    <a:pt x="11580" y="398"/>
                  </a:lnTo>
                  <a:lnTo>
                    <a:pt x="11576" y="381"/>
                  </a:lnTo>
                  <a:lnTo>
                    <a:pt x="11572" y="367"/>
                  </a:lnTo>
                  <a:lnTo>
                    <a:pt x="11565" y="353"/>
                  </a:lnTo>
                  <a:lnTo>
                    <a:pt x="11558" y="342"/>
                  </a:lnTo>
                  <a:lnTo>
                    <a:pt x="11553" y="336"/>
                  </a:lnTo>
                  <a:lnTo>
                    <a:pt x="11549" y="331"/>
                  </a:lnTo>
                  <a:lnTo>
                    <a:pt x="11543" y="326"/>
                  </a:lnTo>
                  <a:lnTo>
                    <a:pt x="11538" y="322"/>
                  </a:lnTo>
                  <a:lnTo>
                    <a:pt x="11531" y="318"/>
                  </a:lnTo>
                  <a:lnTo>
                    <a:pt x="11524" y="315"/>
                  </a:lnTo>
                  <a:lnTo>
                    <a:pt x="11516" y="312"/>
                  </a:lnTo>
                  <a:lnTo>
                    <a:pt x="11508" y="310"/>
                  </a:lnTo>
                  <a:lnTo>
                    <a:pt x="11500" y="308"/>
                  </a:lnTo>
                  <a:lnTo>
                    <a:pt x="11491" y="307"/>
                  </a:lnTo>
                  <a:lnTo>
                    <a:pt x="11481" y="306"/>
                  </a:lnTo>
                  <a:lnTo>
                    <a:pt x="11471" y="306"/>
                  </a:lnTo>
                  <a:lnTo>
                    <a:pt x="11462" y="306"/>
                  </a:lnTo>
                  <a:lnTo>
                    <a:pt x="11454" y="307"/>
                  </a:lnTo>
                  <a:lnTo>
                    <a:pt x="11446" y="308"/>
                  </a:lnTo>
                  <a:lnTo>
                    <a:pt x="11437" y="310"/>
                  </a:lnTo>
                  <a:lnTo>
                    <a:pt x="11429" y="312"/>
                  </a:lnTo>
                  <a:lnTo>
                    <a:pt x="11420" y="315"/>
                  </a:lnTo>
                  <a:lnTo>
                    <a:pt x="11412" y="319"/>
                  </a:lnTo>
                  <a:lnTo>
                    <a:pt x="11402" y="323"/>
                  </a:lnTo>
                  <a:lnTo>
                    <a:pt x="11394" y="328"/>
                  </a:lnTo>
                  <a:lnTo>
                    <a:pt x="11386" y="334"/>
                  </a:lnTo>
                  <a:lnTo>
                    <a:pt x="11377" y="340"/>
                  </a:lnTo>
                  <a:lnTo>
                    <a:pt x="11370" y="347"/>
                  </a:lnTo>
                  <a:lnTo>
                    <a:pt x="11362" y="354"/>
                  </a:lnTo>
                  <a:lnTo>
                    <a:pt x="11354" y="362"/>
                  </a:lnTo>
                  <a:lnTo>
                    <a:pt x="11346" y="371"/>
                  </a:lnTo>
                  <a:lnTo>
                    <a:pt x="11339" y="381"/>
                  </a:lnTo>
                  <a:lnTo>
                    <a:pt x="11339" y="809"/>
                  </a:lnTo>
                  <a:lnTo>
                    <a:pt x="11139" y="809"/>
                  </a:lnTo>
                  <a:lnTo>
                    <a:pt x="11139" y="183"/>
                  </a:lnTo>
                  <a:lnTo>
                    <a:pt x="11339" y="183"/>
                  </a:lnTo>
                  <a:lnTo>
                    <a:pt x="11339" y="248"/>
                  </a:lnTo>
                  <a:lnTo>
                    <a:pt x="11347" y="239"/>
                  </a:lnTo>
                  <a:lnTo>
                    <a:pt x="11357" y="231"/>
                  </a:lnTo>
                  <a:lnTo>
                    <a:pt x="11366" y="224"/>
                  </a:lnTo>
                  <a:lnTo>
                    <a:pt x="11377" y="217"/>
                  </a:lnTo>
                  <a:lnTo>
                    <a:pt x="11388" y="210"/>
                  </a:lnTo>
                  <a:lnTo>
                    <a:pt x="11400" y="204"/>
                  </a:lnTo>
                  <a:lnTo>
                    <a:pt x="11413" y="197"/>
                  </a:lnTo>
                  <a:lnTo>
                    <a:pt x="11426" y="192"/>
                  </a:lnTo>
                  <a:lnTo>
                    <a:pt x="11439" y="187"/>
                  </a:lnTo>
                  <a:lnTo>
                    <a:pt x="11453" y="183"/>
                  </a:lnTo>
                  <a:lnTo>
                    <a:pt x="11466" y="179"/>
                  </a:lnTo>
                  <a:lnTo>
                    <a:pt x="11481" y="176"/>
                  </a:lnTo>
                  <a:lnTo>
                    <a:pt x="11495" y="174"/>
                  </a:lnTo>
                  <a:lnTo>
                    <a:pt x="11509" y="172"/>
                  </a:lnTo>
                  <a:lnTo>
                    <a:pt x="11523" y="171"/>
                  </a:lnTo>
                  <a:lnTo>
                    <a:pt x="11538" y="170"/>
                  </a:lnTo>
                  <a:lnTo>
                    <a:pt x="11556" y="171"/>
                  </a:lnTo>
                  <a:lnTo>
                    <a:pt x="11574" y="172"/>
                  </a:lnTo>
                  <a:lnTo>
                    <a:pt x="11592" y="174"/>
                  </a:lnTo>
                  <a:lnTo>
                    <a:pt x="11608" y="177"/>
                  </a:lnTo>
                  <a:lnTo>
                    <a:pt x="11624" y="181"/>
                  </a:lnTo>
                  <a:lnTo>
                    <a:pt x="11638" y="185"/>
                  </a:lnTo>
                  <a:lnTo>
                    <a:pt x="11653" y="191"/>
                  </a:lnTo>
                  <a:lnTo>
                    <a:pt x="11666" y="196"/>
                  </a:lnTo>
                  <a:lnTo>
                    <a:pt x="11678" y="204"/>
                  </a:lnTo>
                  <a:lnTo>
                    <a:pt x="11690" y="211"/>
                  </a:lnTo>
                  <a:lnTo>
                    <a:pt x="11702" y="219"/>
                  </a:lnTo>
                  <a:lnTo>
                    <a:pt x="11712" y="228"/>
                  </a:lnTo>
                  <a:lnTo>
                    <a:pt x="11721" y="237"/>
                  </a:lnTo>
                  <a:lnTo>
                    <a:pt x="11729" y="246"/>
                  </a:lnTo>
                  <a:lnTo>
                    <a:pt x="11737" y="256"/>
                  </a:lnTo>
                  <a:lnTo>
                    <a:pt x="11744" y="268"/>
                  </a:lnTo>
                  <a:lnTo>
                    <a:pt x="11755" y="256"/>
                  </a:lnTo>
                  <a:lnTo>
                    <a:pt x="11768" y="245"/>
                  </a:lnTo>
                  <a:lnTo>
                    <a:pt x="11780" y="236"/>
                  </a:lnTo>
                  <a:lnTo>
                    <a:pt x="11793" y="227"/>
                  </a:lnTo>
                  <a:lnTo>
                    <a:pt x="11806" y="218"/>
                  </a:lnTo>
                  <a:lnTo>
                    <a:pt x="11821" y="210"/>
                  </a:lnTo>
                  <a:lnTo>
                    <a:pt x="11836" y="203"/>
                  </a:lnTo>
                  <a:lnTo>
                    <a:pt x="11850" y="196"/>
                  </a:lnTo>
                  <a:lnTo>
                    <a:pt x="11866" y="190"/>
                  </a:lnTo>
                  <a:lnTo>
                    <a:pt x="11882" y="185"/>
                  </a:lnTo>
                  <a:lnTo>
                    <a:pt x="11899" y="180"/>
                  </a:lnTo>
                  <a:lnTo>
                    <a:pt x="11915" y="177"/>
                  </a:lnTo>
                  <a:lnTo>
                    <a:pt x="11933" y="174"/>
                  </a:lnTo>
                  <a:lnTo>
                    <a:pt x="11950" y="172"/>
                  </a:lnTo>
                  <a:lnTo>
                    <a:pt x="11968" y="171"/>
                  </a:lnTo>
                  <a:lnTo>
                    <a:pt x="11985" y="170"/>
                  </a:lnTo>
                  <a:lnTo>
                    <a:pt x="12004" y="171"/>
                  </a:lnTo>
                  <a:lnTo>
                    <a:pt x="12021" y="172"/>
                  </a:lnTo>
                  <a:lnTo>
                    <a:pt x="12037" y="174"/>
                  </a:lnTo>
                  <a:lnTo>
                    <a:pt x="12054" y="177"/>
                  </a:lnTo>
                  <a:lnTo>
                    <a:pt x="12068" y="180"/>
                  </a:lnTo>
                  <a:lnTo>
                    <a:pt x="12082" y="184"/>
                  </a:lnTo>
                  <a:lnTo>
                    <a:pt x="12095" y="189"/>
                  </a:lnTo>
                  <a:lnTo>
                    <a:pt x="12109" y="195"/>
                  </a:lnTo>
                  <a:lnTo>
                    <a:pt x="12120" y="202"/>
                  </a:lnTo>
                  <a:lnTo>
                    <a:pt x="12131" y="208"/>
                  </a:lnTo>
                  <a:lnTo>
                    <a:pt x="12141" y="216"/>
                  </a:lnTo>
                  <a:lnTo>
                    <a:pt x="12151" y="223"/>
                  </a:lnTo>
                  <a:lnTo>
                    <a:pt x="12160" y="232"/>
                  </a:lnTo>
                  <a:lnTo>
                    <a:pt x="12169" y="240"/>
                  </a:lnTo>
                  <a:lnTo>
                    <a:pt x="12177" y="250"/>
                  </a:lnTo>
                  <a:lnTo>
                    <a:pt x="12184" y="259"/>
                  </a:lnTo>
                  <a:lnTo>
                    <a:pt x="12191" y="270"/>
                  </a:lnTo>
                  <a:lnTo>
                    <a:pt x="12197" y="281"/>
                  </a:lnTo>
                  <a:lnTo>
                    <a:pt x="12202" y="291"/>
                  </a:lnTo>
                  <a:lnTo>
                    <a:pt x="12207" y="302"/>
                  </a:lnTo>
                  <a:lnTo>
                    <a:pt x="12212" y="314"/>
                  </a:lnTo>
                  <a:lnTo>
                    <a:pt x="12216" y="325"/>
                  </a:lnTo>
                  <a:lnTo>
                    <a:pt x="12220" y="338"/>
                  </a:lnTo>
                  <a:lnTo>
                    <a:pt x="12223" y="350"/>
                  </a:lnTo>
                  <a:lnTo>
                    <a:pt x="12228" y="375"/>
                  </a:lnTo>
                  <a:lnTo>
                    <a:pt x="12231" y="401"/>
                  </a:lnTo>
                  <a:lnTo>
                    <a:pt x="12233" y="426"/>
                  </a:lnTo>
                  <a:lnTo>
                    <a:pt x="12234" y="452"/>
                  </a:lnTo>
                  <a:lnTo>
                    <a:pt x="12234" y="809"/>
                  </a:lnTo>
                  <a:lnTo>
                    <a:pt x="12033" y="809"/>
                  </a:lnTo>
                  <a:close/>
                  <a:moveTo>
                    <a:pt x="10525" y="549"/>
                  </a:moveTo>
                  <a:lnTo>
                    <a:pt x="10526" y="558"/>
                  </a:lnTo>
                  <a:lnTo>
                    <a:pt x="10528" y="567"/>
                  </a:lnTo>
                  <a:lnTo>
                    <a:pt x="10530" y="576"/>
                  </a:lnTo>
                  <a:lnTo>
                    <a:pt x="10532" y="584"/>
                  </a:lnTo>
                  <a:lnTo>
                    <a:pt x="10535" y="593"/>
                  </a:lnTo>
                  <a:lnTo>
                    <a:pt x="10539" y="600"/>
                  </a:lnTo>
                  <a:lnTo>
                    <a:pt x="10542" y="608"/>
                  </a:lnTo>
                  <a:lnTo>
                    <a:pt x="10547" y="615"/>
                  </a:lnTo>
                  <a:lnTo>
                    <a:pt x="10552" y="622"/>
                  </a:lnTo>
                  <a:lnTo>
                    <a:pt x="10557" y="628"/>
                  </a:lnTo>
                  <a:lnTo>
                    <a:pt x="10562" y="634"/>
                  </a:lnTo>
                  <a:lnTo>
                    <a:pt x="10568" y="640"/>
                  </a:lnTo>
                  <a:lnTo>
                    <a:pt x="10580" y="651"/>
                  </a:lnTo>
                  <a:lnTo>
                    <a:pt x="10594" y="661"/>
                  </a:lnTo>
                  <a:lnTo>
                    <a:pt x="10611" y="670"/>
                  </a:lnTo>
                  <a:lnTo>
                    <a:pt x="10627" y="677"/>
                  </a:lnTo>
                  <a:lnTo>
                    <a:pt x="10645" y="683"/>
                  </a:lnTo>
                  <a:lnTo>
                    <a:pt x="10665" y="688"/>
                  </a:lnTo>
                  <a:lnTo>
                    <a:pt x="10685" y="692"/>
                  </a:lnTo>
                  <a:lnTo>
                    <a:pt x="10707" y="695"/>
                  </a:lnTo>
                  <a:lnTo>
                    <a:pt x="10730" y="697"/>
                  </a:lnTo>
                  <a:lnTo>
                    <a:pt x="10753" y="697"/>
                  </a:lnTo>
                  <a:lnTo>
                    <a:pt x="10783" y="697"/>
                  </a:lnTo>
                  <a:lnTo>
                    <a:pt x="10809" y="695"/>
                  </a:lnTo>
                  <a:lnTo>
                    <a:pt x="10835" y="693"/>
                  </a:lnTo>
                  <a:lnTo>
                    <a:pt x="10859" y="690"/>
                  </a:lnTo>
                  <a:lnTo>
                    <a:pt x="10884" y="686"/>
                  </a:lnTo>
                  <a:lnTo>
                    <a:pt x="10909" y="681"/>
                  </a:lnTo>
                  <a:lnTo>
                    <a:pt x="10935" y="675"/>
                  </a:lnTo>
                  <a:lnTo>
                    <a:pt x="10963" y="667"/>
                  </a:lnTo>
                  <a:lnTo>
                    <a:pt x="10963" y="794"/>
                  </a:lnTo>
                  <a:lnTo>
                    <a:pt x="10938" y="801"/>
                  </a:lnTo>
                  <a:lnTo>
                    <a:pt x="10913" y="806"/>
                  </a:lnTo>
                  <a:lnTo>
                    <a:pt x="10887" y="811"/>
                  </a:lnTo>
                  <a:lnTo>
                    <a:pt x="10861" y="816"/>
                  </a:lnTo>
                  <a:lnTo>
                    <a:pt x="10832" y="819"/>
                  </a:lnTo>
                  <a:lnTo>
                    <a:pt x="10802" y="822"/>
                  </a:lnTo>
                  <a:lnTo>
                    <a:pt x="10770" y="823"/>
                  </a:lnTo>
                  <a:lnTo>
                    <a:pt x="10736" y="824"/>
                  </a:lnTo>
                  <a:lnTo>
                    <a:pt x="10714" y="824"/>
                  </a:lnTo>
                  <a:lnTo>
                    <a:pt x="10694" y="823"/>
                  </a:lnTo>
                  <a:lnTo>
                    <a:pt x="10674" y="822"/>
                  </a:lnTo>
                  <a:lnTo>
                    <a:pt x="10653" y="820"/>
                  </a:lnTo>
                  <a:lnTo>
                    <a:pt x="10634" y="817"/>
                  </a:lnTo>
                  <a:lnTo>
                    <a:pt x="10615" y="814"/>
                  </a:lnTo>
                  <a:lnTo>
                    <a:pt x="10595" y="811"/>
                  </a:lnTo>
                  <a:lnTo>
                    <a:pt x="10577" y="806"/>
                  </a:lnTo>
                  <a:lnTo>
                    <a:pt x="10560" y="801"/>
                  </a:lnTo>
                  <a:lnTo>
                    <a:pt x="10542" y="796"/>
                  </a:lnTo>
                  <a:lnTo>
                    <a:pt x="10525" y="790"/>
                  </a:lnTo>
                  <a:lnTo>
                    <a:pt x="10510" y="782"/>
                  </a:lnTo>
                  <a:lnTo>
                    <a:pt x="10494" y="775"/>
                  </a:lnTo>
                  <a:lnTo>
                    <a:pt x="10479" y="767"/>
                  </a:lnTo>
                  <a:lnTo>
                    <a:pt x="10465" y="758"/>
                  </a:lnTo>
                  <a:lnTo>
                    <a:pt x="10451" y="749"/>
                  </a:lnTo>
                  <a:lnTo>
                    <a:pt x="10438" y="739"/>
                  </a:lnTo>
                  <a:lnTo>
                    <a:pt x="10425" y="729"/>
                  </a:lnTo>
                  <a:lnTo>
                    <a:pt x="10414" y="716"/>
                  </a:lnTo>
                  <a:lnTo>
                    <a:pt x="10403" y="704"/>
                  </a:lnTo>
                  <a:lnTo>
                    <a:pt x="10393" y="692"/>
                  </a:lnTo>
                  <a:lnTo>
                    <a:pt x="10384" y="678"/>
                  </a:lnTo>
                  <a:lnTo>
                    <a:pt x="10376" y="664"/>
                  </a:lnTo>
                  <a:lnTo>
                    <a:pt x="10367" y="649"/>
                  </a:lnTo>
                  <a:lnTo>
                    <a:pt x="10360" y="633"/>
                  </a:lnTo>
                  <a:lnTo>
                    <a:pt x="10354" y="617"/>
                  </a:lnTo>
                  <a:lnTo>
                    <a:pt x="10349" y="600"/>
                  </a:lnTo>
                  <a:lnTo>
                    <a:pt x="10345" y="581"/>
                  </a:lnTo>
                  <a:lnTo>
                    <a:pt x="10342" y="563"/>
                  </a:lnTo>
                  <a:lnTo>
                    <a:pt x="10340" y="543"/>
                  </a:lnTo>
                  <a:lnTo>
                    <a:pt x="10338" y="522"/>
                  </a:lnTo>
                  <a:lnTo>
                    <a:pt x="10338" y="501"/>
                  </a:lnTo>
                  <a:lnTo>
                    <a:pt x="10338" y="485"/>
                  </a:lnTo>
                  <a:lnTo>
                    <a:pt x="10339" y="470"/>
                  </a:lnTo>
                  <a:lnTo>
                    <a:pt x="10340" y="453"/>
                  </a:lnTo>
                  <a:lnTo>
                    <a:pt x="10343" y="438"/>
                  </a:lnTo>
                  <a:lnTo>
                    <a:pt x="10346" y="422"/>
                  </a:lnTo>
                  <a:lnTo>
                    <a:pt x="10349" y="407"/>
                  </a:lnTo>
                  <a:lnTo>
                    <a:pt x="10353" y="392"/>
                  </a:lnTo>
                  <a:lnTo>
                    <a:pt x="10358" y="377"/>
                  </a:lnTo>
                  <a:lnTo>
                    <a:pt x="10364" y="363"/>
                  </a:lnTo>
                  <a:lnTo>
                    <a:pt x="10370" y="349"/>
                  </a:lnTo>
                  <a:lnTo>
                    <a:pt x="10378" y="335"/>
                  </a:lnTo>
                  <a:lnTo>
                    <a:pt x="10385" y="321"/>
                  </a:lnTo>
                  <a:lnTo>
                    <a:pt x="10393" y="308"/>
                  </a:lnTo>
                  <a:lnTo>
                    <a:pt x="10402" y="295"/>
                  </a:lnTo>
                  <a:lnTo>
                    <a:pt x="10412" y="283"/>
                  </a:lnTo>
                  <a:lnTo>
                    <a:pt x="10422" y="272"/>
                  </a:lnTo>
                  <a:lnTo>
                    <a:pt x="10434" y="260"/>
                  </a:lnTo>
                  <a:lnTo>
                    <a:pt x="10446" y="249"/>
                  </a:lnTo>
                  <a:lnTo>
                    <a:pt x="10458" y="239"/>
                  </a:lnTo>
                  <a:lnTo>
                    <a:pt x="10471" y="230"/>
                  </a:lnTo>
                  <a:lnTo>
                    <a:pt x="10485" y="221"/>
                  </a:lnTo>
                  <a:lnTo>
                    <a:pt x="10501" y="213"/>
                  </a:lnTo>
                  <a:lnTo>
                    <a:pt x="10516" y="205"/>
                  </a:lnTo>
                  <a:lnTo>
                    <a:pt x="10532" y="197"/>
                  </a:lnTo>
                  <a:lnTo>
                    <a:pt x="10549" y="191"/>
                  </a:lnTo>
                  <a:lnTo>
                    <a:pt x="10567" y="186"/>
                  </a:lnTo>
                  <a:lnTo>
                    <a:pt x="10585" y="181"/>
                  </a:lnTo>
                  <a:lnTo>
                    <a:pt x="10605" y="177"/>
                  </a:lnTo>
                  <a:lnTo>
                    <a:pt x="10624" y="174"/>
                  </a:lnTo>
                  <a:lnTo>
                    <a:pt x="10645" y="172"/>
                  </a:lnTo>
                  <a:lnTo>
                    <a:pt x="10667" y="171"/>
                  </a:lnTo>
                  <a:lnTo>
                    <a:pt x="10689" y="170"/>
                  </a:lnTo>
                  <a:lnTo>
                    <a:pt x="10710" y="171"/>
                  </a:lnTo>
                  <a:lnTo>
                    <a:pt x="10732" y="172"/>
                  </a:lnTo>
                  <a:lnTo>
                    <a:pt x="10752" y="173"/>
                  </a:lnTo>
                  <a:lnTo>
                    <a:pt x="10771" y="176"/>
                  </a:lnTo>
                  <a:lnTo>
                    <a:pt x="10790" y="179"/>
                  </a:lnTo>
                  <a:lnTo>
                    <a:pt x="10807" y="182"/>
                  </a:lnTo>
                  <a:lnTo>
                    <a:pt x="10824" y="187"/>
                  </a:lnTo>
                  <a:lnTo>
                    <a:pt x="10841" y="192"/>
                  </a:lnTo>
                  <a:lnTo>
                    <a:pt x="10856" y="197"/>
                  </a:lnTo>
                  <a:lnTo>
                    <a:pt x="10871" y="204"/>
                  </a:lnTo>
                  <a:lnTo>
                    <a:pt x="10885" y="211"/>
                  </a:lnTo>
                  <a:lnTo>
                    <a:pt x="10899" y="218"/>
                  </a:lnTo>
                  <a:lnTo>
                    <a:pt x="10911" y="225"/>
                  </a:lnTo>
                  <a:lnTo>
                    <a:pt x="10923" y="233"/>
                  </a:lnTo>
                  <a:lnTo>
                    <a:pt x="10934" y="242"/>
                  </a:lnTo>
                  <a:lnTo>
                    <a:pt x="10945" y="251"/>
                  </a:lnTo>
                  <a:lnTo>
                    <a:pt x="10956" y="261"/>
                  </a:lnTo>
                  <a:lnTo>
                    <a:pt x="10965" y="272"/>
                  </a:lnTo>
                  <a:lnTo>
                    <a:pt x="10974" y="282"/>
                  </a:lnTo>
                  <a:lnTo>
                    <a:pt x="10982" y="293"/>
                  </a:lnTo>
                  <a:lnTo>
                    <a:pt x="10989" y="304"/>
                  </a:lnTo>
                  <a:lnTo>
                    <a:pt x="10996" y="316"/>
                  </a:lnTo>
                  <a:lnTo>
                    <a:pt x="11002" y="328"/>
                  </a:lnTo>
                  <a:lnTo>
                    <a:pt x="11009" y="341"/>
                  </a:lnTo>
                  <a:lnTo>
                    <a:pt x="11014" y="354"/>
                  </a:lnTo>
                  <a:lnTo>
                    <a:pt x="11019" y="367"/>
                  </a:lnTo>
                  <a:lnTo>
                    <a:pt x="11023" y="380"/>
                  </a:lnTo>
                  <a:lnTo>
                    <a:pt x="11026" y="394"/>
                  </a:lnTo>
                  <a:lnTo>
                    <a:pt x="11029" y="409"/>
                  </a:lnTo>
                  <a:lnTo>
                    <a:pt x="11032" y="423"/>
                  </a:lnTo>
                  <a:lnTo>
                    <a:pt x="11034" y="437"/>
                  </a:lnTo>
                  <a:lnTo>
                    <a:pt x="11036" y="452"/>
                  </a:lnTo>
                  <a:lnTo>
                    <a:pt x="11037" y="476"/>
                  </a:lnTo>
                  <a:lnTo>
                    <a:pt x="11037" y="502"/>
                  </a:lnTo>
                  <a:lnTo>
                    <a:pt x="11037" y="528"/>
                  </a:lnTo>
                  <a:lnTo>
                    <a:pt x="11036" y="549"/>
                  </a:lnTo>
                  <a:lnTo>
                    <a:pt x="10525" y="549"/>
                  </a:lnTo>
                  <a:close/>
                  <a:moveTo>
                    <a:pt x="10855" y="407"/>
                  </a:moveTo>
                  <a:lnTo>
                    <a:pt x="10852" y="394"/>
                  </a:lnTo>
                  <a:lnTo>
                    <a:pt x="10848" y="383"/>
                  </a:lnTo>
                  <a:lnTo>
                    <a:pt x="10843" y="372"/>
                  </a:lnTo>
                  <a:lnTo>
                    <a:pt x="10838" y="361"/>
                  </a:lnTo>
                  <a:lnTo>
                    <a:pt x="10830" y="351"/>
                  </a:lnTo>
                  <a:lnTo>
                    <a:pt x="10823" y="341"/>
                  </a:lnTo>
                  <a:lnTo>
                    <a:pt x="10816" y="333"/>
                  </a:lnTo>
                  <a:lnTo>
                    <a:pt x="10807" y="323"/>
                  </a:lnTo>
                  <a:lnTo>
                    <a:pt x="10797" y="316"/>
                  </a:lnTo>
                  <a:lnTo>
                    <a:pt x="10786" y="309"/>
                  </a:lnTo>
                  <a:lnTo>
                    <a:pt x="10774" y="303"/>
                  </a:lnTo>
                  <a:lnTo>
                    <a:pt x="10761" y="298"/>
                  </a:lnTo>
                  <a:lnTo>
                    <a:pt x="10748" y="294"/>
                  </a:lnTo>
                  <a:lnTo>
                    <a:pt x="10733" y="291"/>
                  </a:lnTo>
                  <a:lnTo>
                    <a:pt x="10716" y="289"/>
                  </a:lnTo>
                  <a:lnTo>
                    <a:pt x="10699" y="289"/>
                  </a:lnTo>
                  <a:lnTo>
                    <a:pt x="10680" y="290"/>
                  </a:lnTo>
                  <a:lnTo>
                    <a:pt x="10661" y="292"/>
                  </a:lnTo>
                  <a:lnTo>
                    <a:pt x="10643" y="296"/>
                  </a:lnTo>
                  <a:lnTo>
                    <a:pt x="10627" y="301"/>
                  </a:lnTo>
                  <a:lnTo>
                    <a:pt x="10612" y="307"/>
                  </a:lnTo>
                  <a:lnTo>
                    <a:pt x="10598" y="314"/>
                  </a:lnTo>
                  <a:lnTo>
                    <a:pt x="10585" y="323"/>
                  </a:lnTo>
                  <a:lnTo>
                    <a:pt x="10574" y="333"/>
                  </a:lnTo>
                  <a:lnTo>
                    <a:pt x="10564" y="344"/>
                  </a:lnTo>
                  <a:lnTo>
                    <a:pt x="10555" y="355"/>
                  </a:lnTo>
                  <a:lnTo>
                    <a:pt x="10547" y="367"/>
                  </a:lnTo>
                  <a:lnTo>
                    <a:pt x="10540" y="380"/>
                  </a:lnTo>
                  <a:lnTo>
                    <a:pt x="10534" y="393"/>
                  </a:lnTo>
                  <a:lnTo>
                    <a:pt x="10530" y="408"/>
                  </a:lnTo>
                  <a:lnTo>
                    <a:pt x="10527" y="422"/>
                  </a:lnTo>
                  <a:lnTo>
                    <a:pt x="10525" y="437"/>
                  </a:lnTo>
                  <a:lnTo>
                    <a:pt x="10857" y="437"/>
                  </a:lnTo>
                  <a:lnTo>
                    <a:pt x="10857" y="430"/>
                  </a:lnTo>
                  <a:lnTo>
                    <a:pt x="10857" y="423"/>
                  </a:lnTo>
                  <a:lnTo>
                    <a:pt x="10856" y="415"/>
                  </a:lnTo>
                  <a:lnTo>
                    <a:pt x="10855" y="407"/>
                  </a:lnTo>
                  <a:close/>
                  <a:moveTo>
                    <a:pt x="9831" y="1080"/>
                  </a:moveTo>
                  <a:lnTo>
                    <a:pt x="9792" y="1080"/>
                  </a:lnTo>
                  <a:lnTo>
                    <a:pt x="9755" y="1078"/>
                  </a:lnTo>
                  <a:lnTo>
                    <a:pt x="9718" y="1076"/>
                  </a:lnTo>
                  <a:lnTo>
                    <a:pt x="9683" y="1072"/>
                  </a:lnTo>
                  <a:lnTo>
                    <a:pt x="9648" y="1068"/>
                  </a:lnTo>
                  <a:lnTo>
                    <a:pt x="9614" y="1061"/>
                  </a:lnTo>
                  <a:lnTo>
                    <a:pt x="9582" y="1054"/>
                  </a:lnTo>
                  <a:lnTo>
                    <a:pt x="9551" y="1043"/>
                  </a:lnTo>
                  <a:lnTo>
                    <a:pt x="9551" y="897"/>
                  </a:lnTo>
                  <a:lnTo>
                    <a:pt x="9567" y="904"/>
                  </a:lnTo>
                  <a:lnTo>
                    <a:pt x="9583" y="911"/>
                  </a:lnTo>
                  <a:lnTo>
                    <a:pt x="9599" y="917"/>
                  </a:lnTo>
                  <a:lnTo>
                    <a:pt x="9614" y="923"/>
                  </a:lnTo>
                  <a:lnTo>
                    <a:pt x="9631" y="928"/>
                  </a:lnTo>
                  <a:lnTo>
                    <a:pt x="9647" y="932"/>
                  </a:lnTo>
                  <a:lnTo>
                    <a:pt x="9662" y="936"/>
                  </a:lnTo>
                  <a:lnTo>
                    <a:pt x="9679" y="940"/>
                  </a:lnTo>
                  <a:lnTo>
                    <a:pt x="9710" y="945"/>
                  </a:lnTo>
                  <a:lnTo>
                    <a:pt x="9741" y="948"/>
                  </a:lnTo>
                  <a:lnTo>
                    <a:pt x="9771" y="950"/>
                  </a:lnTo>
                  <a:lnTo>
                    <a:pt x="9801" y="951"/>
                  </a:lnTo>
                  <a:lnTo>
                    <a:pt x="9819" y="951"/>
                  </a:lnTo>
                  <a:lnTo>
                    <a:pt x="9836" y="950"/>
                  </a:lnTo>
                  <a:lnTo>
                    <a:pt x="9853" y="949"/>
                  </a:lnTo>
                  <a:lnTo>
                    <a:pt x="9868" y="947"/>
                  </a:lnTo>
                  <a:lnTo>
                    <a:pt x="9882" y="944"/>
                  </a:lnTo>
                  <a:lnTo>
                    <a:pt x="9895" y="942"/>
                  </a:lnTo>
                  <a:lnTo>
                    <a:pt x="9908" y="939"/>
                  </a:lnTo>
                  <a:lnTo>
                    <a:pt x="9920" y="935"/>
                  </a:lnTo>
                  <a:lnTo>
                    <a:pt x="9931" y="931"/>
                  </a:lnTo>
                  <a:lnTo>
                    <a:pt x="9942" y="926"/>
                  </a:lnTo>
                  <a:lnTo>
                    <a:pt x="9951" y="922"/>
                  </a:lnTo>
                  <a:lnTo>
                    <a:pt x="9960" y="915"/>
                  </a:lnTo>
                  <a:lnTo>
                    <a:pt x="9970" y="910"/>
                  </a:lnTo>
                  <a:lnTo>
                    <a:pt x="9977" y="904"/>
                  </a:lnTo>
                  <a:lnTo>
                    <a:pt x="9984" y="898"/>
                  </a:lnTo>
                  <a:lnTo>
                    <a:pt x="9991" y="891"/>
                  </a:lnTo>
                  <a:lnTo>
                    <a:pt x="9997" y="885"/>
                  </a:lnTo>
                  <a:lnTo>
                    <a:pt x="10002" y="878"/>
                  </a:lnTo>
                  <a:lnTo>
                    <a:pt x="10007" y="871"/>
                  </a:lnTo>
                  <a:lnTo>
                    <a:pt x="10011" y="863"/>
                  </a:lnTo>
                  <a:lnTo>
                    <a:pt x="10019" y="846"/>
                  </a:lnTo>
                  <a:lnTo>
                    <a:pt x="10024" y="830"/>
                  </a:lnTo>
                  <a:lnTo>
                    <a:pt x="10029" y="813"/>
                  </a:lnTo>
                  <a:lnTo>
                    <a:pt x="10032" y="796"/>
                  </a:lnTo>
                  <a:lnTo>
                    <a:pt x="10034" y="777"/>
                  </a:lnTo>
                  <a:lnTo>
                    <a:pt x="10034" y="759"/>
                  </a:lnTo>
                  <a:lnTo>
                    <a:pt x="10034" y="752"/>
                  </a:lnTo>
                  <a:lnTo>
                    <a:pt x="10034" y="734"/>
                  </a:lnTo>
                  <a:lnTo>
                    <a:pt x="10026" y="741"/>
                  </a:lnTo>
                  <a:lnTo>
                    <a:pt x="10016" y="749"/>
                  </a:lnTo>
                  <a:lnTo>
                    <a:pt x="10006" y="756"/>
                  </a:lnTo>
                  <a:lnTo>
                    <a:pt x="9995" y="763"/>
                  </a:lnTo>
                  <a:lnTo>
                    <a:pt x="9983" y="770"/>
                  </a:lnTo>
                  <a:lnTo>
                    <a:pt x="9970" y="777"/>
                  </a:lnTo>
                  <a:lnTo>
                    <a:pt x="9955" y="784"/>
                  </a:lnTo>
                  <a:lnTo>
                    <a:pt x="9941" y="791"/>
                  </a:lnTo>
                  <a:lnTo>
                    <a:pt x="9926" y="797"/>
                  </a:lnTo>
                  <a:lnTo>
                    <a:pt x="9910" y="802"/>
                  </a:lnTo>
                  <a:lnTo>
                    <a:pt x="9892" y="806"/>
                  </a:lnTo>
                  <a:lnTo>
                    <a:pt x="9874" y="810"/>
                  </a:lnTo>
                  <a:lnTo>
                    <a:pt x="9856" y="813"/>
                  </a:lnTo>
                  <a:lnTo>
                    <a:pt x="9836" y="815"/>
                  </a:lnTo>
                  <a:lnTo>
                    <a:pt x="9817" y="816"/>
                  </a:lnTo>
                  <a:lnTo>
                    <a:pt x="9797" y="815"/>
                  </a:lnTo>
                  <a:lnTo>
                    <a:pt x="9777" y="815"/>
                  </a:lnTo>
                  <a:lnTo>
                    <a:pt x="9758" y="813"/>
                  </a:lnTo>
                  <a:lnTo>
                    <a:pt x="9739" y="810"/>
                  </a:lnTo>
                  <a:lnTo>
                    <a:pt x="9721" y="807"/>
                  </a:lnTo>
                  <a:lnTo>
                    <a:pt x="9704" y="803"/>
                  </a:lnTo>
                  <a:lnTo>
                    <a:pt x="9688" y="799"/>
                  </a:lnTo>
                  <a:lnTo>
                    <a:pt x="9671" y="794"/>
                  </a:lnTo>
                  <a:lnTo>
                    <a:pt x="9656" y="787"/>
                  </a:lnTo>
                  <a:lnTo>
                    <a:pt x="9641" y="781"/>
                  </a:lnTo>
                  <a:lnTo>
                    <a:pt x="9628" y="773"/>
                  </a:lnTo>
                  <a:lnTo>
                    <a:pt x="9613" y="766"/>
                  </a:lnTo>
                  <a:lnTo>
                    <a:pt x="9601" y="757"/>
                  </a:lnTo>
                  <a:lnTo>
                    <a:pt x="9589" y="749"/>
                  </a:lnTo>
                  <a:lnTo>
                    <a:pt x="9578" y="739"/>
                  </a:lnTo>
                  <a:lnTo>
                    <a:pt x="9567" y="729"/>
                  </a:lnTo>
                  <a:lnTo>
                    <a:pt x="9556" y="718"/>
                  </a:lnTo>
                  <a:lnTo>
                    <a:pt x="9547" y="707"/>
                  </a:lnTo>
                  <a:lnTo>
                    <a:pt x="9538" y="696"/>
                  </a:lnTo>
                  <a:lnTo>
                    <a:pt x="9530" y="684"/>
                  </a:lnTo>
                  <a:lnTo>
                    <a:pt x="9522" y="671"/>
                  </a:lnTo>
                  <a:lnTo>
                    <a:pt x="9515" y="659"/>
                  </a:lnTo>
                  <a:lnTo>
                    <a:pt x="9509" y="644"/>
                  </a:lnTo>
                  <a:lnTo>
                    <a:pt x="9502" y="631"/>
                  </a:lnTo>
                  <a:lnTo>
                    <a:pt x="9497" y="617"/>
                  </a:lnTo>
                  <a:lnTo>
                    <a:pt x="9492" y="603"/>
                  </a:lnTo>
                  <a:lnTo>
                    <a:pt x="9489" y="587"/>
                  </a:lnTo>
                  <a:lnTo>
                    <a:pt x="9485" y="572"/>
                  </a:lnTo>
                  <a:lnTo>
                    <a:pt x="9483" y="556"/>
                  </a:lnTo>
                  <a:lnTo>
                    <a:pt x="9480" y="541"/>
                  </a:lnTo>
                  <a:lnTo>
                    <a:pt x="9479" y="524"/>
                  </a:lnTo>
                  <a:lnTo>
                    <a:pt x="9478" y="507"/>
                  </a:lnTo>
                  <a:lnTo>
                    <a:pt x="9478" y="491"/>
                  </a:lnTo>
                  <a:lnTo>
                    <a:pt x="9478" y="477"/>
                  </a:lnTo>
                  <a:lnTo>
                    <a:pt x="9479" y="462"/>
                  </a:lnTo>
                  <a:lnTo>
                    <a:pt x="9480" y="447"/>
                  </a:lnTo>
                  <a:lnTo>
                    <a:pt x="9482" y="433"/>
                  </a:lnTo>
                  <a:lnTo>
                    <a:pt x="9485" y="419"/>
                  </a:lnTo>
                  <a:lnTo>
                    <a:pt x="9488" y="405"/>
                  </a:lnTo>
                  <a:lnTo>
                    <a:pt x="9492" y="390"/>
                  </a:lnTo>
                  <a:lnTo>
                    <a:pt x="9497" y="376"/>
                  </a:lnTo>
                  <a:lnTo>
                    <a:pt x="9502" y="362"/>
                  </a:lnTo>
                  <a:lnTo>
                    <a:pt x="9508" y="349"/>
                  </a:lnTo>
                  <a:lnTo>
                    <a:pt x="9515" y="336"/>
                  </a:lnTo>
                  <a:lnTo>
                    <a:pt x="9522" y="322"/>
                  </a:lnTo>
                  <a:lnTo>
                    <a:pt x="9529" y="309"/>
                  </a:lnTo>
                  <a:lnTo>
                    <a:pt x="9537" y="297"/>
                  </a:lnTo>
                  <a:lnTo>
                    <a:pt x="9546" y="285"/>
                  </a:lnTo>
                  <a:lnTo>
                    <a:pt x="9556" y="274"/>
                  </a:lnTo>
                  <a:lnTo>
                    <a:pt x="9567" y="262"/>
                  </a:lnTo>
                  <a:lnTo>
                    <a:pt x="9578" y="251"/>
                  </a:lnTo>
                  <a:lnTo>
                    <a:pt x="9590" y="241"/>
                  </a:lnTo>
                  <a:lnTo>
                    <a:pt x="9602" y="231"/>
                  </a:lnTo>
                  <a:lnTo>
                    <a:pt x="9615" y="223"/>
                  </a:lnTo>
                  <a:lnTo>
                    <a:pt x="9630" y="214"/>
                  </a:lnTo>
                  <a:lnTo>
                    <a:pt x="9644" y="206"/>
                  </a:lnTo>
                  <a:lnTo>
                    <a:pt x="9659" y="199"/>
                  </a:lnTo>
                  <a:lnTo>
                    <a:pt x="9675" y="192"/>
                  </a:lnTo>
                  <a:lnTo>
                    <a:pt x="9693" y="186"/>
                  </a:lnTo>
                  <a:lnTo>
                    <a:pt x="9710" y="182"/>
                  </a:lnTo>
                  <a:lnTo>
                    <a:pt x="9728" y="178"/>
                  </a:lnTo>
                  <a:lnTo>
                    <a:pt x="9748" y="174"/>
                  </a:lnTo>
                  <a:lnTo>
                    <a:pt x="9767" y="172"/>
                  </a:lnTo>
                  <a:lnTo>
                    <a:pt x="9788" y="171"/>
                  </a:lnTo>
                  <a:lnTo>
                    <a:pt x="9810" y="170"/>
                  </a:lnTo>
                  <a:lnTo>
                    <a:pt x="9831" y="171"/>
                  </a:lnTo>
                  <a:lnTo>
                    <a:pt x="9851" y="172"/>
                  </a:lnTo>
                  <a:lnTo>
                    <a:pt x="9872" y="173"/>
                  </a:lnTo>
                  <a:lnTo>
                    <a:pt x="9890" y="176"/>
                  </a:lnTo>
                  <a:lnTo>
                    <a:pt x="9907" y="178"/>
                  </a:lnTo>
                  <a:lnTo>
                    <a:pt x="9925" y="182"/>
                  </a:lnTo>
                  <a:lnTo>
                    <a:pt x="9940" y="186"/>
                  </a:lnTo>
                  <a:lnTo>
                    <a:pt x="9955" y="190"/>
                  </a:lnTo>
                  <a:lnTo>
                    <a:pt x="9970" y="195"/>
                  </a:lnTo>
                  <a:lnTo>
                    <a:pt x="9983" y="202"/>
                  </a:lnTo>
                  <a:lnTo>
                    <a:pt x="9995" y="208"/>
                  </a:lnTo>
                  <a:lnTo>
                    <a:pt x="10006" y="214"/>
                  </a:lnTo>
                  <a:lnTo>
                    <a:pt x="10017" y="221"/>
                  </a:lnTo>
                  <a:lnTo>
                    <a:pt x="10027" y="228"/>
                  </a:lnTo>
                  <a:lnTo>
                    <a:pt x="10036" y="236"/>
                  </a:lnTo>
                  <a:lnTo>
                    <a:pt x="10045" y="243"/>
                  </a:lnTo>
                  <a:lnTo>
                    <a:pt x="10045" y="183"/>
                  </a:lnTo>
                  <a:lnTo>
                    <a:pt x="10232" y="183"/>
                  </a:lnTo>
                  <a:lnTo>
                    <a:pt x="10232" y="734"/>
                  </a:lnTo>
                  <a:lnTo>
                    <a:pt x="10232" y="750"/>
                  </a:lnTo>
                  <a:lnTo>
                    <a:pt x="10231" y="765"/>
                  </a:lnTo>
                  <a:lnTo>
                    <a:pt x="10230" y="781"/>
                  </a:lnTo>
                  <a:lnTo>
                    <a:pt x="10228" y="798"/>
                  </a:lnTo>
                  <a:lnTo>
                    <a:pt x="10226" y="813"/>
                  </a:lnTo>
                  <a:lnTo>
                    <a:pt x="10223" y="829"/>
                  </a:lnTo>
                  <a:lnTo>
                    <a:pt x="10219" y="844"/>
                  </a:lnTo>
                  <a:lnTo>
                    <a:pt x="10215" y="860"/>
                  </a:lnTo>
                  <a:lnTo>
                    <a:pt x="10210" y="875"/>
                  </a:lnTo>
                  <a:lnTo>
                    <a:pt x="10205" y="889"/>
                  </a:lnTo>
                  <a:lnTo>
                    <a:pt x="10199" y="904"/>
                  </a:lnTo>
                  <a:lnTo>
                    <a:pt x="10191" y="917"/>
                  </a:lnTo>
                  <a:lnTo>
                    <a:pt x="10183" y="932"/>
                  </a:lnTo>
                  <a:lnTo>
                    <a:pt x="10174" y="945"/>
                  </a:lnTo>
                  <a:lnTo>
                    <a:pt x="10164" y="958"/>
                  </a:lnTo>
                  <a:lnTo>
                    <a:pt x="10154" y="970"/>
                  </a:lnTo>
                  <a:lnTo>
                    <a:pt x="10142" y="982"/>
                  </a:lnTo>
                  <a:lnTo>
                    <a:pt x="10129" y="994"/>
                  </a:lnTo>
                  <a:lnTo>
                    <a:pt x="10116" y="1005"/>
                  </a:lnTo>
                  <a:lnTo>
                    <a:pt x="10101" y="1015"/>
                  </a:lnTo>
                  <a:lnTo>
                    <a:pt x="10086" y="1025"/>
                  </a:lnTo>
                  <a:lnTo>
                    <a:pt x="10068" y="1034"/>
                  </a:lnTo>
                  <a:lnTo>
                    <a:pt x="10050" y="1042"/>
                  </a:lnTo>
                  <a:lnTo>
                    <a:pt x="10031" y="1049"/>
                  </a:lnTo>
                  <a:lnTo>
                    <a:pt x="10010" y="1057"/>
                  </a:lnTo>
                  <a:lnTo>
                    <a:pt x="9989" y="1063"/>
                  </a:lnTo>
                  <a:lnTo>
                    <a:pt x="9966" y="1068"/>
                  </a:lnTo>
                  <a:lnTo>
                    <a:pt x="9942" y="1072"/>
                  </a:lnTo>
                  <a:lnTo>
                    <a:pt x="9917" y="1076"/>
                  </a:lnTo>
                  <a:lnTo>
                    <a:pt x="9889" y="1078"/>
                  </a:lnTo>
                  <a:lnTo>
                    <a:pt x="9861" y="1079"/>
                  </a:lnTo>
                  <a:lnTo>
                    <a:pt x="9831" y="1080"/>
                  </a:lnTo>
                  <a:close/>
                  <a:moveTo>
                    <a:pt x="9866" y="297"/>
                  </a:moveTo>
                  <a:lnTo>
                    <a:pt x="9854" y="298"/>
                  </a:lnTo>
                  <a:lnTo>
                    <a:pt x="9841" y="298"/>
                  </a:lnTo>
                  <a:lnTo>
                    <a:pt x="9830" y="300"/>
                  </a:lnTo>
                  <a:lnTo>
                    <a:pt x="9819" y="302"/>
                  </a:lnTo>
                  <a:lnTo>
                    <a:pt x="9809" y="304"/>
                  </a:lnTo>
                  <a:lnTo>
                    <a:pt x="9800" y="307"/>
                  </a:lnTo>
                  <a:lnTo>
                    <a:pt x="9789" y="311"/>
                  </a:lnTo>
                  <a:lnTo>
                    <a:pt x="9781" y="315"/>
                  </a:lnTo>
                  <a:lnTo>
                    <a:pt x="9772" y="319"/>
                  </a:lnTo>
                  <a:lnTo>
                    <a:pt x="9764" y="324"/>
                  </a:lnTo>
                  <a:lnTo>
                    <a:pt x="9757" y="330"/>
                  </a:lnTo>
                  <a:lnTo>
                    <a:pt x="9750" y="335"/>
                  </a:lnTo>
                  <a:lnTo>
                    <a:pt x="9743" y="341"/>
                  </a:lnTo>
                  <a:lnTo>
                    <a:pt x="9737" y="347"/>
                  </a:lnTo>
                  <a:lnTo>
                    <a:pt x="9730" y="354"/>
                  </a:lnTo>
                  <a:lnTo>
                    <a:pt x="9725" y="361"/>
                  </a:lnTo>
                  <a:lnTo>
                    <a:pt x="9715" y="375"/>
                  </a:lnTo>
                  <a:lnTo>
                    <a:pt x="9707" y="390"/>
                  </a:lnTo>
                  <a:lnTo>
                    <a:pt x="9700" y="408"/>
                  </a:lnTo>
                  <a:lnTo>
                    <a:pt x="9694" y="424"/>
                  </a:lnTo>
                  <a:lnTo>
                    <a:pt x="9690" y="441"/>
                  </a:lnTo>
                  <a:lnTo>
                    <a:pt x="9687" y="459"/>
                  </a:lnTo>
                  <a:lnTo>
                    <a:pt x="9686" y="477"/>
                  </a:lnTo>
                  <a:lnTo>
                    <a:pt x="9685" y="495"/>
                  </a:lnTo>
                  <a:lnTo>
                    <a:pt x="9686" y="512"/>
                  </a:lnTo>
                  <a:lnTo>
                    <a:pt x="9688" y="531"/>
                  </a:lnTo>
                  <a:lnTo>
                    <a:pt x="9691" y="548"/>
                  </a:lnTo>
                  <a:lnTo>
                    <a:pt x="9695" y="564"/>
                  </a:lnTo>
                  <a:lnTo>
                    <a:pt x="9701" y="580"/>
                  </a:lnTo>
                  <a:lnTo>
                    <a:pt x="9708" y="596"/>
                  </a:lnTo>
                  <a:lnTo>
                    <a:pt x="9717" y="611"/>
                  </a:lnTo>
                  <a:lnTo>
                    <a:pt x="9727" y="624"/>
                  </a:lnTo>
                  <a:lnTo>
                    <a:pt x="9739" y="636"/>
                  </a:lnTo>
                  <a:lnTo>
                    <a:pt x="9752" y="648"/>
                  </a:lnTo>
                  <a:lnTo>
                    <a:pt x="9758" y="653"/>
                  </a:lnTo>
                  <a:lnTo>
                    <a:pt x="9765" y="658"/>
                  </a:lnTo>
                  <a:lnTo>
                    <a:pt x="9773" y="663"/>
                  </a:lnTo>
                  <a:lnTo>
                    <a:pt x="9781" y="667"/>
                  </a:lnTo>
                  <a:lnTo>
                    <a:pt x="9789" y="670"/>
                  </a:lnTo>
                  <a:lnTo>
                    <a:pt x="9798" y="673"/>
                  </a:lnTo>
                  <a:lnTo>
                    <a:pt x="9807" y="676"/>
                  </a:lnTo>
                  <a:lnTo>
                    <a:pt x="9816" y="678"/>
                  </a:lnTo>
                  <a:lnTo>
                    <a:pt x="9826" y="680"/>
                  </a:lnTo>
                  <a:lnTo>
                    <a:pt x="9836" y="681"/>
                  </a:lnTo>
                  <a:lnTo>
                    <a:pt x="9846" y="682"/>
                  </a:lnTo>
                  <a:lnTo>
                    <a:pt x="9857" y="682"/>
                  </a:lnTo>
                  <a:lnTo>
                    <a:pt x="9869" y="682"/>
                  </a:lnTo>
                  <a:lnTo>
                    <a:pt x="9881" y="681"/>
                  </a:lnTo>
                  <a:lnTo>
                    <a:pt x="9892" y="680"/>
                  </a:lnTo>
                  <a:lnTo>
                    <a:pt x="9902" y="678"/>
                  </a:lnTo>
                  <a:lnTo>
                    <a:pt x="9913" y="675"/>
                  </a:lnTo>
                  <a:lnTo>
                    <a:pt x="9923" y="672"/>
                  </a:lnTo>
                  <a:lnTo>
                    <a:pt x="9932" y="669"/>
                  </a:lnTo>
                  <a:lnTo>
                    <a:pt x="9940" y="665"/>
                  </a:lnTo>
                  <a:lnTo>
                    <a:pt x="9949" y="661"/>
                  </a:lnTo>
                  <a:lnTo>
                    <a:pt x="9956" y="655"/>
                  </a:lnTo>
                  <a:lnTo>
                    <a:pt x="9964" y="650"/>
                  </a:lnTo>
                  <a:lnTo>
                    <a:pt x="9972" y="645"/>
                  </a:lnTo>
                  <a:lnTo>
                    <a:pt x="9985" y="633"/>
                  </a:lnTo>
                  <a:lnTo>
                    <a:pt x="9996" y="620"/>
                  </a:lnTo>
                  <a:lnTo>
                    <a:pt x="10005" y="606"/>
                  </a:lnTo>
                  <a:lnTo>
                    <a:pt x="10014" y="592"/>
                  </a:lnTo>
                  <a:lnTo>
                    <a:pt x="10020" y="575"/>
                  </a:lnTo>
                  <a:lnTo>
                    <a:pt x="10027" y="559"/>
                  </a:lnTo>
                  <a:lnTo>
                    <a:pt x="10031" y="542"/>
                  </a:lnTo>
                  <a:lnTo>
                    <a:pt x="10034" y="524"/>
                  </a:lnTo>
                  <a:lnTo>
                    <a:pt x="10036" y="508"/>
                  </a:lnTo>
                  <a:lnTo>
                    <a:pt x="10036" y="491"/>
                  </a:lnTo>
                  <a:lnTo>
                    <a:pt x="10036" y="472"/>
                  </a:lnTo>
                  <a:lnTo>
                    <a:pt x="10034" y="452"/>
                  </a:lnTo>
                  <a:lnTo>
                    <a:pt x="10031" y="434"/>
                  </a:lnTo>
                  <a:lnTo>
                    <a:pt x="10026" y="416"/>
                  </a:lnTo>
                  <a:lnTo>
                    <a:pt x="10020" y="400"/>
                  </a:lnTo>
                  <a:lnTo>
                    <a:pt x="10013" y="383"/>
                  </a:lnTo>
                  <a:lnTo>
                    <a:pt x="10005" y="368"/>
                  </a:lnTo>
                  <a:lnTo>
                    <a:pt x="9995" y="355"/>
                  </a:lnTo>
                  <a:lnTo>
                    <a:pt x="9984" y="342"/>
                  </a:lnTo>
                  <a:lnTo>
                    <a:pt x="9972" y="331"/>
                  </a:lnTo>
                  <a:lnTo>
                    <a:pt x="9964" y="325"/>
                  </a:lnTo>
                  <a:lnTo>
                    <a:pt x="9957" y="321"/>
                  </a:lnTo>
                  <a:lnTo>
                    <a:pt x="9950" y="316"/>
                  </a:lnTo>
                  <a:lnTo>
                    <a:pt x="9942" y="312"/>
                  </a:lnTo>
                  <a:lnTo>
                    <a:pt x="9934" y="309"/>
                  </a:lnTo>
                  <a:lnTo>
                    <a:pt x="9925" y="306"/>
                  </a:lnTo>
                  <a:lnTo>
                    <a:pt x="9917" y="303"/>
                  </a:lnTo>
                  <a:lnTo>
                    <a:pt x="9906" y="301"/>
                  </a:lnTo>
                  <a:lnTo>
                    <a:pt x="9897" y="299"/>
                  </a:lnTo>
                  <a:lnTo>
                    <a:pt x="9887" y="298"/>
                  </a:lnTo>
                  <a:lnTo>
                    <a:pt x="9877" y="297"/>
                  </a:lnTo>
                  <a:lnTo>
                    <a:pt x="9866" y="297"/>
                  </a:lnTo>
                  <a:close/>
                  <a:moveTo>
                    <a:pt x="9198" y="809"/>
                  </a:moveTo>
                  <a:lnTo>
                    <a:pt x="9198" y="745"/>
                  </a:lnTo>
                  <a:lnTo>
                    <a:pt x="9187" y="754"/>
                  </a:lnTo>
                  <a:lnTo>
                    <a:pt x="9177" y="763"/>
                  </a:lnTo>
                  <a:lnTo>
                    <a:pt x="9165" y="772"/>
                  </a:lnTo>
                  <a:lnTo>
                    <a:pt x="9153" y="779"/>
                  </a:lnTo>
                  <a:lnTo>
                    <a:pt x="9140" y="786"/>
                  </a:lnTo>
                  <a:lnTo>
                    <a:pt x="9127" y="794"/>
                  </a:lnTo>
                  <a:lnTo>
                    <a:pt x="9114" y="800"/>
                  </a:lnTo>
                  <a:lnTo>
                    <a:pt x="9099" y="805"/>
                  </a:lnTo>
                  <a:lnTo>
                    <a:pt x="9084" y="809"/>
                  </a:lnTo>
                  <a:lnTo>
                    <a:pt x="9069" y="813"/>
                  </a:lnTo>
                  <a:lnTo>
                    <a:pt x="9053" y="817"/>
                  </a:lnTo>
                  <a:lnTo>
                    <a:pt x="9035" y="819"/>
                  </a:lnTo>
                  <a:lnTo>
                    <a:pt x="9018" y="821"/>
                  </a:lnTo>
                  <a:lnTo>
                    <a:pt x="9000" y="823"/>
                  </a:lnTo>
                  <a:lnTo>
                    <a:pt x="8980" y="824"/>
                  </a:lnTo>
                  <a:lnTo>
                    <a:pt x="8961" y="824"/>
                  </a:lnTo>
                  <a:lnTo>
                    <a:pt x="8934" y="823"/>
                  </a:lnTo>
                  <a:lnTo>
                    <a:pt x="8907" y="821"/>
                  </a:lnTo>
                  <a:lnTo>
                    <a:pt x="8882" y="818"/>
                  </a:lnTo>
                  <a:lnTo>
                    <a:pt x="8857" y="814"/>
                  </a:lnTo>
                  <a:lnTo>
                    <a:pt x="8833" y="807"/>
                  </a:lnTo>
                  <a:lnTo>
                    <a:pt x="8810" y="800"/>
                  </a:lnTo>
                  <a:lnTo>
                    <a:pt x="8800" y="795"/>
                  </a:lnTo>
                  <a:lnTo>
                    <a:pt x="8789" y="790"/>
                  </a:lnTo>
                  <a:lnTo>
                    <a:pt x="8779" y="784"/>
                  </a:lnTo>
                  <a:lnTo>
                    <a:pt x="8770" y="779"/>
                  </a:lnTo>
                  <a:lnTo>
                    <a:pt x="8761" y="773"/>
                  </a:lnTo>
                  <a:lnTo>
                    <a:pt x="8751" y="766"/>
                  </a:lnTo>
                  <a:lnTo>
                    <a:pt x="8743" y="759"/>
                  </a:lnTo>
                  <a:lnTo>
                    <a:pt x="8735" y="752"/>
                  </a:lnTo>
                  <a:lnTo>
                    <a:pt x="8728" y="744"/>
                  </a:lnTo>
                  <a:lnTo>
                    <a:pt x="8721" y="736"/>
                  </a:lnTo>
                  <a:lnTo>
                    <a:pt x="8715" y="727"/>
                  </a:lnTo>
                  <a:lnTo>
                    <a:pt x="8710" y="717"/>
                  </a:lnTo>
                  <a:lnTo>
                    <a:pt x="8705" y="707"/>
                  </a:lnTo>
                  <a:lnTo>
                    <a:pt x="8700" y="697"/>
                  </a:lnTo>
                  <a:lnTo>
                    <a:pt x="8696" y="686"/>
                  </a:lnTo>
                  <a:lnTo>
                    <a:pt x="8692" y="675"/>
                  </a:lnTo>
                  <a:lnTo>
                    <a:pt x="8690" y="663"/>
                  </a:lnTo>
                  <a:lnTo>
                    <a:pt x="8688" y="650"/>
                  </a:lnTo>
                  <a:lnTo>
                    <a:pt x="8687" y="637"/>
                  </a:lnTo>
                  <a:lnTo>
                    <a:pt x="8687" y="624"/>
                  </a:lnTo>
                  <a:lnTo>
                    <a:pt x="8687" y="607"/>
                  </a:lnTo>
                  <a:lnTo>
                    <a:pt x="8690" y="592"/>
                  </a:lnTo>
                  <a:lnTo>
                    <a:pt x="8693" y="576"/>
                  </a:lnTo>
                  <a:lnTo>
                    <a:pt x="8699" y="562"/>
                  </a:lnTo>
                  <a:lnTo>
                    <a:pt x="8706" y="549"/>
                  </a:lnTo>
                  <a:lnTo>
                    <a:pt x="8713" y="537"/>
                  </a:lnTo>
                  <a:lnTo>
                    <a:pt x="8721" y="525"/>
                  </a:lnTo>
                  <a:lnTo>
                    <a:pt x="8731" y="514"/>
                  </a:lnTo>
                  <a:lnTo>
                    <a:pt x="8741" y="504"/>
                  </a:lnTo>
                  <a:lnTo>
                    <a:pt x="8752" y="495"/>
                  </a:lnTo>
                  <a:lnTo>
                    <a:pt x="8764" y="487"/>
                  </a:lnTo>
                  <a:lnTo>
                    <a:pt x="8776" y="480"/>
                  </a:lnTo>
                  <a:lnTo>
                    <a:pt x="8789" y="473"/>
                  </a:lnTo>
                  <a:lnTo>
                    <a:pt x="8802" y="467"/>
                  </a:lnTo>
                  <a:lnTo>
                    <a:pt x="8816" y="462"/>
                  </a:lnTo>
                  <a:lnTo>
                    <a:pt x="8829" y="456"/>
                  </a:lnTo>
                  <a:lnTo>
                    <a:pt x="8842" y="452"/>
                  </a:lnTo>
                  <a:lnTo>
                    <a:pt x="8855" y="449"/>
                  </a:lnTo>
                  <a:lnTo>
                    <a:pt x="8869" y="446"/>
                  </a:lnTo>
                  <a:lnTo>
                    <a:pt x="8885" y="443"/>
                  </a:lnTo>
                  <a:lnTo>
                    <a:pt x="8917" y="438"/>
                  </a:lnTo>
                  <a:lnTo>
                    <a:pt x="8952" y="434"/>
                  </a:lnTo>
                  <a:lnTo>
                    <a:pt x="8987" y="431"/>
                  </a:lnTo>
                  <a:lnTo>
                    <a:pt x="9022" y="430"/>
                  </a:lnTo>
                  <a:lnTo>
                    <a:pt x="9057" y="429"/>
                  </a:lnTo>
                  <a:lnTo>
                    <a:pt x="9090" y="428"/>
                  </a:lnTo>
                  <a:lnTo>
                    <a:pt x="9189" y="428"/>
                  </a:lnTo>
                  <a:lnTo>
                    <a:pt x="9188" y="406"/>
                  </a:lnTo>
                  <a:lnTo>
                    <a:pt x="9186" y="386"/>
                  </a:lnTo>
                  <a:lnTo>
                    <a:pt x="9184" y="377"/>
                  </a:lnTo>
                  <a:lnTo>
                    <a:pt x="9181" y="368"/>
                  </a:lnTo>
                  <a:lnTo>
                    <a:pt x="9179" y="360"/>
                  </a:lnTo>
                  <a:lnTo>
                    <a:pt x="9176" y="353"/>
                  </a:lnTo>
                  <a:lnTo>
                    <a:pt x="9172" y="346"/>
                  </a:lnTo>
                  <a:lnTo>
                    <a:pt x="9168" y="340"/>
                  </a:lnTo>
                  <a:lnTo>
                    <a:pt x="9164" y="334"/>
                  </a:lnTo>
                  <a:lnTo>
                    <a:pt x="9160" y="328"/>
                  </a:lnTo>
                  <a:lnTo>
                    <a:pt x="9149" y="319"/>
                  </a:lnTo>
                  <a:lnTo>
                    <a:pt x="9138" y="311"/>
                  </a:lnTo>
                  <a:lnTo>
                    <a:pt x="9125" y="304"/>
                  </a:lnTo>
                  <a:lnTo>
                    <a:pt x="9112" y="299"/>
                  </a:lnTo>
                  <a:lnTo>
                    <a:pt x="9096" y="296"/>
                  </a:lnTo>
                  <a:lnTo>
                    <a:pt x="9081" y="293"/>
                  </a:lnTo>
                  <a:lnTo>
                    <a:pt x="9064" y="291"/>
                  </a:lnTo>
                  <a:lnTo>
                    <a:pt x="9047" y="290"/>
                  </a:lnTo>
                  <a:lnTo>
                    <a:pt x="9029" y="289"/>
                  </a:lnTo>
                  <a:lnTo>
                    <a:pt x="9010" y="289"/>
                  </a:lnTo>
                  <a:lnTo>
                    <a:pt x="8982" y="289"/>
                  </a:lnTo>
                  <a:lnTo>
                    <a:pt x="8955" y="291"/>
                  </a:lnTo>
                  <a:lnTo>
                    <a:pt x="8925" y="294"/>
                  </a:lnTo>
                  <a:lnTo>
                    <a:pt x="8896" y="298"/>
                  </a:lnTo>
                  <a:lnTo>
                    <a:pt x="8866" y="304"/>
                  </a:lnTo>
                  <a:lnTo>
                    <a:pt x="8837" y="310"/>
                  </a:lnTo>
                  <a:lnTo>
                    <a:pt x="8807" y="318"/>
                  </a:lnTo>
                  <a:lnTo>
                    <a:pt x="8780" y="327"/>
                  </a:lnTo>
                  <a:lnTo>
                    <a:pt x="8780" y="203"/>
                  </a:lnTo>
                  <a:lnTo>
                    <a:pt x="8816" y="193"/>
                  </a:lnTo>
                  <a:lnTo>
                    <a:pt x="8852" y="186"/>
                  </a:lnTo>
                  <a:lnTo>
                    <a:pt x="8889" y="181"/>
                  </a:lnTo>
                  <a:lnTo>
                    <a:pt x="8924" y="177"/>
                  </a:lnTo>
                  <a:lnTo>
                    <a:pt x="8959" y="174"/>
                  </a:lnTo>
                  <a:lnTo>
                    <a:pt x="8993" y="172"/>
                  </a:lnTo>
                  <a:lnTo>
                    <a:pt x="9024" y="171"/>
                  </a:lnTo>
                  <a:lnTo>
                    <a:pt x="9054" y="170"/>
                  </a:lnTo>
                  <a:lnTo>
                    <a:pt x="9074" y="171"/>
                  </a:lnTo>
                  <a:lnTo>
                    <a:pt x="9094" y="171"/>
                  </a:lnTo>
                  <a:lnTo>
                    <a:pt x="9115" y="172"/>
                  </a:lnTo>
                  <a:lnTo>
                    <a:pt x="9133" y="174"/>
                  </a:lnTo>
                  <a:lnTo>
                    <a:pt x="9151" y="176"/>
                  </a:lnTo>
                  <a:lnTo>
                    <a:pt x="9169" y="179"/>
                  </a:lnTo>
                  <a:lnTo>
                    <a:pt x="9185" y="182"/>
                  </a:lnTo>
                  <a:lnTo>
                    <a:pt x="9201" y="186"/>
                  </a:lnTo>
                  <a:lnTo>
                    <a:pt x="9217" y="190"/>
                  </a:lnTo>
                  <a:lnTo>
                    <a:pt x="9231" y="194"/>
                  </a:lnTo>
                  <a:lnTo>
                    <a:pt x="9245" y="200"/>
                  </a:lnTo>
                  <a:lnTo>
                    <a:pt x="9258" y="206"/>
                  </a:lnTo>
                  <a:lnTo>
                    <a:pt x="9270" y="212"/>
                  </a:lnTo>
                  <a:lnTo>
                    <a:pt x="9283" y="218"/>
                  </a:lnTo>
                  <a:lnTo>
                    <a:pt x="9294" y="225"/>
                  </a:lnTo>
                  <a:lnTo>
                    <a:pt x="9304" y="232"/>
                  </a:lnTo>
                  <a:lnTo>
                    <a:pt x="9313" y="240"/>
                  </a:lnTo>
                  <a:lnTo>
                    <a:pt x="9322" y="249"/>
                  </a:lnTo>
                  <a:lnTo>
                    <a:pt x="9331" y="257"/>
                  </a:lnTo>
                  <a:lnTo>
                    <a:pt x="9339" y="267"/>
                  </a:lnTo>
                  <a:lnTo>
                    <a:pt x="9346" y="277"/>
                  </a:lnTo>
                  <a:lnTo>
                    <a:pt x="9353" y="287"/>
                  </a:lnTo>
                  <a:lnTo>
                    <a:pt x="9358" y="298"/>
                  </a:lnTo>
                  <a:lnTo>
                    <a:pt x="9364" y="309"/>
                  </a:lnTo>
                  <a:lnTo>
                    <a:pt x="9368" y="320"/>
                  </a:lnTo>
                  <a:lnTo>
                    <a:pt x="9372" y="333"/>
                  </a:lnTo>
                  <a:lnTo>
                    <a:pt x="9375" y="346"/>
                  </a:lnTo>
                  <a:lnTo>
                    <a:pt x="9378" y="359"/>
                  </a:lnTo>
                  <a:lnTo>
                    <a:pt x="9380" y="372"/>
                  </a:lnTo>
                  <a:lnTo>
                    <a:pt x="9381" y="386"/>
                  </a:lnTo>
                  <a:lnTo>
                    <a:pt x="9382" y="401"/>
                  </a:lnTo>
                  <a:lnTo>
                    <a:pt x="9383" y="416"/>
                  </a:lnTo>
                  <a:lnTo>
                    <a:pt x="9383" y="809"/>
                  </a:lnTo>
                  <a:lnTo>
                    <a:pt x="9198" y="809"/>
                  </a:lnTo>
                  <a:close/>
                  <a:moveTo>
                    <a:pt x="9189" y="532"/>
                  </a:moveTo>
                  <a:lnTo>
                    <a:pt x="9120" y="532"/>
                  </a:lnTo>
                  <a:lnTo>
                    <a:pt x="9075" y="533"/>
                  </a:lnTo>
                  <a:lnTo>
                    <a:pt x="9032" y="535"/>
                  </a:lnTo>
                  <a:lnTo>
                    <a:pt x="9012" y="537"/>
                  </a:lnTo>
                  <a:lnTo>
                    <a:pt x="8993" y="540"/>
                  </a:lnTo>
                  <a:lnTo>
                    <a:pt x="8974" y="544"/>
                  </a:lnTo>
                  <a:lnTo>
                    <a:pt x="8958" y="548"/>
                  </a:lnTo>
                  <a:lnTo>
                    <a:pt x="8943" y="553"/>
                  </a:lnTo>
                  <a:lnTo>
                    <a:pt x="8929" y="559"/>
                  </a:lnTo>
                  <a:lnTo>
                    <a:pt x="8916" y="567"/>
                  </a:lnTo>
                  <a:lnTo>
                    <a:pt x="8906" y="575"/>
                  </a:lnTo>
                  <a:lnTo>
                    <a:pt x="8902" y="580"/>
                  </a:lnTo>
                  <a:lnTo>
                    <a:pt x="8898" y="584"/>
                  </a:lnTo>
                  <a:lnTo>
                    <a:pt x="8895" y="590"/>
                  </a:lnTo>
                  <a:lnTo>
                    <a:pt x="8893" y="596"/>
                  </a:lnTo>
                  <a:lnTo>
                    <a:pt x="8890" y="602"/>
                  </a:lnTo>
                  <a:lnTo>
                    <a:pt x="8889" y="608"/>
                  </a:lnTo>
                  <a:lnTo>
                    <a:pt x="8888" y="615"/>
                  </a:lnTo>
                  <a:lnTo>
                    <a:pt x="8888" y="622"/>
                  </a:lnTo>
                  <a:lnTo>
                    <a:pt x="8888" y="633"/>
                  </a:lnTo>
                  <a:lnTo>
                    <a:pt x="8890" y="644"/>
                  </a:lnTo>
                  <a:lnTo>
                    <a:pt x="8892" y="653"/>
                  </a:lnTo>
                  <a:lnTo>
                    <a:pt x="8896" y="663"/>
                  </a:lnTo>
                  <a:lnTo>
                    <a:pt x="8900" y="670"/>
                  </a:lnTo>
                  <a:lnTo>
                    <a:pt x="8905" y="677"/>
                  </a:lnTo>
                  <a:lnTo>
                    <a:pt x="8911" y="683"/>
                  </a:lnTo>
                  <a:lnTo>
                    <a:pt x="8918" y="688"/>
                  </a:lnTo>
                  <a:lnTo>
                    <a:pt x="8926" y="692"/>
                  </a:lnTo>
                  <a:lnTo>
                    <a:pt x="8936" y="696"/>
                  </a:lnTo>
                  <a:lnTo>
                    <a:pt x="8945" y="698"/>
                  </a:lnTo>
                  <a:lnTo>
                    <a:pt x="8955" y="701"/>
                  </a:lnTo>
                  <a:lnTo>
                    <a:pt x="8965" y="702"/>
                  </a:lnTo>
                  <a:lnTo>
                    <a:pt x="8977" y="703"/>
                  </a:lnTo>
                  <a:lnTo>
                    <a:pt x="8989" y="704"/>
                  </a:lnTo>
                  <a:lnTo>
                    <a:pt x="9002" y="703"/>
                  </a:lnTo>
                  <a:lnTo>
                    <a:pt x="9024" y="702"/>
                  </a:lnTo>
                  <a:lnTo>
                    <a:pt x="9047" y="699"/>
                  </a:lnTo>
                  <a:lnTo>
                    <a:pt x="9069" y="695"/>
                  </a:lnTo>
                  <a:lnTo>
                    <a:pt x="9093" y="689"/>
                  </a:lnTo>
                  <a:lnTo>
                    <a:pt x="9105" y="686"/>
                  </a:lnTo>
                  <a:lnTo>
                    <a:pt x="9117" y="681"/>
                  </a:lnTo>
                  <a:lnTo>
                    <a:pt x="9129" y="677"/>
                  </a:lnTo>
                  <a:lnTo>
                    <a:pt x="9141" y="671"/>
                  </a:lnTo>
                  <a:lnTo>
                    <a:pt x="9152" y="665"/>
                  </a:lnTo>
                  <a:lnTo>
                    <a:pt x="9165" y="658"/>
                  </a:lnTo>
                  <a:lnTo>
                    <a:pt x="9177" y="649"/>
                  </a:lnTo>
                  <a:lnTo>
                    <a:pt x="9189" y="641"/>
                  </a:lnTo>
                  <a:lnTo>
                    <a:pt x="9189" y="532"/>
                  </a:lnTo>
                  <a:close/>
                  <a:moveTo>
                    <a:pt x="8396" y="809"/>
                  </a:moveTo>
                  <a:lnTo>
                    <a:pt x="8396" y="516"/>
                  </a:lnTo>
                  <a:lnTo>
                    <a:pt x="8396" y="495"/>
                  </a:lnTo>
                  <a:lnTo>
                    <a:pt x="8395" y="474"/>
                  </a:lnTo>
                  <a:lnTo>
                    <a:pt x="8395" y="453"/>
                  </a:lnTo>
                  <a:lnTo>
                    <a:pt x="8393" y="434"/>
                  </a:lnTo>
                  <a:lnTo>
                    <a:pt x="8391" y="415"/>
                  </a:lnTo>
                  <a:lnTo>
                    <a:pt x="8387" y="398"/>
                  </a:lnTo>
                  <a:lnTo>
                    <a:pt x="8382" y="381"/>
                  </a:lnTo>
                  <a:lnTo>
                    <a:pt x="8376" y="367"/>
                  </a:lnTo>
                  <a:lnTo>
                    <a:pt x="8373" y="360"/>
                  </a:lnTo>
                  <a:lnTo>
                    <a:pt x="8368" y="353"/>
                  </a:lnTo>
                  <a:lnTo>
                    <a:pt x="8364" y="347"/>
                  </a:lnTo>
                  <a:lnTo>
                    <a:pt x="8359" y="342"/>
                  </a:lnTo>
                  <a:lnTo>
                    <a:pt x="8353" y="336"/>
                  </a:lnTo>
                  <a:lnTo>
                    <a:pt x="8346" y="331"/>
                  </a:lnTo>
                  <a:lnTo>
                    <a:pt x="8339" y="326"/>
                  </a:lnTo>
                  <a:lnTo>
                    <a:pt x="8332" y="322"/>
                  </a:lnTo>
                  <a:lnTo>
                    <a:pt x="8324" y="318"/>
                  </a:lnTo>
                  <a:lnTo>
                    <a:pt x="8316" y="315"/>
                  </a:lnTo>
                  <a:lnTo>
                    <a:pt x="8307" y="312"/>
                  </a:lnTo>
                  <a:lnTo>
                    <a:pt x="8297" y="310"/>
                  </a:lnTo>
                  <a:lnTo>
                    <a:pt x="8286" y="308"/>
                  </a:lnTo>
                  <a:lnTo>
                    <a:pt x="8274" y="307"/>
                  </a:lnTo>
                  <a:lnTo>
                    <a:pt x="8262" y="306"/>
                  </a:lnTo>
                  <a:lnTo>
                    <a:pt x="8250" y="306"/>
                  </a:lnTo>
                  <a:lnTo>
                    <a:pt x="8240" y="306"/>
                  </a:lnTo>
                  <a:lnTo>
                    <a:pt x="8229" y="307"/>
                  </a:lnTo>
                  <a:lnTo>
                    <a:pt x="8218" y="308"/>
                  </a:lnTo>
                  <a:lnTo>
                    <a:pt x="8208" y="310"/>
                  </a:lnTo>
                  <a:lnTo>
                    <a:pt x="8197" y="312"/>
                  </a:lnTo>
                  <a:lnTo>
                    <a:pt x="8186" y="315"/>
                  </a:lnTo>
                  <a:lnTo>
                    <a:pt x="8175" y="319"/>
                  </a:lnTo>
                  <a:lnTo>
                    <a:pt x="8164" y="323"/>
                  </a:lnTo>
                  <a:lnTo>
                    <a:pt x="8154" y="328"/>
                  </a:lnTo>
                  <a:lnTo>
                    <a:pt x="8143" y="334"/>
                  </a:lnTo>
                  <a:lnTo>
                    <a:pt x="8133" y="340"/>
                  </a:lnTo>
                  <a:lnTo>
                    <a:pt x="8123" y="347"/>
                  </a:lnTo>
                  <a:lnTo>
                    <a:pt x="8113" y="354"/>
                  </a:lnTo>
                  <a:lnTo>
                    <a:pt x="8103" y="362"/>
                  </a:lnTo>
                  <a:lnTo>
                    <a:pt x="8094" y="371"/>
                  </a:lnTo>
                  <a:lnTo>
                    <a:pt x="8086" y="381"/>
                  </a:lnTo>
                  <a:lnTo>
                    <a:pt x="8086" y="809"/>
                  </a:lnTo>
                  <a:lnTo>
                    <a:pt x="7887" y="809"/>
                  </a:lnTo>
                  <a:lnTo>
                    <a:pt x="7887" y="183"/>
                  </a:lnTo>
                  <a:lnTo>
                    <a:pt x="8086" y="183"/>
                  </a:lnTo>
                  <a:lnTo>
                    <a:pt x="8086" y="248"/>
                  </a:lnTo>
                  <a:lnTo>
                    <a:pt x="8095" y="239"/>
                  </a:lnTo>
                  <a:lnTo>
                    <a:pt x="8106" y="231"/>
                  </a:lnTo>
                  <a:lnTo>
                    <a:pt x="8117" y="224"/>
                  </a:lnTo>
                  <a:lnTo>
                    <a:pt x="8130" y="217"/>
                  </a:lnTo>
                  <a:lnTo>
                    <a:pt x="8142" y="210"/>
                  </a:lnTo>
                  <a:lnTo>
                    <a:pt x="8155" y="204"/>
                  </a:lnTo>
                  <a:lnTo>
                    <a:pt x="8169" y="197"/>
                  </a:lnTo>
                  <a:lnTo>
                    <a:pt x="8184" y="192"/>
                  </a:lnTo>
                  <a:lnTo>
                    <a:pt x="8199" y="187"/>
                  </a:lnTo>
                  <a:lnTo>
                    <a:pt x="8214" y="183"/>
                  </a:lnTo>
                  <a:lnTo>
                    <a:pt x="8229" y="179"/>
                  </a:lnTo>
                  <a:lnTo>
                    <a:pt x="8246" y="176"/>
                  </a:lnTo>
                  <a:lnTo>
                    <a:pt x="8262" y="174"/>
                  </a:lnTo>
                  <a:lnTo>
                    <a:pt x="8278" y="172"/>
                  </a:lnTo>
                  <a:lnTo>
                    <a:pt x="8296" y="171"/>
                  </a:lnTo>
                  <a:lnTo>
                    <a:pt x="8312" y="170"/>
                  </a:lnTo>
                  <a:lnTo>
                    <a:pt x="8334" y="171"/>
                  </a:lnTo>
                  <a:lnTo>
                    <a:pt x="8357" y="172"/>
                  </a:lnTo>
                  <a:lnTo>
                    <a:pt x="8376" y="174"/>
                  </a:lnTo>
                  <a:lnTo>
                    <a:pt x="8395" y="177"/>
                  </a:lnTo>
                  <a:lnTo>
                    <a:pt x="8414" y="180"/>
                  </a:lnTo>
                  <a:lnTo>
                    <a:pt x="8430" y="184"/>
                  </a:lnTo>
                  <a:lnTo>
                    <a:pt x="8446" y="189"/>
                  </a:lnTo>
                  <a:lnTo>
                    <a:pt x="8461" y="195"/>
                  </a:lnTo>
                  <a:lnTo>
                    <a:pt x="8475" y="202"/>
                  </a:lnTo>
                  <a:lnTo>
                    <a:pt x="8488" y="208"/>
                  </a:lnTo>
                  <a:lnTo>
                    <a:pt x="8500" y="216"/>
                  </a:lnTo>
                  <a:lnTo>
                    <a:pt x="8511" y="223"/>
                  </a:lnTo>
                  <a:lnTo>
                    <a:pt x="8521" y="232"/>
                  </a:lnTo>
                  <a:lnTo>
                    <a:pt x="8531" y="240"/>
                  </a:lnTo>
                  <a:lnTo>
                    <a:pt x="8540" y="250"/>
                  </a:lnTo>
                  <a:lnTo>
                    <a:pt x="8547" y="259"/>
                  </a:lnTo>
                  <a:lnTo>
                    <a:pt x="8554" y="270"/>
                  </a:lnTo>
                  <a:lnTo>
                    <a:pt x="8561" y="281"/>
                  </a:lnTo>
                  <a:lnTo>
                    <a:pt x="8566" y="291"/>
                  </a:lnTo>
                  <a:lnTo>
                    <a:pt x="8572" y="302"/>
                  </a:lnTo>
                  <a:lnTo>
                    <a:pt x="8576" y="314"/>
                  </a:lnTo>
                  <a:lnTo>
                    <a:pt x="8580" y="325"/>
                  </a:lnTo>
                  <a:lnTo>
                    <a:pt x="8584" y="338"/>
                  </a:lnTo>
                  <a:lnTo>
                    <a:pt x="8587" y="350"/>
                  </a:lnTo>
                  <a:lnTo>
                    <a:pt x="8592" y="375"/>
                  </a:lnTo>
                  <a:lnTo>
                    <a:pt x="8595" y="401"/>
                  </a:lnTo>
                  <a:lnTo>
                    <a:pt x="8596" y="426"/>
                  </a:lnTo>
                  <a:lnTo>
                    <a:pt x="8597" y="452"/>
                  </a:lnTo>
                  <a:lnTo>
                    <a:pt x="8597" y="809"/>
                  </a:lnTo>
                  <a:lnTo>
                    <a:pt x="8396" y="809"/>
                  </a:lnTo>
                  <a:close/>
                  <a:moveTo>
                    <a:pt x="7563" y="809"/>
                  </a:moveTo>
                  <a:lnTo>
                    <a:pt x="7563" y="745"/>
                  </a:lnTo>
                  <a:lnTo>
                    <a:pt x="7552" y="754"/>
                  </a:lnTo>
                  <a:lnTo>
                    <a:pt x="7541" y="763"/>
                  </a:lnTo>
                  <a:lnTo>
                    <a:pt x="7529" y="772"/>
                  </a:lnTo>
                  <a:lnTo>
                    <a:pt x="7518" y="779"/>
                  </a:lnTo>
                  <a:lnTo>
                    <a:pt x="7505" y="786"/>
                  </a:lnTo>
                  <a:lnTo>
                    <a:pt x="7492" y="794"/>
                  </a:lnTo>
                  <a:lnTo>
                    <a:pt x="7478" y="800"/>
                  </a:lnTo>
                  <a:lnTo>
                    <a:pt x="7464" y="805"/>
                  </a:lnTo>
                  <a:lnTo>
                    <a:pt x="7449" y="809"/>
                  </a:lnTo>
                  <a:lnTo>
                    <a:pt x="7434" y="813"/>
                  </a:lnTo>
                  <a:lnTo>
                    <a:pt x="7417" y="817"/>
                  </a:lnTo>
                  <a:lnTo>
                    <a:pt x="7400" y="819"/>
                  </a:lnTo>
                  <a:lnTo>
                    <a:pt x="7383" y="821"/>
                  </a:lnTo>
                  <a:lnTo>
                    <a:pt x="7364" y="823"/>
                  </a:lnTo>
                  <a:lnTo>
                    <a:pt x="7345" y="824"/>
                  </a:lnTo>
                  <a:lnTo>
                    <a:pt x="7326" y="824"/>
                  </a:lnTo>
                  <a:lnTo>
                    <a:pt x="7298" y="823"/>
                  </a:lnTo>
                  <a:lnTo>
                    <a:pt x="7272" y="821"/>
                  </a:lnTo>
                  <a:lnTo>
                    <a:pt x="7246" y="818"/>
                  </a:lnTo>
                  <a:lnTo>
                    <a:pt x="7222" y="814"/>
                  </a:lnTo>
                  <a:lnTo>
                    <a:pt x="7198" y="807"/>
                  </a:lnTo>
                  <a:lnTo>
                    <a:pt x="7175" y="800"/>
                  </a:lnTo>
                  <a:lnTo>
                    <a:pt x="7164" y="795"/>
                  </a:lnTo>
                  <a:lnTo>
                    <a:pt x="7154" y="790"/>
                  </a:lnTo>
                  <a:lnTo>
                    <a:pt x="7144" y="784"/>
                  </a:lnTo>
                  <a:lnTo>
                    <a:pt x="7134" y="779"/>
                  </a:lnTo>
                  <a:lnTo>
                    <a:pt x="7125" y="773"/>
                  </a:lnTo>
                  <a:lnTo>
                    <a:pt x="7116" y="766"/>
                  </a:lnTo>
                  <a:lnTo>
                    <a:pt x="7108" y="759"/>
                  </a:lnTo>
                  <a:lnTo>
                    <a:pt x="7100" y="752"/>
                  </a:lnTo>
                  <a:lnTo>
                    <a:pt x="7093" y="744"/>
                  </a:lnTo>
                  <a:lnTo>
                    <a:pt x="7086" y="736"/>
                  </a:lnTo>
                  <a:lnTo>
                    <a:pt x="7079" y="727"/>
                  </a:lnTo>
                  <a:lnTo>
                    <a:pt x="7074" y="717"/>
                  </a:lnTo>
                  <a:lnTo>
                    <a:pt x="7069" y="707"/>
                  </a:lnTo>
                  <a:lnTo>
                    <a:pt x="7064" y="697"/>
                  </a:lnTo>
                  <a:lnTo>
                    <a:pt x="7060" y="686"/>
                  </a:lnTo>
                  <a:lnTo>
                    <a:pt x="7057" y="675"/>
                  </a:lnTo>
                  <a:lnTo>
                    <a:pt x="7055" y="663"/>
                  </a:lnTo>
                  <a:lnTo>
                    <a:pt x="7053" y="650"/>
                  </a:lnTo>
                  <a:lnTo>
                    <a:pt x="7052" y="637"/>
                  </a:lnTo>
                  <a:lnTo>
                    <a:pt x="7052" y="624"/>
                  </a:lnTo>
                  <a:lnTo>
                    <a:pt x="7052" y="607"/>
                  </a:lnTo>
                  <a:lnTo>
                    <a:pt x="7055" y="592"/>
                  </a:lnTo>
                  <a:lnTo>
                    <a:pt x="7058" y="576"/>
                  </a:lnTo>
                  <a:lnTo>
                    <a:pt x="7063" y="562"/>
                  </a:lnTo>
                  <a:lnTo>
                    <a:pt x="7070" y="549"/>
                  </a:lnTo>
                  <a:lnTo>
                    <a:pt x="7077" y="537"/>
                  </a:lnTo>
                  <a:lnTo>
                    <a:pt x="7086" y="525"/>
                  </a:lnTo>
                  <a:lnTo>
                    <a:pt x="7096" y="514"/>
                  </a:lnTo>
                  <a:lnTo>
                    <a:pt x="7106" y="504"/>
                  </a:lnTo>
                  <a:lnTo>
                    <a:pt x="7117" y="495"/>
                  </a:lnTo>
                  <a:lnTo>
                    <a:pt x="7128" y="487"/>
                  </a:lnTo>
                  <a:lnTo>
                    <a:pt x="7141" y="480"/>
                  </a:lnTo>
                  <a:lnTo>
                    <a:pt x="7154" y="473"/>
                  </a:lnTo>
                  <a:lnTo>
                    <a:pt x="7167" y="467"/>
                  </a:lnTo>
                  <a:lnTo>
                    <a:pt x="7180" y="462"/>
                  </a:lnTo>
                  <a:lnTo>
                    <a:pt x="7193" y="456"/>
                  </a:lnTo>
                  <a:lnTo>
                    <a:pt x="7206" y="452"/>
                  </a:lnTo>
                  <a:lnTo>
                    <a:pt x="7220" y="449"/>
                  </a:lnTo>
                  <a:lnTo>
                    <a:pt x="7234" y="446"/>
                  </a:lnTo>
                  <a:lnTo>
                    <a:pt x="7249" y="443"/>
                  </a:lnTo>
                  <a:lnTo>
                    <a:pt x="7282" y="438"/>
                  </a:lnTo>
                  <a:lnTo>
                    <a:pt x="7317" y="434"/>
                  </a:lnTo>
                  <a:lnTo>
                    <a:pt x="7351" y="431"/>
                  </a:lnTo>
                  <a:lnTo>
                    <a:pt x="7387" y="430"/>
                  </a:lnTo>
                  <a:lnTo>
                    <a:pt x="7421" y="429"/>
                  </a:lnTo>
                  <a:lnTo>
                    <a:pt x="7455" y="428"/>
                  </a:lnTo>
                  <a:lnTo>
                    <a:pt x="7554" y="428"/>
                  </a:lnTo>
                  <a:lnTo>
                    <a:pt x="7553" y="406"/>
                  </a:lnTo>
                  <a:lnTo>
                    <a:pt x="7550" y="386"/>
                  </a:lnTo>
                  <a:lnTo>
                    <a:pt x="7548" y="377"/>
                  </a:lnTo>
                  <a:lnTo>
                    <a:pt x="7546" y="368"/>
                  </a:lnTo>
                  <a:lnTo>
                    <a:pt x="7544" y="360"/>
                  </a:lnTo>
                  <a:lnTo>
                    <a:pt x="7539" y="353"/>
                  </a:lnTo>
                  <a:lnTo>
                    <a:pt x="7536" y="346"/>
                  </a:lnTo>
                  <a:lnTo>
                    <a:pt x="7532" y="340"/>
                  </a:lnTo>
                  <a:lnTo>
                    <a:pt x="7528" y="334"/>
                  </a:lnTo>
                  <a:lnTo>
                    <a:pt x="7524" y="328"/>
                  </a:lnTo>
                  <a:lnTo>
                    <a:pt x="7514" y="319"/>
                  </a:lnTo>
                  <a:lnTo>
                    <a:pt x="7502" y="311"/>
                  </a:lnTo>
                  <a:lnTo>
                    <a:pt x="7490" y="304"/>
                  </a:lnTo>
                  <a:lnTo>
                    <a:pt x="7476" y="299"/>
                  </a:lnTo>
                  <a:lnTo>
                    <a:pt x="7461" y="296"/>
                  </a:lnTo>
                  <a:lnTo>
                    <a:pt x="7446" y="293"/>
                  </a:lnTo>
                  <a:lnTo>
                    <a:pt x="7429" y="291"/>
                  </a:lnTo>
                  <a:lnTo>
                    <a:pt x="7411" y="290"/>
                  </a:lnTo>
                  <a:lnTo>
                    <a:pt x="7394" y="289"/>
                  </a:lnTo>
                  <a:lnTo>
                    <a:pt x="7375" y="289"/>
                  </a:lnTo>
                  <a:lnTo>
                    <a:pt x="7347" y="289"/>
                  </a:lnTo>
                  <a:lnTo>
                    <a:pt x="7319" y="291"/>
                  </a:lnTo>
                  <a:lnTo>
                    <a:pt x="7290" y="294"/>
                  </a:lnTo>
                  <a:lnTo>
                    <a:pt x="7261" y="298"/>
                  </a:lnTo>
                  <a:lnTo>
                    <a:pt x="7231" y="304"/>
                  </a:lnTo>
                  <a:lnTo>
                    <a:pt x="7202" y="310"/>
                  </a:lnTo>
                  <a:lnTo>
                    <a:pt x="7172" y="318"/>
                  </a:lnTo>
                  <a:lnTo>
                    <a:pt x="7145" y="327"/>
                  </a:lnTo>
                  <a:lnTo>
                    <a:pt x="7145" y="203"/>
                  </a:lnTo>
                  <a:lnTo>
                    <a:pt x="7180" y="193"/>
                  </a:lnTo>
                  <a:lnTo>
                    <a:pt x="7217" y="186"/>
                  </a:lnTo>
                  <a:lnTo>
                    <a:pt x="7254" y="181"/>
                  </a:lnTo>
                  <a:lnTo>
                    <a:pt x="7289" y="177"/>
                  </a:lnTo>
                  <a:lnTo>
                    <a:pt x="7324" y="174"/>
                  </a:lnTo>
                  <a:lnTo>
                    <a:pt x="7357" y="172"/>
                  </a:lnTo>
                  <a:lnTo>
                    <a:pt x="7389" y="171"/>
                  </a:lnTo>
                  <a:lnTo>
                    <a:pt x="7418" y="170"/>
                  </a:lnTo>
                  <a:lnTo>
                    <a:pt x="7439" y="171"/>
                  </a:lnTo>
                  <a:lnTo>
                    <a:pt x="7459" y="171"/>
                  </a:lnTo>
                  <a:lnTo>
                    <a:pt x="7478" y="172"/>
                  </a:lnTo>
                  <a:lnTo>
                    <a:pt x="7498" y="174"/>
                  </a:lnTo>
                  <a:lnTo>
                    <a:pt x="7516" y="176"/>
                  </a:lnTo>
                  <a:lnTo>
                    <a:pt x="7533" y="179"/>
                  </a:lnTo>
                  <a:lnTo>
                    <a:pt x="7550" y="182"/>
                  </a:lnTo>
                  <a:lnTo>
                    <a:pt x="7566" y="186"/>
                  </a:lnTo>
                  <a:lnTo>
                    <a:pt x="7581" y="190"/>
                  </a:lnTo>
                  <a:lnTo>
                    <a:pt x="7595" y="194"/>
                  </a:lnTo>
                  <a:lnTo>
                    <a:pt x="7610" y="200"/>
                  </a:lnTo>
                  <a:lnTo>
                    <a:pt x="7623" y="206"/>
                  </a:lnTo>
                  <a:lnTo>
                    <a:pt x="7635" y="212"/>
                  </a:lnTo>
                  <a:lnTo>
                    <a:pt x="7647" y="218"/>
                  </a:lnTo>
                  <a:lnTo>
                    <a:pt x="7657" y="225"/>
                  </a:lnTo>
                  <a:lnTo>
                    <a:pt x="7669" y="232"/>
                  </a:lnTo>
                  <a:lnTo>
                    <a:pt x="7678" y="240"/>
                  </a:lnTo>
                  <a:lnTo>
                    <a:pt x="7687" y="249"/>
                  </a:lnTo>
                  <a:lnTo>
                    <a:pt x="7696" y="257"/>
                  </a:lnTo>
                  <a:lnTo>
                    <a:pt x="7703" y="267"/>
                  </a:lnTo>
                  <a:lnTo>
                    <a:pt x="7710" y="277"/>
                  </a:lnTo>
                  <a:lnTo>
                    <a:pt x="7718" y="287"/>
                  </a:lnTo>
                  <a:lnTo>
                    <a:pt x="7723" y="298"/>
                  </a:lnTo>
                  <a:lnTo>
                    <a:pt x="7728" y="309"/>
                  </a:lnTo>
                  <a:lnTo>
                    <a:pt x="7733" y="320"/>
                  </a:lnTo>
                  <a:lnTo>
                    <a:pt x="7737" y="333"/>
                  </a:lnTo>
                  <a:lnTo>
                    <a:pt x="7740" y="346"/>
                  </a:lnTo>
                  <a:lnTo>
                    <a:pt x="7743" y="359"/>
                  </a:lnTo>
                  <a:lnTo>
                    <a:pt x="7745" y="372"/>
                  </a:lnTo>
                  <a:lnTo>
                    <a:pt x="7746" y="386"/>
                  </a:lnTo>
                  <a:lnTo>
                    <a:pt x="7747" y="401"/>
                  </a:lnTo>
                  <a:lnTo>
                    <a:pt x="7748" y="416"/>
                  </a:lnTo>
                  <a:lnTo>
                    <a:pt x="7748" y="809"/>
                  </a:lnTo>
                  <a:lnTo>
                    <a:pt x="7563" y="809"/>
                  </a:lnTo>
                  <a:close/>
                  <a:moveTo>
                    <a:pt x="7554" y="532"/>
                  </a:moveTo>
                  <a:lnTo>
                    <a:pt x="7485" y="532"/>
                  </a:lnTo>
                  <a:lnTo>
                    <a:pt x="7440" y="533"/>
                  </a:lnTo>
                  <a:lnTo>
                    <a:pt x="7397" y="535"/>
                  </a:lnTo>
                  <a:lnTo>
                    <a:pt x="7377" y="537"/>
                  </a:lnTo>
                  <a:lnTo>
                    <a:pt x="7357" y="540"/>
                  </a:lnTo>
                  <a:lnTo>
                    <a:pt x="7339" y="544"/>
                  </a:lnTo>
                  <a:lnTo>
                    <a:pt x="7323" y="548"/>
                  </a:lnTo>
                  <a:lnTo>
                    <a:pt x="7307" y="553"/>
                  </a:lnTo>
                  <a:lnTo>
                    <a:pt x="7293" y="559"/>
                  </a:lnTo>
                  <a:lnTo>
                    <a:pt x="7287" y="563"/>
                  </a:lnTo>
                  <a:lnTo>
                    <a:pt x="7281" y="567"/>
                  </a:lnTo>
                  <a:lnTo>
                    <a:pt x="7276" y="571"/>
                  </a:lnTo>
                  <a:lnTo>
                    <a:pt x="7271" y="575"/>
                  </a:lnTo>
                  <a:lnTo>
                    <a:pt x="7267" y="580"/>
                  </a:lnTo>
                  <a:lnTo>
                    <a:pt x="7263" y="584"/>
                  </a:lnTo>
                  <a:lnTo>
                    <a:pt x="7260" y="590"/>
                  </a:lnTo>
                  <a:lnTo>
                    <a:pt x="7257" y="596"/>
                  </a:lnTo>
                  <a:lnTo>
                    <a:pt x="7255" y="602"/>
                  </a:lnTo>
                  <a:lnTo>
                    <a:pt x="7254" y="608"/>
                  </a:lnTo>
                  <a:lnTo>
                    <a:pt x="7252" y="615"/>
                  </a:lnTo>
                  <a:lnTo>
                    <a:pt x="7252" y="622"/>
                  </a:lnTo>
                  <a:lnTo>
                    <a:pt x="7252" y="633"/>
                  </a:lnTo>
                  <a:lnTo>
                    <a:pt x="7255" y="644"/>
                  </a:lnTo>
                  <a:lnTo>
                    <a:pt x="7257" y="653"/>
                  </a:lnTo>
                  <a:lnTo>
                    <a:pt x="7261" y="663"/>
                  </a:lnTo>
                  <a:lnTo>
                    <a:pt x="7265" y="670"/>
                  </a:lnTo>
                  <a:lnTo>
                    <a:pt x="7270" y="677"/>
                  </a:lnTo>
                  <a:lnTo>
                    <a:pt x="7276" y="683"/>
                  </a:lnTo>
                  <a:lnTo>
                    <a:pt x="7283" y="688"/>
                  </a:lnTo>
                  <a:lnTo>
                    <a:pt x="7291" y="692"/>
                  </a:lnTo>
                  <a:lnTo>
                    <a:pt x="7299" y="696"/>
                  </a:lnTo>
                  <a:lnTo>
                    <a:pt x="7309" y="698"/>
                  </a:lnTo>
                  <a:lnTo>
                    <a:pt x="7320" y="701"/>
                  </a:lnTo>
                  <a:lnTo>
                    <a:pt x="7330" y="702"/>
                  </a:lnTo>
                  <a:lnTo>
                    <a:pt x="7342" y="703"/>
                  </a:lnTo>
                  <a:lnTo>
                    <a:pt x="7353" y="704"/>
                  </a:lnTo>
                  <a:lnTo>
                    <a:pt x="7366" y="703"/>
                  </a:lnTo>
                  <a:lnTo>
                    <a:pt x="7389" y="702"/>
                  </a:lnTo>
                  <a:lnTo>
                    <a:pt x="7411" y="699"/>
                  </a:lnTo>
                  <a:lnTo>
                    <a:pt x="7434" y="695"/>
                  </a:lnTo>
                  <a:lnTo>
                    <a:pt x="7458" y="689"/>
                  </a:lnTo>
                  <a:lnTo>
                    <a:pt x="7469" y="686"/>
                  </a:lnTo>
                  <a:lnTo>
                    <a:pt x="7481" y="681"/>
                  </a:lnTo>
                  <a:lnTo>
                    <a:pt x="7494" y="677"/>
                  </a:lnTo>
                  <a:lnTo>
                    <a:pt x="7505" y="671"/>
                  </a:lnTo>
                  <a:lnTo>
                    <a:pt x="7517" y="665"/>
                  </a:lnTo>
                  <a:lnTo>
                    <a:pt x="7529" y="658"/>
                  </a:lnTo>
                  <a:lnTo>
                    <a:pt x="7541" y="649"/>
                  </a:lnTo>
                  <a:lnTo>
                    <a:pt x="7554" y="641"/>
                  </a:lnTo>
                  <a:lnTo>
                    <a:pt x="7554" y="532"/>
                  </a:lnTo>
                  <a:close/>
                  <a:moveTo>
                    <a:pt x="6696" y="809"/>
                  </a:moveTo>
                  <a:lnTo>
                    <a:pt x="6696" y="168"/>
                  </a:lnTo>
                  <a:lnTo>
                    <a:pt x="6684" y="168"/>
                  </a:lnTo>
                  <a:lnTo>
                    <a:pt x="6449" y="809"/>
                  </a:lnTo>
                  <a:lnTo>
                    <a:pt x="6233" y="809"/>
                  </a:lnTo>
                  <a:lnTo>
                    <a:pt x="5996" y="168"/>
                  </a:lnTo>
                  <a:lnTo>
                    <a:pt x="5984" y="168"/>
                  </a:lnTo>
                  <a:lnTo>
                    <a:pt x="5984" y="809"/>
                  </a:lnTo>
                  <a:lnTo>
                    <a:pt x="5753" y="809"/>
                  </a:lnTo>
                  <a:lnTo>
                    <a:pt x="5753" y="0"/>
                  </a:lnTo>
                  <a:lnTo>
                    <a:pt x="6134" y="0"/>
                  </a:lnTo>
                  <a:lnTo>
                    <a:pt x="6341" y="574"/>
                  </a:lnTo>
                  <a:lnTo>
                    <a:pt x="6547" y="0"/>
                  </a:lnTo>
                  <a:lnTo>
                    <a:pt x="6929" y="0"/>
                  </a:lnTo>
                  <a:lnTo>
                    <a:pt x="6929" y="809"/>
                  </a:lnTo>
                  <a:lnTo>
                    <a:pt x="6696" y="809"/>
                  </a:lnTo>
                  <a:close/>
                  <a:moveTo>
                    <a:pt x="5104" y="824"/>
                  </a:moveTo>
                  <a:lnTo>
                    <a:pt x="5071" y="823"/>
                  </a:lnTo>
                  <a:lnTo>
                    <a:pt x="5039" y="821"/>
                  </a:lnTo>
                  <a:lnTo>
                    <a:pt x="5025" y="819"/>
                  </a:lnTo>
                  <a:lnTo>
                    <a:pt x="5012" y="817"/>
                  </a:lnTo>
                  <a:lnTo>
                    <a:pt x="4998" y="814"/>
                  </a:lnTo>
                  <a:lnTo>
                    <a:pt x="4986" y="811"/>
                  </a:lnTo>
                  <a:lnTo>
                    <a:pt x="4975" y="807"/>
                  </a:lnTo>
                  <a:lnTo>
                    <a:pt x="4964" y="803"/>
                  </a:lnTo>
                  <a:lnTo>
                    <a:pt x="4954" y="798"/>
                  </a:lnTo>
                  <a:lnTo>
                    <a:pt x="4943" y="793"/>
                  </a:lnTo>
                  <a:lnTo>
                    <a:pt x="4934" y="787"/>
                  </a:lnTo>
                  <a:lnTo>
                    <a:pt x="4926" y="781"/>
                  </a:lnTo>
                  <a:lnTo>
                    <a:pt x="4918" y="775"/>
                  </a:lnTo>
                  <a:lnTo>
                    <a:pt x="4911" y="768"/>
                  </a:lnTo>
                  <a:lnTo>
                    <a:pt x="4904" y="761"/>
                  </a:lnTo>
                  <a:lnTo>
                    <a:pt x="4898" y="753"/>
                  </a:lnTo>
                  <a:lnTo>
                    <a:pt x="4892" y="745"/>
                  </a:lnTo>
                  <a:lnTo>
                    <a:pt x="4887" y="736"/>
                  </a:lnTo>
                  <a:lnTo>
                    <a:pt x="4881" y="727"/>
                  </a:lnTo>
                  <a:lnTo>
                    <a:pt x="4877" y="716"/>
                  </a:lnTo>
                  <a:lnTo>
                    <a:pt x="4873" y="706"/>
                  </a:lnTo>
                  <a:lnTo>
                    <a:pt x="4870" y="695"/>
                  </a:lnTo>
                  <a:lnTo>
                    <a:pt x="4867" y="684"/>
                  </a:lnTo>
                  <a:lnTo>
                    <a:pt x="4865" y="672"/>
                  </a:lnTo>
                  <a:lnTo>
                    <a:pt x="4863" y="660"/>
                  </a:lnTo>
                  <a:lnTo>
                    <a:pt x="4861" y="646"/>
                  </a:lnTo>
                  <a:lnTo>
                    <a:pt x="4859" y="619"/>
                  </a:lnTo>
                  <a:lnTo>
                    <a:pt x="4858" y="589"/>
                  </a:lnTo>
                  <a:lnTo>
                    <a:pt x="4858" y="39"/>
                  </a:lnTo>
                  <a:lnTo>
                    <a:pt x="5056" y="39"/>
                  </a:lnTo>
                  <a:lnTo>
                    <a:pt x="5056" y="183"/>
                  </a:lnTo>
                  <a:lnTo>
                    <a:pt x="5272" y="183"/>
                  </a:lnTo>
                  <a:lnTo>
                    <a:pt x="5272" y="306"/>
                  </a:lnTo>
                  <a:lnTo>
                    <a:pt x="5056" y="306"/>
                  </a:lnTo>
                  <a:lnTo>
                    <a:pt x="5056" y="545"/>
                  </a:lnTo>
                  <a:lnTo>
                    <a:pt x="5056" y="566"/>
                  </a:lnTo>
                  <a:lnTo>
                    <a:pt x="5057" y="586"/>
                  </a:lnTo>
                  <a:lnTo>
                    <a:pt x="5060" y="604"/>
                  </a:lnTo>
                  <a:lnTo>
                    <a:pt x="5062" y="620"/>
                  </a:lnTo>
                  <a:lnTo>
                    <a:pt x="5066" y="633"/>
                  </a:lnTo>
                  <a:lnTo>
                    <a:pt x="5069" y="645"/>
                  </a:lnTo>
                  <a:lnTo>
                    <a:pt x="5074" y="656"/>
                  </a:lnTo>
                  <a:lnTo>
                    <a:pt x="5079" y="666"/>
                  </a:lnTo>
                  <a:lnTo>
                    <a:pt x="5085" y="673"/>
                  </a:lnTo>
                  <a:lnTo>
                    <a:pt x="5092" y="679"/>
                  </a:lnTo>
                  <a:lnTo>
                    <a:pt x="5100" y="685"/>
                  </a:lnTo>
                  <a:lnTo>
                    <a:pt x="5109" y="689"/>
                  </a:lnTo>
                  <a:lnTo>
                    <a:pt x="5119" y="692"/>
                  </a:lnTo>
                  <a:lnTo>
                    <a:pt x="5130" y="694"/>
                  </a:lnTo>
                  <a:lnTo>
                    <a:pt x="5141" y="696"/>
                  </a:lnTo>
                  <a:lnTo>
                    <a:pt x="5153" y="697"/>
                  </a:lnTo>
                  <a:lnTo>
                    <a:pt x="5163" y="698"/>
                  </a:lnTo>
                  <a:lnTo>
                    <a:pt x="5176" y="697"/>
                  </a:lnTo>
                  <a:lnTo>
                    <a:pt x="5190" y="697"/>
                  </a:lnTo>
                  <a:lnTo>
                    <a:pt x="5205" y="695"/>
                  </a:lnTo>
                  <a:lnTo>
                    <a:pt x="5221" y="693"/>
                  </a:lnTo>
                  <a:lnTo>
                    <a:pt x="5238" y="690"/>
                  </a:lnTo>
                  <a:lnTo>
                    <a:pt x="5255" y="687"/>
                  </a:lnTo>
                  <a:lnTo>
                    <a:pt x="5272" y="682"/>
                  </a:lnTo>
                  <a:lnTo>
                    <a:pt x="5272" y="811"/>
                  </a:lnTo>
                  <a:lnTo>
                    <a:pt x="5253" y="814"/>
                  </a:lnTo>
                  <a:lnTo>
                    <a:pt x="5231" y="817"/>
                  </a:lnTo>
                  <a:lnTo>
                    <a:pt x="5209" y="819"/>
                  </a:lnTo>
                  <a:lnTo>
                    <a:pt x="5187" y="821"/>
                  </a:lnTo>
                  <a:lnTo>
                    <a:pt x="5164" y="822"/>
                  </a:lnTo>
                  <a:lnTo>
                    <a:pt x="5142" y="823"/>
                  </a:lnTo>
                  <a:lnTo>
                    <a:pt x="5123" y="824"/>
                  </a:lnTo>
                  <a:lnTo>
                    <a:pt x="5104" y="824"/>
                  </a:lnTo>
                  <a:close/>
                  <a:moveTo>
                    <a:pt x="4253" y="549"/>
                  </a:moveTo>
                  <a:lnTo>
                    <a:pt x="4254" y="558"/>
                  </a:lnTo>
                  <a:lnTo>
                    <a:pt x="4256" y="567"/>
                  </a:lnTo>
                  <a:lnTo>
                    <a:pt x="4258" y="576"/>
                  </a:lnTo>
                  <a:lnTo>
                    <a:pt x="4261" y="584"/>
                  </a:lnTo>
                  <a:lnTo>
                    <a:pt x="4264" y="593"/>
                  </a:lnTo>
                  <a:lnTo>
                    <a:pt x="4267" y="600"/>
                  </a:lnTo>
                  <a:lnTo>
                    <a:pt x="4271" y="608"/>
                  </a:lnTo>
                  <a:lnTo>
                    <a:pt x="4275" y="615"/>
                  </a:lnTo>
                  <a:lnTo>
                    <a:pt x="4279" y="622"/>
                  </a:lnTo>
                  <a:lnTo>
                    <a:pt x="4284" y="628"/>
                  </a:lnTo>
                  <a:lnTo>
                    <a:pt x="4290" y="634"/>
                  </a:lnTo>
                  <a:lnTo>
                    <a:pt x="4295" y="640"/>
                  </a:lnTo>
                  <a:lnTo>
                    <a:pt x="4308" y="651"/>
                  </a:lnTo>
                  <a:lnTo>
                    <a:pt x="4323" y="661"/>
                  </a:lnTo>
                  <a:lnTo>
                    <a:pt x="4338" y="670"/>
                  </a:lnTo>
                  <a:lnTo>
                    <a:pt x="4355" y="677"/>
                  </a:lnTo>
                  <a:lnTo>
                    <a:pt x="4373" y="683"/>
                  </a:lnTo>
                  <a:lnTo>
                    <a:pt x="4393" y="688"/>
                  </a:lnTo>
                  <a:lnTo>
                    <a:pt x="4413" y="692"/>
                  </a:lnTo>
                  <a:lnTo>
                    <a:pt x="4435" y="695"/>
                  </a:lnTo>
                  <a:lnTo>
                    <a:pt x="4457" y="697"/>
                  </a:lnTo>
                  <a:lnTo>
                    <a:pt x="4481" y="697"/>
                  </a:lnTo>
                  <a:lnTo>
                    <a:pt x="4510" y="697"/>
                  </a:lnTo>
                  <a:lnTo>
                    <a:pt x="4536" y="695"/>
                  </a:lnTo>
                  <a:lnTo>
                    <a:pt x="4563" y="693"/>
                  </a:lnTo>
                  <a:lnTo>
                    <a:pt x="4587" y="690"/>
                  </a:lnTo>
                  <a:lnTo>
                    <a:pt x="4612" y="686"/>
                  </a:lnTo>
                  <a:lnTo>
                    <a:pt x="4637" y="681"/>
                  </a:lnTo>
                  <a:lnTo>
                    <a:pt x="4663" y="675"/>
                  </a:lnTo>
                  <a:lnTo>
                    <a:pt x="4690" y="667"/>
                  </a:lnTo>
                  <a:lnTo>
                    <a:pt x="4690" y="794"/>
                  </a:lnTo>
                  <a:lnTo>
                    <a:pt x="4666" y="801"/>
                  </a:lnTo>
                  <a:lnTo>
                    <a:pt x="4641" y="806"/>
                  </a:lnTo>
                  <a:lnTo>
                    <a:pt x="4615" y="811"/>
                  </a:lnTo>
                  <a:lnTo>
                    <a:pt x="4588" y="816"/>
                  </a:lnTo>
                  <a:lnTo>
                    <a:pt x="4560" y="819"/>
                  </a:lnTo>
                  <a:lnTo>
                    <a:pt x="4530" y="822"/>
                  </a:lnTo>
                  <a:lnTo>
                    <a:pt x="4499" y="823"/>
                  </a:lnTo>
                  <a:lnTo>
                    <a:pt x="4464" y="824"/>
                  </a:lnTo>
                  <a:lnTo>
                    <a:pt x="4443" y="824"/>
                  </a:lnTo>
                  <a:lnTo>
                    <a:pt x="4421" y="823"/>
                  </a:lnTo>
                  <a:lnTo>
                    <a:pt x="4401" y="822"/>
                  </a:lnTo>
                  <a:lnTo>
                    <a:pt x="4382" y="820"/>
                  </a:lnTo>
                  <a:lnTo>
                    <a:pt x="4361" y="817"/>
                  </a:lnTo>
                  <a:lnTo>
                    <a:pt x="4342" y="814"/>
                  </a:lnTo>
                  <a:lnTo>
                    <a:pt x="4324" y="811"/>
                  </a:lnTo>
                  <a:lnTo>
                    <a:pt x="4305" y="806"/>
                  </a:lnTo>
                  <a:lnTo>
                    <a:pt x="4287" y="801"/>
                  </a:lnTo>
                  <a:lnTo>
                    <a:pt x="4271" y="796"/>
                  </a:lnTo>
                  <a:lnTo>
                    <a:pt x="4254" y="790"/>
                  </a:lnTo>
                  <a:lnTo>
                    <a:pt x="4237" y="782"/>
                  </a:lnTo>
                  <a:lnTo>
                    <a:pt x="4222" y="775"/>
                  </a:lnTo>
                  <a:lnTo>
                    <a:pt x="4207" y="767"/>
                  </a:lnTo>
                  <a:lnTo>
                    <a:pt x="4192" y="758"/>
                  </a:lnTo>
                  <a:lnTo>
                    <a:pt x="4179" y="749"/>
                  </a:lnTo>
                  <a:lnTo>
                    <a:pt x="4166" y="739"/>
                  </a:lnTo>
                  <a:lnTo>
                    <a:pt x="4154" y="729"/>
                  </a:lnTo>
                  <a:lnTo>
                    <a:pt x="4143" y="716"/>
                  </a:lnTo>
                  <a:lnTo>
                    <a:pt x="4131" y="704"/>
                  </a:lnTo>
                  <a:lnTo>
                    <a:pt x="4121" y="692"/>
                  </a:lnTo>
                  <a:lnTo>
                    <a:pt x="4112" y="678"/>
                  </a:lnTo>
                  <a:lnTo>
                    <a:pt x="4103" y="664"/>
                  </a:lnTo>
                  <a:lnTo>
                    <a:pt x="4096" y="649"/>
                  </a:lnTo>
                  <a:lnTo>
                    <a:pt x="4089" y="633"/>
                  </a:lnTo>
                  <a:lnTo>
                    <a:pt x="4083" y="617"/>
                  </a:lnTo>
                  <a:lnTo>
                    <a:pt x="4077" y="600"/>
                  </a:lnTo>
                  <a:lnTo>
                    <a:pt x="4073" y="581"/>
                  </a:lnTo>
                  <a:lnTo>
                    <a:pt x="4069" y="563"/>
                  </a:lnTo>
                  <a:lnTo>
                    <a:pt x="4067" y="543"/>
                  </a:lnTo>
                  <a:lnTo>
                    <a:pt x="4066" y="522"/>
                  </a:lnTo>
                  <a:lnTo>
                    <a:pt x="4065" y="501"/>
                  </a:lnTo>
                  <a:lnTo>
                    <a:pt x="4066" y="485"/>
                  </a:lnTo>
                  <a:lnTo>
                    <a:pt x="4066" y="470"/>
                  </a:lnTo>
                  <a:lnTo>
                    <a:pt x="4068" y="453"/>
                  </a:lnTo>
                  <a:lnTo>
                    <a:pt x="4070" y="438"/>
                  </a:lnTo>
                  <a:lnTo>
                    <a:pt x="4073" y="422"/>
                  </a:lnTo>
                  <a:lnTo>
                    <a:pt x="4077" y="407"/>
                  </a:lnTo>
                  <a:lnTo>
                    <a:pt x="4082" y="392"/>
                  </a:lnTo>
                  <a:lnTo>
                    <a:pt x="4087" y="377"/>
                  </a:lnTo>
                  <a:lnTo>
                    <a:pt x="4092" y="363"/>
                  </a:lnTo>
                  <a:lnTo>
                    <a:pt x="4098" y="349"/>
                  </a:lnTo>
                  <a:lnTo>
                    <a:pt x="4105" y="335"/>
                  </a:lnTo>
                  <a:lnTo>
                    <a:pt x="4113" y="321"/>
                  </a:lnTo>
                  <a:lnTo>
                    <a:pt x="4121" y="308"/>
                  </a:lnTo>
                  <a:lnTo>
                    <a:pt x="4130" y="295"/>
                  </a:lnTo>
                  <a:lnTo>
                    <a:pt x="4141" y="283"/>
                  </a:lnTo>
                  <a:lnTo>
                    <a:pt x="4151" y="272"/>
                  </a:lnTo>
                  <a:lnTo>
                    <a:pt x="4162" y="260"/>
                  </a:lnTo>
                  <a:lnTo>
                    <a:pt x="4173" y="249"/>
                  </a:lnTo>
                  <a:lnTo>
                    <a:pt x="4186" y="239"/>
                  </a:lnTo>
                  <a:lnTo>
                    <a:pt x="4200" y="230"/>
                  </a:lnTo>
                  <a:lnTo>
                    <a:pt x="4214" y="221"/>
                  </a:lnTo>
                  <a:lnTo>
                    <a:pt x="4228" y="213"/>
                  </a:lnTo>
                  <a:lnTo>
                    <a:pt x="4243" y="205"/>
                  </a:lnTo>
                  <a:lnTo>
                    <a:pt x="4260" y="197"/>
                  </a:lnTo>
                  <a:lnTo>
                    <a:pt x="4277" y="191"/>
                  </a:lnTo>
                  <a:lnTo>
                    <a:pt x="4294" y="186"/>
                  </a:lnTo>
                  <a:lnTo>
                    <a:pt x="4313" y="181"/>
                  </a:lnTo>
                  <a:lnTo>
                    <a:pt x="4332" y="177"/>
                  </a:lnTo>
                  <a:lnTo>
                    <a:pt x="4352" y="174"/>
                  </a:lnTo>
                  <a:lnTo>
                    <a:pt x="4373" y="172"/>
                  </a:lnTo>
                  <a:lnTo>
                    <a:pt x="4394" y="171"/>
                  </a:lnTo>
                  <a:lnTo>
                    <a:pt x="4416" y="170"/>
                  </a:lnTo>
                  <a:lnTo>
                    <a:pt x="4439" y="171"/>
                  </a:lnTo>
                  <a:lnTo>
                    <a:pt x="4459" y="172"/>
                  </a:lnTo>
                  <a:lnTo>
                    <a:pt x="4479" y="173"/>
                  </a:lnTo>
                  <a:lnTo>
                    <a:pt x="4499" y="176"/>
                  </a:lnTo>
                  <a:lnTo>
                    <a:pt x="4517" y="179"/>
                  </a:lnTo>
                  <a:lnTo>
                    <a:pt x="4535" y="182"/>
                  </a:lnTo>
                  <a:lnTo>
                    <a:pt x="4553" y="187"/>
                  </a:lnTo>
                  <a:lnTo>
                    <a:pt x="4569" y="192"/>
                  </a:lnTo>
                  <a:lnTo>
                    <a:pt x="4584" y="197"/>
                  </a:lnTo>
                  <a:lnTo>
                    <a:pt x="4600" y="204"/>
                  </a:lnTo>
                  <a:lnTo>
                    <a:pt x="4613" y="211"/>
                  </a:lnTo>
                  <a:lnTo>
                    <a:pt x="4627" y="218"/>
                  </a:lnTo>
                  <a:lnTo>
                    <a:pt x="4639" y="225"/>
                  </a:lnTo>
                  <a:lnTo>
                    <a:pt x="4651" y="233"/>
                  </a:lnTo>
                  <a:lnTo>
                    <a:pt x="4663" y="242"/>
                  </a:lnTo>
                  <a:lnTo>
                    <a:pt x="4673" y="251"/>
                  </a:lnTo>
                  <a:lnTo>
                    <a:pt x="4683" y="261"/>
                  </a:lnTo>
                  <a:lnTo>
                    <a:pt x="4693" y="272"/>
                  </a:lnTo>
                  <a:lnTo>
                    <a:pt x="4701" y="282"/>
                  </a:lnTo>
                  <a:lnTo>
                    <a:pt x="4709" y="293"/>
                  </a:lnTo>
                  <a:lnTo>
                    <a:pt x="4718" y="304"/>
                  </a:lnTo>
                  <a:lnTo>
                    <a:pt x="4724" y="316"/>
                  </a:lnTo>
                  <a:lnTo>
                    <a:pt x="4731" y="328"/>
                  </a:lnTo>
                  <a:lnTo>
                    <a:pt x="4736" y="341"/>
                  </a:lnTo>
                  <a:lnTo>
                    <a:pt x="4741" y="354"/>
                  </a:lnTo>
                  <a:lnTo>
                    <a:pt x="4746" y="367"/>
                  </a:lnTo>
                  <a:lnTo>
                    <a:pt x="4750" y="380"/>
                  </a:lnTo>
                  <a:lnTo>
                    <a:pt x="4754" y="394"/>
                  </a:lnTo>
                  <a:lnTo>
                    <a:pt x="4757" y="409"/>
                  </a:lnTo>
                  <a:lnTo>
                    <a:pt x="4759" y="423"/>
                  </a:lnTo>
                  <a:lnTo>
                    <a:pt x="4762" y="437"/>
                  </a:lnTo>
                  <a:lnTo>
                    <a:pt x="4763" y="452"/>
                  </a:lnTo>
                  <a:lnTo>
                    <a:pt x="4764" y="476"/>
                  </a:lnTo>
                  <a:lnTo>
                    <a:pt x="4765" y="502"/>
                  </a:lnTo>
                  <a:lnTo>
                    <a:pt x="4764" y="528"/>
                  </a:lnTo>
                  <a:lnTo>
                    <a:pt x="4763" y="549"/>
                  </a:lnTo>
                  <a:lnTo>
                    <a:pt x="4253" y="549"/>
                  </a:lnTo>
                  <a:close/>
                  <a:moveTo>
                    <a:pt x="4582" y="407"/>
                  </a:moveTo>
                  <a:lnTo>
                    <a:pt x="4579" y="394"/>
                  </a:lnTo>
                  <a:lnTo>
                    <a:pt x="4575" y="383"/>
                  </a:lnTo>
                  <a:lnTo>
                    <a:pt x="4571" y="372"/>
                  </a:lnTo>
                  <a:lnTo>
                    <a:pt x="4565" y="361"/>
                  </a:lnTo>
                  <a:lnTo>
                    <a:pt x="4559" y="351"/>
                  </a:lnTo>
                  <a:lnTo>
                    <a:pt x="4552" y="341"/>
                  </a:lnTo>
                  <a:lnTo>
                    <a:pt x="4544" y="333"/>
                  </a:lnTo>
                  <a:lnTo>
                    <a:pt x="4534" y="323"/>
                  </a:lnTo>
                  <a:lnTo>
                    <a:pt x="4525" y="316"/>
                  </a:lnTo>
                  <a:lnTo>
                    <a:pt x="4514" y="309"/>
                  </a:lnTo>
                  <a:lnTo>
                    <a:pt x="4502" y="303"/>
                  </a:lnTo>
                  <a:lnTo>
                    <a:pt x="4490" y="298"/>
                  </a:lnTo>
                  <a:lnTo>
                    <a:pt x="4475" y="294"/>
                  </a:lnTo>
                  <a:lnTo>
                    <a:pt x="4461" y="291"/>
                  </a:lnTo>
                  <a:lnTo>
                    <a:pt x="4445" y="289"/>
                  </a:lnTo>
                  <a:lnTo>
                    <a:pt x="4428" y="289"/>
                  </a:lnTo>
                  <a:lnTo>
                    <a:pt x="4407" y="290"/>
                  </a:lnTo>
                  <a:lnTo>
                    <a:pt x="4389" y="292"/>
                  </a:lnTo>
                  <a:lnTo>
                    <a:pt x="4372" y="296"/>
                  </a:lnTo>
                  <a:lnTo>
                    <a:pt x="4355" y="301"/>
                  </a:lnTo>
                  <a:lnTo>
                    <a:pt x="4340" y="307"/>
                  </a:lnTo>
                  <a:lnTo>
                    <a:pt x="4326" y="314"/>
                  </a:lnTo>
                  <a:lnTo>
                    <a:pt x="4314" y="323"/>
                  </a:lnTo>
                  <a:lnTo>
                    <a:pt x="4302" y="333"/>
                  </a:lnTo>
                  <a:lnTo>
                    <a:pt x="4292" y="344"/>
                  </a:lnTo>
                  <a:lnTo>
                    <a:pt x="4283" y="355"/>
                  </a:lnTo>
                  <a:lnTo>
                    <a:pt x="4275" y="367"/>
                  </a:lnTo>
                  <a:lnTo>
                    <a:pt x="4268" y="380"/>
                  </a:lnTo>
                  <a:lnTo>
                    <a:pt x="4263" y="393"/>
                  </a:lnTo>
                  <a:lnTo>
                    <a:pt x="4259" y="408"/>
                  </a:lnTo>
                  <a:lnTo>
                    <a:pt x="4255" y="422"/>
                  </a:lnTo>
                  <a:lnTo>
                    <a:pt x="4253" y="437"/>
                  </a:lnTo>
                  <a:lnTo>
                    <a:pt x="4584" y="437"/>
                  </a:lnTo>
                  <a:lnTo>
                    <a:pt x="4584" y="430"/>
                  </a:lnTo>
                  <a:lnTo>
                    <a:pt x="4584" y="423"/>
                  </a:lnTo>
                  <a:lnTo>
                    <a:pt x="4584" y="415"/>
                  </a:lnTo>
                  <a:lnTo>
                    <a:pt x="4582" y="407"/>
                  </a:lnTo>
                  <a:close/>
                  <a:moveTo>
                    <a:pt x="3669" y="824"/>
                  </a:moveTo>
                  <a:lnTo>
                    <a:pt x="3641" y="824"/>
                  </a:lnTo>
                  <a:lnTo>
                    <a:pt x="3612" y="823"/>
                  </a:lnTo>
                  <a:lnTo>
                    <a:pt x="3584" y="821"/>
                  </a:lnTo>
                  <a:lnTo>
                    <a:pt x="3553" y="819"/>
                  </a:lnTo>
                  <a:lnTo>
                    <a:pt x="3521" y="815"/>
                  </a:lnTo>
                  <a:lnTo>
                    <a:pt x="3488" y="810"/>
                  </a:lnTo>
                  <a:lnTo>
                    <a:pt x="3453" y="803"/>
                  </a:lnTo>
                  <a:lnTo>
                    <a:pt x="3415" y="794"/>
                  </a:lnTo>
                  <a:lnTo>
                    <a:pt x="3415" y="661"/>
                  </a:lnTo>
                  <a:lnTo>
                    <a:pt x="3439" y="670"/>
                  </a:lnTo>
                  <a:lnTo>
                    <a:pt x="3467" y="679"/>
                  </a:lnTo>
                  <a:lnTo>
                    <a:pt x="3496" y="686"/>
                  </a:lnTo>
                  <a:lnTo>
                    <a:pt x="3527" y="693"/>
                  </a:lnTo>
                  <a:lnTo>
                    <a:pt x="3556" y="698"/>
                  </a:lnTo>
                  <a:lnTo>
                    <a:pt x="3587" y="702"/>
                  </a:lnTo>
                  <a:lnTo>
                    <a:pt x="3615" y="705"/>
                  </a:lnTo>
                  <a:lnTo>
                    <a:pt x="3643" y="706"/>
                  </a:lnTo>
                  <a:lnTo>
                    <a:pt x="3662" y="705"/>
                  </a:lnTo>
                  <a:lnTo>
                    <a:pt x="3681" y="704"/>
                  </a:lnTo>
                  <a:lnTo>
                    <a:pt x="3697" y="703"/>
                  </a:lnTo>
                  <a:lnTo>
                    <a:pt x="3712" y="701"/>
                  </a:lnTo>
                  <a:lnTo>
                    <a:pt x="3726" y="699"/>
                  </a:lnTo>
                  <a:lnTo>
                    <a:pt x="3739" y="696"/>
                  </a:lnTo>
                  <a:lnTo>
                    <a:pt x="3750" y="692"/>
                  </a:lnTo>
                  <a:lnTo>
                    <a:pt x="3760" y="688"/>
                  </a:lnTo>
                  <a:lnTo>
                    <a:pt x="3768" y="684"/>
                  </a:lnTo>
                  <a:lnTo>
                    <a:pt x="3775" y="679"/>
                  </a:lnTo>
                  <a:lnTo>
                    <a:pt x="3781" y="673"/>
                  </a:lnTo>
                  <a:lnTo>
                    <a:pt x="3786" y="667"/>
                  </a:lnTo>
                  <a:lnTo>
                    <a:pt x="3790" y="661"/>
                  </a:lnTo>
                  <a:lnTo>
                    <a:pt x="3793" y="652"/>
                  </a:lnTo>
                  <a:lnTo>
                    <a:pt x="3794" y="645"/>
                  </a:lnTo>
                  <a:lnTo>
                    <a:pt x="3794" y="637"/>
                  </a:lnTo>
                  <a:lnTo>
                    <a:pt x="3793" y="629"/>
                  </a:lnTo>
                  <a:lnTo>
                    <a:pt x="3791" y="622"/>
                  </a:lnTo>
                  <a:lnTo>
                    <a:pt x="3787" y="616"/>
                  </a:lnTo>
                  <a:lnTo>
                    <a:pt x="3783" y="610"/>
                  </a:lnTo>
                  <a:lnTo>
                    <a:pt x="3778" y="605"/>
                  </a:lnTo>
                  <a:lnTo>
                    <a:pt x="3771" y="600"/>
                  </a:lnTo>
                  <a:lnTo>
                    <a:pt x="3763" y="596"/>
                  </a:lnTo>
                  <a:lnTo>
                    <a:pt x="3754" y="592"/>
                  </a:lnTo>
                  <a:lnTo>
                    <a:pt x="3730" y="582"/>
                  </a:lnTo>
                  <a:lnTo>
                    <a:pt x="3702" y="574"/>
                  </a:lnTo>
                  <a:lnTo>
                    <a:pt x="3666" y="564"/>
                  </a:lnTo>
                  <a:lnTo>
                    <a:pt x="3624" y="553"/>
                  </a:lnTo>
                  <a:lnTo>
                    <a:pt x="3602" y="548"/>
                  </a:lnTo>
                  <a:lnTo>
                    <a:pt x="3581" y="542"/>
                  </a:lnTo>
                  <a:lnTo>
                    <a:pt x="3561" y="535"/>
                  </a:lnTo>
                  <a:lnTo>
                    <a:pt x="3540" y="528"/>
                  </a:lnTo>
                  <a:lnTo>
                    <a:pt x="3522" y="520"/>
                  </a:lnTo>
                  <a:lnTo>
                    <a:pt x="3504" y="511"/>
                  </a:lnTo>
                  <a:lnTo>
                    <a:pt x="3487" y="502"/>
                  </a:lnTo>
                  <a:lnTo>
                    <a:pt x="3471" y="492"/>
                  </a:lnTo>
                  <a:lnTo>
                    <a:pt x="3457" y="481"/>
                  </a:lnTo>
                  <a:lnTo>
                    <a:pt x="3445" y="469"/>
                  </a:lnTo>
                  <a:lnTo>
                    <a:pt x="3438" y="462"/>
                  </a:lnTo>
                  <a:lnTo>
                    <a:pt x="3433" y="454"/>
                  </a:lnTo>
                  <a:lnTo>
                    <a:pt x="3428" y="447"/>
                  </a:lnTo>
                  <a:lnTo>
                    <a:pt x="3423" y="439"/>
                  </a:lnTo>
                  <a:lnTo>
                    <a:pt x="3420" y="431"/>
                  </a:lnTo>
                  <a:lnTo>
                    <a:pt x="3416" y="422"/>
                  </a:lnTo>
                  <a:lnTo>
                    <a:pt x="3413" y="414"/>
                  </a:lnTo>
                  <a:lnTo>
                    <a:pt x="3411" y="404"/>
                  </a:lnTo>
                  <a:lnTo>
                    <a:pt x="3409" y="394"/>
                  </a:lnTo>
                  <a:lnTo>
                    <a:pt x="3407" y="383"/>
                  </a:lnTo>
                  <a:lnTo>
                    <a:pt x="3406" y="373"/>
                  </a:lnTo>
                  <a:lnTo>
                    <a:pt x="3406" y="362"/>
                  </a:lnTo>
                  <a:lnTo>
                    <a:pt x="3407" y="349"/>
                  </a:lnTo>
                  <a:lnTo>
                    <a:pt x="3408" y="336"/>
                  </a:lnTo>
                  <a:lnTo>
                    <a:pt x="3410" y="323"/>
                  </a:lnTo>
                  <a:lnTo>
                    <a:pt x="3413" y="312"/>
                  </a:lnTo>
                  <a:lnTo>
                    <a:pt x="3417" y="301"/>
                  </a:lnTo>
                  <a:lnTo>
                    <a:pt x="3421" y="291"/>
                  </a:lnTo>
                  <a:lnTo>
                    <a:pt x="3426" y="281"/>
                  </a:lnTo>
                  <a:lnTo>
                    <a:pt x="3432" y="271"/>
                  </a:lnTo>
                  <a:lnTo>
                    <a:pt x="3438" y="262"/>
                  </a:lnTo>
                  <a:lnTo>
                    <a:pt x="3447" y="253"/>
                  </a:lnTo>
                  <a:lnTo>
                    <a:pt x="3454" y="245"/>
                  </a:lnTo>
                  <a:lnTo>
                    <a:pt x="3463" y="238"/>
                  </a:lnTo>
                  <a:lnTo>
                    <a:pt x="3471" y="231"/>
                  </a:lnTo>
                  <a:lnTo>
                    <a:pt x="3481" y="224"/>
                  </a:lnTo>
                  <a:lnTo>
                    <a:pt x="3491" y="218"/>
                  </a:lnTo>
                  <a:lnTo>
                    <a:pt x="3502" y="212"/>
                  </a:lnTo>
                  <a:lnTo>
                    <a:pt x="3513" y="207"/>
                  </a:lnTo>
                  <a:lnTo>
                    <a:pt x="3524" y="202"/>
                  </a:lnTo>
                  <a:lnTo>
                    <a:pt x="3536" y="197"/>
                  </a:lnTo>
                  <a:lnTo>
                    <a:pt x="3548" y="192"/>
                  </a:lnTo>
                  <a:lnTo>
                    <a:pt x="3573" y="185"/>
                  </a:lnTo>
                  <a:lnTo>
                    <a:pt x="3599" y="180"/>
                  </a:lnTo>
                  <a:lnTo>
                    <a:pt x="3627" y="176"/>
                  </a:lnTo>
                  <a:lnTo>
                    <a:pt x="3655" y="173"/>
                  </a:lnTo>
                  <a:lnTo>
                    <a:pt x="3684" y="171"/>
                  </a:lnTo>
                  <a:lnTo>
                    <a:pt x="3712" y="170"/>
                  </a:lnTo>
                  <a:lnTo>
                    <a:pt x="3754" y="171"/>
                  </a:lnTo>
                  <a:lnTo>
                    <a:pt x="3794" y="173"/>
                  </a:lnTo>
                  <a:lnTo>
                    <a:pt x="3831" y="177"/>
                  </a:lnTo>
                  <a:lnTo>
                    <a:pt x="3867" y="181"/>
                  </a:lnTo>
                  <a:lnTo>
                    <a:pt x="3900" y="187"/>
                  </a:lnTo>
                  <a:lnTo>
                    <a:pt x="3933" y="194"/>
                  </a:lnTo>
                  <a:lnTo>
                    <a:pt x="3963" y="202"/>
                  </a:lnTo>
                  <a:lnTo>
                    <a:pt x="3990" y="209"/>
                  </a:lnTo>
                  <a:lnTo>
                    <a:pt x="3915" y="314"/>
                  </a:lnTo>
                  <a:lnTo>
                    <a:pt x="3897" y="309"/>
                  </a:lnTo>
                  <a:lnTo>
                    <a:pt x="3879" y="304"/>
                  </a:lnTo>
                  <a:lnTo>
                    <a:pt x="3859" y="299"/>
                  </a:lnTo>
                  <a:lnTo>
                    <a:pt x="3837" y="295"/>
                  </a:lnTo>
                  <a:lnTo>
                    <a:pt x="3815" y="291"/>
                  </a:lnTo>
                  <a:lnTo>
                    <a:pt x="3793" y="287"/>
                  </a:lnTo>
                  <a:lnTo>
                    <a:pt x="3768" y="285"/>
                  </a:lnTo>
                  <a:lnTo>
                    <a:pt x="3745" y="285"/>
                  </a:lnTo>
                  <a:lnTo>
                    <a:pt x="3713" y="285"/>
                  </a:lnTo>
                  <a:lnTo>
                    <a:pt x="3686" y="288"/>
                  </a:lnTo>
                  <a:lnTo>
                    <a:pt x="3673" y="290"/>
                  </a:lnTo>
                  <a:lnTo>
                    <a:pt x="3662" y="292"/>
                  </a:lnTo>
                  <a:lnTo>
                    <a:pt x="3651" y="295"/>
                  </a:lnTo>
                  <a:lnTo>
                    <a:pt x="3642" y="299"/>
                  </a:lnTo>
                  <a:lnTo>
                    <a:pt x="3634" y="303"/>
                  </a:lnTo>
                  <a:lnTo>
                    <a:pt x="3626" y="307"/>
                  </a:lnTo>
                  <a:lnTo>
                    <a:pt x="3620" y="312"/>
                  </a:lnTo>
                  <a:lnTo>
                    <a:pt x="3614" y="318"/>
                  </a:lnTo>
                  <a:lnTo>
                    <a:pt x="3609" y="324"/>
                  </a:lnTo>
                  <a:lnTo>
                    <a:pt x="3606" y="332"/>
                  </a:lnTo>
                  <a:lnTo>
                    <a:pt x="3605" y="339"/>
                  </a:lnTo>
                  <a:lnTo>
                    <a:pt x="3604" y="347"/>
                  </a:lnTo>
                  <a:lnTo>
                    <a:pt x="3605" y="355"/>
                  </a:lnTo>
                  <a:lnTo>
                    <a:pt x="3607" y="361"/>
                  </a:lnTo>
                  <a:lnTo>
                    <a:pt x="3610" y="368"/>
                  </a:lnTo>
                  <a:lnTo>
                    <a:pt x="3615" y="373"/>
                  </a:lnTo>
                  <a:lnTo>
                    <a:pt x="3621" y="379"/>
                  </a:lnTo>
                  <a:lnTo>
                    <a:pt x="3628" y="383"/>
                  </a:lnTo>
                  <a:lnTo>
                    <a:pt x="3637" y="388"/>
                  </a:lnTo>
                  <a:lnTo>
                    <a:pt x="3646" y="392"/>
                  </a:lnTo>
                  <a:lnTo>
                    <a:pt x="3669" y="401"/>
                  </a:lnTo>
                  <a:lnTo>
                    <a:pt x="3697" y="408"/>
                  </a:lnTo>
                  <a:lnTo>
                    <a:pt x="3729" y="416"/>
                  </a:lnTo>
                  <a:lnTo>
                    <a:pt x="3766" y="424"/>
                  </a:lnTo>
                  <a:lnTo>
                    <a:pt x="3792" y="430"/>
                  </a:lnTo>
                  <a:lnTo>
                    <a:pt x="3817" y="437"/>
                  </a:lnTo>
                  <a:lnTo>
                    <a:pt x="3840" y="444"/>
                  </a:lnTo>
                  <a:lnTo>
                    <a:pt x="3862" y="452"/>
                  </a:lnTo>
                  <a:lnTo>
                    <a:pt x="3882" y="461"/>
                  </a:lnTo>
                  <a:lnTo>
                    <a:pt x="3901" y="470"/>
                  </a:lnTo>
                  <a:lnTo>
                    <a:pt x="3919" y="480"/>
                  </a:lnTo>
                  <a:lnTo>
                    <a:pt x="3935" y="491"/>
                  </a:lnTo>
                  <a:lnTo>
                    <a:pt x="3948" y="503"/>
                  </a:lnTo>
                  <a:lnTo>
                    <a:pt x="3961" y="517"/>
                  </a:lnTo>
                  <a:lnTo>
                    <a:pt x="3967" y="524"/>
                  </a:lnTo>
                  <a:lnTo>
                    <a:pt x="3972" y="532"/>
                  </a:lnTo>
                  <a:lnTo>
                    <a:pt x="3976" y="540"/>
                  </a:lnTo>
                  <a:lnTo>
                    <a:pt x="3981" y="548"/>
                  </a:lnTo>
                  <a:lnTo>
                    <a:pt x="3984" y="556"/>
                  </a:lnTo>
                  <a:lnTo>
                    <a:pt x="3987" y="565"/>
                  </a:lnTo>
                  <a:lnTo>
                    <a:pt x="3990" y="574"/>
                  </a:lnTo>
                  <a:lnTo>
                    <a:pt x="3992" y="583"/>
                  </a:lnTo>
                  <a:lnTo>
                    <a:pt x="3994" y="594"/>
                  </a:lnTo>
                  <a:lnTo>
                    <a:pt x="3995" y="604"/>
                  </a:lnTo>
                  <a:lnTo>
                    <a:pt x="3996" y="615"/>
                  </a:lnTo>
                  <a:lnTo>
                    <a:pt x="3996" y="626"/>
                  </a:lnTo>
                  <a:lnTo>
                    <a:pt x="3996" y="640"/>
                  </a:lnTo>
                  <a:lnTo>
                    <a:pt x="3995" y="652"/>
                  </a:lnTo>
                  <a:lnTo>
                    <a:pt x="3992" y="666"/>
                  </a:lnTo>
                  <a:lnTo>
                    <a:pt x="3989" y="677"/>
                  </a:lnTo>
                  <a:lnTo>
                    <a:pt x="3986" y="689"/>
                  </a:lnTo>
                  <a:lnTo>
                    <a:pt x="3981" y="699"/>
                  </a:lnTo>
                  <a:lnTo>
                    <a:pt x="3976" y="710"/>
                  </a:lnTo>
                  <a:lnTo>
                    <a:pt x="3970" y="719"/>
                  </a:lnTo>
                  <a:lnTo>
                    <a:pt x="3963" y="729"/>
                  </a:lnTo>
                  <a:lnTo>
                    <a:pt x="3955" y="738"/>
                  </a:lnTo>
                  <a:lnTo>
                    <a:pt x="3947" y="746"/>
                  </a:lnTo>
                  <a:lnTo>
                    <a:pt x="3938" y="754"/>
                  </a:lnTo>
                  <a:lnTo>
                    <a:pt x="3929" y="761"/>
                  </a:lnTo>
                  <a:lnTo>
                    <a:pt x="3919" y="768"/>
                  </a:lnTo>
                  <a:lnTo>
                    <a:pt x="3909" y="775"/>
                  </a:lnTo>
                  <a:lnTo>
                    <a:pt x="3897" y="780"/>
                  </a:lnTo>
                  <a:lnTo>
                    <a:pt x="3886" y="786"/>
                  </a:lnTo>
                  <a:lnTo>
                    <a:pt x="3874" y="792"/>
                  </a:lnTo>
                  <a:lnTo>
                    <a:pt x="3861" y="797"/>
                  </a:lnTo>
                  <a:lnTo>
                    <a:pt x="3849" y="801"/>
                  </a:lnTo>
                  <a:lnTo>
                    <a:pt x="3821" y="808"/>
                  </a:lnTo>
                  <a:lnTo>
                    <a:pt x="3793" y="814"/>
                  </a:lnTo>
                  <a:lnTo>
                    <a:pt x="3763" y="819"/>
                  </a:lnTo>
                  <a:lnTo>
                    <a:pt x="3733" y="822"/>
                  </a:lnTo>
                  <a:lnTo>
                    <a:pt x="3701" y="823"/>
                  </a:lnTo>
                  <a:lnTo>
                    <a:pt x="3669" y="824"/>
                  </a:lnTo>
                  <a:close/>
                  <a:moveTo>
                    <a:pt x="2999" y="824"/>
                  </a:moveTo>
                  <a:lnTo>
                    <a:pt x="2971" y="824"/>
                  </a:lnTo>
                  <a:lnTo>
                    <a:pt x="2943" y="823"/>
                  </a:lnTo>
                  <a:lnTo>
                    <a:pt x="2913" y="821"/>
                  </a:lnTo>
                  <a:lnTo>
                    <a:pt x="2883" y="819"/>
                  </a:lnTo>
                  <a:lnTo>
                    <a:pt x="2851" y="815"/>
                  </a:lnTo>
                  <a:lnTo>
                    <a:pt x="2818" y="810"/>
                  </a:lnTo>
                  <a:lnTo>
                    <a:pt x="2782" y="803"/>
                  </a:lnTo>
                  <a:lnTo>
                    <a:pt x="2744" y="794"/>
                  </a:lnTo>
                  <a:lnTo>
                    <a:pt x="2744" y="661"/>
                  </a:lnTo>
                  <a:lnTo>
                    <a:pt x="2770" y="670"/>
                  </a:lnTo>
                  <a:lnTo>
                    <a:pt x="2797" y="679"/>
                  </a:lnTo>
                  <a:lnTo>
                    <a:pt x="2826" y="686"/>
                  </a:lnTo>
                  <a:lnTo>
                    <a:pt x="2856" y="693"/>
                  </a:lnTo>
                  <a:lnTo>
                    <a:pt x="2887" y="698"/>
                  </a:lnTo>
                  <a:lnTo>
                    <a:pt x="2917" y="702"/>
                  </a:lnTo>
                  <a:lnTo>
                    <a:pt x="2946" y="705"/>
                  </a:lnTo>
                  <a:lnTo>
                    <a:pt x="2973" y="706"/>
                  </a:lnTo>
                  <a:lnTo>
                    <a:pt x="2993" y="705"/>
                  </a:lnTo>
                  <a:lnTo>
                    <a:pt x="3011" y="704"/>
                  </a:lnTo>
                  <a:lnTo>
                    <a:pt x="3027" y="703"/>
                  </a:lnTo>
                  <a:lnTo>
                    <a:pt x="3043" y="701"/>
                  </a:lnTo>
                  <a:lnTo>
                    <a:pt x="3056" y="699"/>
                  </a:lnTo>
                  <a:lnTo>
                    <a:pt x="3069" y="696"/>
                  </a:lnTo>
                  <a:lnTo>
                    <a:pt x="3080" y="692"/>
                  </a:lnTo>
                  <a:lnTo>
                    <a:pt x="3089" y="688"/>
                  </a:lnTo>
                  <a:lnTo>
                    <a:pt x="3099" y="684"/>
                  </a:lnTo>
                  <a:lnTo>
                    <a:pt x="3106" y="679"/>
                  </a:lnTo>
                  <a:lnTo>
                    <a:pt x="3112" y="673"/>
                  </a:lnTo>
                  <a:lnTo>
                    <a:pt x="3117" y="667"/>
                  </a:lnTo>
                  <a:lnTo>
                    <a:pt x="3120" y="661"/>
                  </a:lnTo>
                  <a:lnTo>
                    <a:pt x="3123" y="652"/>
                  </a:lnTo>
                  <a:lnTo>
                    <a:pt x="3124" y="645"/>
                  </a:lnTo>
                  <a:lnTo>
                    <a:pt x="3124" y="637"/>
                  </a:lnTo>
                  <a:lnTo>
                    <a:pt x="3123" y="629"/>
                  </a:lnTo>
                  <a:lnTo>
                    <a:pt x="3121" y="622"/>
                  </a:lnTo>
                  <a:lnTo>
                    <a:pt x="3118" y="616"/>
                  </a:lnTo>
                  <a:lnTo>
                    <a:pt x="3114" y="610"/>
                  </a:lnTo>
                  <a:lnTo>
                    <a:pt x="3109" y="605"/>
                  </a:lnTo>
                  <a:lnTo>
                    <a:pt x="3102" y="600"/>
                  </a:lnTo>
                  <a:lnTo>
                    <a:pt x="3093" y="596"/>
                  </a:lnTo>
                  <a:lnTo>
                    <a:pt x="3084" y="592"/>
                  </a:lnTo>
                  <a:lnTo>
                    <a:pt x="3061" y="582"/>
                  </a:lnTo>
                  <a:lnTo>
                    <a:pt x="3031" y="574"/>
                  </a:lnTo>
                  <a:lnTo>
                    <a:pt x="2996" y="564"/>
                  </a:lnTo>
                  <a:lnTo>
                    <a:pt x="2954" y="553"/>
                  </a:lnTo>
                  <a:lnTo>
                    <a:pt x="2932" y="548"/>
                  </a:lnTo>
                  <a:lnTo>
                    <a:pt x="2911" y="542"/>
                  </a:lnTo>
                  <a:lnTo>
                    <a:pt x="2890" y="535"/>
                  </a:lnTo>
                  <a:lnTo>
                    <a:pt x="2871" y="528"/>
                  </a:lnTo>
                  <a:lnTo>
                    <a:pt x="2851" y="520"/>
                  </a:lnTo>
                  <a:lnTo>
                    <a:pt x="2834" y="511"/>
                  </a:lnTo>
                  <a:lnTo>
                    <a:pt x="2817" y="502"/>
                  </a:lnTo>
                  <a:lnTo>
                    <a:pt x="2801" y="492"/>
                  </a:lnTo>
                  <a:lnTo>
                    <a:pt x="2787" y="481"/>
                  </a:lnTo>
                  <a:lnTo>
                    <a:pt x="2774" y="469"/>
                  </a:lnTo>
                  <a:lnTo>
                    <a:pt x="2769" y="462"/>
                  </a:lnTo>
                  <a:lnTo>
                    <a:pt x="2763" y="454"/>
                  </a:lnTo>
                  <a:lnTo>
                    <a:pt x="2759" y="447"/>
                  </a:lnTo>
                  <a:lnTo>
                    <a:pt x="2754" y="439"/>
                  </a:lnTo>
                  <a:lnTo>
                    <a:pt x="2749" y="431"/>
                  </a:lnTo>
                  <a:lnTo>
                    <a:pt x="2746" y="422"/>
                  </a:lnTo>
                  <a:lnTo>
                    <a:pt x="2743" y="414"/>
                  </a:lnTo>
                  <a:lnTo>
                    <a:pt x="2740" y="404"/>
                  </a:lnTo>
                  <a:lnTo>
                    <a:pt x="2739" y="394"/>
                  </a:lnTo>
                  <a:lnTo>
                    <a:pt x="2737" y="383"/>
                  </a:lnTo>
                  <a:lnTo>
                    <a:pt x="2736" y="373"/>
                  </a:lnTo>
                  <a:lnTo>
                    <a:pt x="2736" y="362"/>
                  </a:lnTo>
                  <a:lnTo>
                    <a:pt x="2736" y="349"/>
                  </a:lnTo>
                  <a:lnTo>
                    <a:pt x="2738" y="336"/>
                  </a:lnTo>
                  <a:lnTo>
                    <a:pt x="2740" y="323"/>
                  </a:lnTo>
                  <a:lnTo>
                    <a:pt x="2743" y="312"/>
                  </a:lnTo>
                  <a:lnTo>
                    <a:pt x="2746" y="301"/>
                  </a:lnTo>
                  <a:lnTo>
                    <a:pt x="2752" y="291"/>
                  </a:lnTo>
                  <a:lnTo>
                    <a:pt x="2757" y="281"/>
                  </a:lnTo>
                  <a:lnTo>
                    <a:pt x="2763" y="271"/>
                  </a:lnTo>
                  <a:lnTo>
                    <a:pt x="2769" y="262"/>
                  </a:lnTo>
                  <a:lnTo>
                    <a:pt x="2776" y="253"/>
                  </a:lnTo>
                  <a:lnTo>
                    <a:pt x="2784" y="245"/>
                  </a:lnTo>
                  <a:lnTo>
                    <a:pt x="2792" y="238"/>
                  </a:lnTo>
                  <a:lnTo>
                    <a:pt x="2801" y="231"/>
                  </a:lnTo>
                  <a:lnTo>
                    <a:pt x="2812" y="224"/>
                  </a:lnTo>
                  <a:lnTo>
                    <a:pt x="2822" y="218"/>
                  </a:lnTo>
                  <a:lnTo>
                    <a:pt x="2832" y="212"/>
                  </a:lnTo>
                  <a:lnTo>
                    <a:pt x="2843" y="207"/>
                  </a:lnTo>
                  <a:lnTo>
                    <a:pt x="2854" y="202"/>
                  </a:lnTo>
                  <a:lnTo>
                    <a:pt x="2866" y="197"/>
                  </a:lnTo>
                  <a:lnTo>
                    <a:pt x="2878" y="192"/>
                  </a:lnTo>
                  <a:lnTo>
                    <a:pt x="2903" y="185"/>
                  </a:lnTo>
                  <a:lnTo>
                    <a:pt x="2930" y="180"/>
                  </a:lnTo>
                  <a:lnTo>
                    <a:pt x="2957" y="176"/>
                  </a:lnTo>
                  <a:lnTo>
                    <a:pt x="2985" y="173"/>
                  </a:lnTo>
                  <a:lnTo>
                    <a:pt x="3013" y="171"/>
                  </a:lnTo>
                  <a:lnTo>
                    <a:pt x="3043" y="170"/>
                  </a:lnTo>
                  <a:lnTo>
                    <a:pt x="3084" y="171"/>
                  </a:lnTo>
                  <a:lnTo>
                    <a:pt x="3124" y="173"/>
                  </a:lnTo>
                  <a:lnTo>
                    <a:pt x="3162" y="177"/>
                  </a:lnTo>
                  <a:lnTo>
                    <a:pt x="3197" y="181"/>
                  </a:lnTo>
                  <a:lnTo>
                    <a:pt x="3231" y="187"/>
                  </a:lnTo>
                  <a:lnTo>
                    <a:pt x="3262" y="194"/>
                  </a:lnTo>
                  <a:lnTo>
                    <a:pt x="3292" y="202"/>
                  </a:lnTo>
                  <a:lnTo>
                    <a:pt x="3320" y="209"/>
                  </a:lnTo>
                  <a:lnTo>
                    <a:pt x="3245" y="314"/>
                  </a:lnTo>
                  <a:lnTo>
                    <a:pt x="3228" y="309"/>
                  </a:lnTo>
                  <a:lnTo>
                    <a:pt x="3208" y="304"/>
                  </a:lnTo>
                  <a:lnTo>
                    <a:pt x="3189" y="299"/>
                  </a:lnTo>
                  <a:lnTo>
                    <a:pt x="3168" y="295"/>
                  </a:lnTo>
                  <a:lnTo>
                    <a:pt x="3145" y="291"/>
                  </a:lnTo>
                  <a:lnTo>
                    <a:pt x="3122" y="287"/>
                  </a:lnTo>
                  <a:lnTo>
                    <a:pt x="3099" y="285"/>
                  </a:lnTo>
                  <a:lnTo>
                    <a:pt x="3074" y="285"/>
                  </a:lnTo>
                  <a:lnTo>
                    <a:pt x="3044" y="285"/>
                  </a:lnTo>
                  <a:lnTo>
                    <a:pt x="3016" y="288"/>
                  </a:lnTo>
                  <a:lnTo>
                    <a:pt x="3004" y="290"/>
                  </a:lnTo>
                  <a:lnTo>
                    <a:pt x="2993" y="292"/>
                  </a:lnTo>
                  <a:lnTo>
                    <a:pt x="2982" y="295"/>
                  </a:lnTo>
                  <a:lnTo>
                    <a:pt x="2972" y="299"/>
                  </a:lnTo>
                  <a:lnTo>
                    <a:pt x="2963" y="303"/>
                  </a:lnTo>
                  <a:lnTo>
                    <a:pt x="2956" y="307"/>
                  </a:lnTo>
                  <a:lnTo>
                    <a:pt x="2949" y="312"/>
                  </a:lnTo>
                  <a:lnTo>
                    <a:pt x="2944" y="318"/>
                  </a:lnTo>
                  <a:lnTo>
                    <a:pt x="2940" y="324"/>
                  </a:lnTo>
                  <a:lnTo>
                    <a:pt x="2937" y="332"/>
                  </a:lnTo>
                  <a:lnTo>
                    <a:pt x="2935" y="339"/>
                  </a:lnTo>
                  <a:lnTo>
                    <a:pt x="2935" y="347"/>
                  </a:lnTo>
                  <a:lnTo>
                    <a:pt x="2935" y="355"/>
                  </a:lnTo>
                  <a:lnTo>
                    <a:pt x="2937" y="361"/>
                  </a:lnTo>
                  <a:lnTo>
                    <a:pt x="2941" y="368"/>
                  </a:lnTo>
                  <a:lnTo>
                    <a:pt x="2945" y="373"/>
                  </a:lnTo>
                  <a:lnTo>
                    <a:pt x="2951" y="379"/>
                  </a:lnTo>
                  <a:lnTo>
                    <a:pt x="2958" y="383"/>
                  </a:lnTo>
                  <a:lnTo>
                    <a:pt x="2966" y="388"/>
                  </a:lnTo>
                  <a:lnTo>
                    <a:pt x="2976" y="392"/>
                  </a:lnTo>
                  <a:lnTo>
                    <a:pt x="3000" y="401"/>
                  </a:lnTo>
                  <a:lnTo>
                    <a:pt x="3027" y="408"/>
                  </a:lnTo>
                  <a:lnTo>
                    <a:pt x="3059" y="416"/>
                  </a:lnTo>
                  <a:lnTo>
                    <a:pt x="3095" y="424"/>
                  </a:lnTo>
                  <a:lnTo>
                    <a:pt x="3122" y="430"/>
                  </a:lnTo>
                  <a:lnTo>
                    <a:pt x="3146" y="437"/>
                  </a:lnTo>
                  <a:lnTo>
                    <a:pt x="3170" y="444"/>
                  </a:lnTo>
                  <a:lnTo>
                    <a:pt x="3192" y="452"/>
                  </a:lnTo>
                  <a:lnTo>
                    <a:pt x="3213" y="461"/>
                  </a:lnTo>
                  <a:lnTo>
                    <a:pt x="3232" y="470"/>
                  </a:lnTo>
                  <a:lnTo>
                    <a:pt x="3249" y="480"/>
                  </a:lnTo>
                  <a:lnTo>
                    <a:pt x="3264" y="491"/>
                  </a:lnTo>
                  <a:lnTo>
                    <a:pt x="3279" y="503"/>
                  </a:lnTo>
                  <a:lnTo>
                    <a:pt x="3291" y="517"/>
                  </a:lnTo>
                  <a:lnTo>
                    <a:pt x="3297" y="524"/>
                  </a:lnTo>
                  <a:lnTo>
                    <a:pt x="3302" y="532"/>
                  </a:lnTo>
                  <a:lnTo>
                    <a:pt x="3306" y="540"/>
                  </a:lnTo>
                  <a:lnTo>
                    <a:pt x="3310" y="548"/>
                  </a:lnTo>
                  <a:lnTo>
                    <a:pt x="3314" y="556"/>
                  </a:lnTo>
                  <a:lnTo>
                    <a:pt x="3317" y="565"/>
                  </a:lnTo>
                  <a:lnTo>
                    <a:pt x="3320" y="574"/>
                  </a:lnTo>
                  <a:lnTo>
                    <a:pt x="3322" y="583"/>
                  </a:lnTo>
                  <a:lnTo>
                    <a:pt x="3324" y="594"/>
                  </a:lnTo>
                  <a:lnTo>
                    <a:pt x="3325" y="604"/>
                  </a:lnTo>
                  <a:lnTo>
                    <a:pt x="3326" y="615"/>
                  </a:lnTo>
                  <a:lnTo>
                    <a:pt x="3326" y="626"/>
                  </a:lnTo>
                  <a:lnTo>
                    <a:pt x="3326" y="640"/>
                  </a:lnTo>
                  <a:lnTo>
                    <a:pt x="3324" y="652"/>
                  </a:lnTo>
                  <a:lnTo>
                    <a:pt x="3322" y="666"/>
                  </a:lnTo>
                  <a:lnTo>
                    <a:pt x="3319" y="677"/>
                  </a:lnTo>
                  <a:lnTo>
                    <a:pt x="3315" y="689"/>
                  </a:lnTo>
                  <a:lnTo>
                    <a:pt x="3311" y="699"/>
                  </a:lnTo>
                  <a:lnTo>
                    <a:pt x="3306" y="710"/>
                  </a:lnTo>
                  <a:lnTo>
                    <a:pt x="3300" y="719"/>
                  </a:lnTo>
                  <a:lnTo>
                    <a:pt x="3293" y="729"/>
                  </a:lnTo>
                  <a:lnTo>
                    <a:pt x="3285" y="738"/>
                  </a:lnTo>
                  <a:lnTo>
                    <a:pt x="3277" y="746"/>
                  </a:lnTo>
                  <a:lnTo>
                    <a:pt x="3268" y="754"/>
                  </a:lnTo>
                  <a:lnTo>
                    <a:pt x="3259" y="761"/>
                  </a:lnTo>
                  <a:lnTo>
                    <a:pt x="3249" y="768"/>
                  </a:lnTo>
                  <a:lnTo>
                    <a:pt x="3238" y="775"/>
                  </a:lnTo>
                  <a:lnTo>
                    <a:pt x="3228" y="780"/>
                  </a:lnTo>
                  <a:lnTo>
                    <a:pt x="3216" y="786"/>
                  </a:lnTo>
                  <a:lnTo>
                    <a:pt x="3203" y="792"/>
                  </a:lnTo>
                  <a:lnTo>
                    <a:pt x="3191" y="797"/>
                  </a:lnTo>
                  <a:lnTo>
                    <a:pt x="3178" y="801"/>
                  </a:lnTo>
                  <a:lnTo>
                    <a:pt x="3151" y="808"/>
                  </a:lnTo>
                  <a:lnTo>
                    <a:pt x="3123" y="814"/>
                  </a:lnTo>
                  <a:lnTo>
                    <a:pt x="3093" y="819"/>
                  </a:lnTo>
                  <a:lnTo>
                    <a:pt x="3063" y="822"/>
                  </a:lnTo>
                  <a:lnTo>
                    <a:pt x="3031" y="823"/>
                  </a:lnTo>
                  <a:lnTo>
                    <a:pt x="2999" y="824"/>
                  </a:lnTo>
                  <a:close/>
                  <a:moveTo>
                    <a:pt x="2449" y="809"/>
                  </a:moveTo>
                  <a:lnTo>
                    <a:pt x="2372" y="624"/>
                  </a:lnTo>
                  <a:lnTo>
                    <a:pt x="1980" y="624"/>
                  </a:lnTo>
                  <a:lnTo>
                    <a:pt x="1900" y="809"/>
                  </a:lnTo>
                  <a:lnTo>
                    <a:pt x="1657" y="809"/>
                  </a:lnTo>
                  <a:lnTo>
                    <a:pt x="2036" y="0"/>
                  </a:lnTo>
                  <a:lnTo>
                    <a:pt x="2314" y="0"/>
                  </a:lnTo>
                  <a:lnTo>
                    <a:pt x="2694" y="809"/>
                  </a:lnTo>
                  <a:lnTo>
                    <a:pt x="2449" y="809"/>
                  </a:lnTo>
                  <a:close/>
                  <a:moveTo>
                    <a:pt x="2176" y="162"/>
                  </a:moveTo>
                  <a:lnTo>
                    <a:pt x="2038" y="484"/>
                  </a:lnTo>
                  <a:lnTo>
                    <a:pt x="2314" y="484"/>
                  </a:lnTo>
                  <a:lnTo>
                    <a:pt x="2176" y="162"/>
                  </a:lnTo>
                  <a:close/>
                  <a:moveTo>
                    <a:pt x="991" y="127"/>
                  </a:moveTo>
                  <a:lnTo>
                    <a:pt x="991" y="325"/>
                  </a:lnTo>
                  <a:lnTo>
                    <a:pt x="1394" y="325"/>
                  </a:lnTo>
                  <a:lnTo>
                    <a:pt x="1394" y="458"/>
                  </a:lnTo>
                  <a:lnTo>
                    <a:pt x="991" y="458"/>
                  </a:lnTo>
                  <a:lnTo>
                    <a:pt x="991" y="809"/>
                  </a:lnTo>
                  <a:lnTo>
                    <a:pt x="752" y="809"/>
                  </a:lnTo>
                  <a:lnTo>
                    <a:pt x="752" y="0"/>
                  </a:lnTo>
                  <a:lnTo>
                    <a:pt x="1413" y="0"/>
                  </a:lnTo>
                  <a:lnTo>
                    <a:pt x="1413" y="127"/>
                  </a:lnTo>
                  <a:lnTo>
                    <a:pt x="991" y="127"/>
                  </a:lnTo>
                  <a:close/>
                </a:path>
              </a:pathLst>
            </a:custGeom>
            <a:solidFill>
              <a:srgbClr val="1F1A17"/>
            </a:solidFill>
            <a:ln w="9525">
              <a:noFill/>
              <a:round/>
              <a:headEnd/>
              <a:tailEnd/>
            </a:ln>
          </p:spPr>
          <p:txBody>
            <a:bodyPr/>
            <a:lstStyle/>
            <a:p>
              <a:pPr>
                <a:defRPr/>
              </a:pPr>
              <a:endParaRPr lang="en-US"/>
            </a:p>
          </p:txBody>
        </p:sp>
        <p:sp>
          <p:nvSpPr>
            <p:cNvPr id="14" name="Freeform 16" hidden="1"/>
            <p:cNvSpPr>
              <a:spLocks noChangeAspect="1" noEditPoints="1"/>
            </p:cNvSpPr>
            <p:nvPr/>
          </p:nvSpPr>
          <p:spPr bwMode="gray">
            <a:xfrm>
              <a:off x="-2448" y="1872"/>
              <a:ext cx="205" cy="206"/>
            </a:xfrm>
            <a:custGeom>
              <a:avLst/>
              <a:gdLst/>
              <a:ahLst/>
              <a:cxnLst>
                <a:cxn ang="0">
                  <a:pos x="262" y="581"/>
                </a:cxn>
                <a:cxn ang="0">
                  <a:pos x="292" y="563"/>
                </a:cxn>
                <a:cxn ang="0">
                  <a:pos x="310" y="532"/>
                </a:cxn>
                <a:cxn ang="0">
                  <a:pos x="285" y="145"/>
                </a:cxn>
                <a:cxn ang="0">
                  <a:pos x="159" y="266"/>
                </a:cxn>
                <a:cxn ang="0">
                  <a:pos x="65" y="414"/>
                </a:cxn>
                <a:cxn ang="0">
                  <a:pos x="10" y="584"/>
                </a:cxn>
                <a:cxn ang="0">
                  <a:pos x="857" y="1429"/>
                </a:cxn>
                <a:cxn ang="0">
                  <a:pos x="1016" y="1378"/>
                </a:cxn>
                <a:cxn ang="0">
                  <a:pos x="1157" y="1295"/>
                </a:cxn>
                <a:cxn ang="0">
                  <a:pos x="1275" y="1182"/>
                </a:cxn>
                <a:cxn ang="0">
                  <a:pos x="1365" y="1045"/>
                </a:cxn>
                <a:cxn ang="0">
                  <a:pos x="1422" y="889"/>
                </a:cxn>
                <a:cxn ang="0">
                  <a:pos x="710" y="788"/>
                </a:cxn>
                <a:cxn ang="0">
                  <a:pos x="677" y="800"/>
                </a:cxn>
                <a:cxn ang="0">
                  <a:pos x="652" y="828"/>
                </a:cxn>
                <a:cxn ang="0">
                  <a:pos x="644" y="861"/>
                </a:cxn>
                <a:cxn ang="0">
                  <a:pos x="719" y="1442"/>
                </a:cxn>
                <a:cxn ang="0">
                  <a:pos x="567" y="365"/>
                </a:cxn>
                <a:cxn ang="0">
                  <a:pos x="536" y="384"/>
                </a:cxn>
                <a:cxn ang="0">
                  <a:pos x="518" y="414"/>
                </a:cxn>
                <a:cxn ang="0">
                  <a:pos x="515" y="1156"/>
                </a:cxn>
                <a:cxn ang="0">
                  <a:pos x="503" y="1190"/>
                </a:cxn>
                <a:cxn ang="0">
                  <a:pos x="475" y="1214"/>
                </a:cxn>
                <a:cxn ang="0">
                  <a:pos x="442" y="1222"/>
                </a:cxn>
                <a:cxn ang="0">
                  <a:pos x="282" y="1294"/>
                </a:cxn>
                <a:cxn ang="0">
                  <a:pos x="397" y="1367"/>
                </a:cxn>
                <a:cxn ang="0">
                  <a:pos x="526" y="1416"/>
                </a:cxn>
                <a:cxn ang="0">
                  <a:pos x="583" y="643"/>
                </a:cxn>
                <a:cxn ang="0">
                  <a:pos x="598" y="611"/>
                </a:cxn>
                <a:cxn ang="0">
                  <a:pos x="628" y="589"/>
                </a:cxn>
                <a:cxn ang="0">
                  <a:pos x="1428" y="584"/>
                </a:cxn>
                <a:cxn ang="0">
                  <a:pos x="1384" y="441"/>
                </a:cxn>
                <a:cxn ang="0">
                  <a:pos x="696" y="0"/>
                </a:cxn>
                <a:cxn ang="0">
                  <a:pos x="584" y="12"/>
                </a:cxn>
                <a:cxn ang="0">
                  <a:pos x="478" y="42"/>
                </a:cxn>
                <a:cxn ang="0">
                  <a:pos x="379" y="85"/>
                </a:cxn>
                <a:cxn ang="0">
                  <a:pos x="373" y="743"/>
                </a:cxn>
                <a:cxn ang="0">
                  <a:pos x="351" y="772"/>
                </a:cxn>
                <a:cxn ang="0">
                  <a:pos x="320" y="786"/>
                </a:cxn>
                <a:cxn ang="0">
                  <a:pos x="8" y="848"/>
                </a:cxn>
                <a:cxn ang="0">
                  <a:pos x="50" y="991"/>
                </a:cxn>
                <a:cxn ang="0">
                  <a:pos x="394" y="1015"/>
                </a:cxn>
                <a:cxn ang="0">
                  <a:pos x="424" y="997"/>
                </a:cxn>
                <a:cxn ang="0">
                  <a:pos x="443" y="967"/>
                </a:cxn>
                <a:cxn ang="0">
                  <a:pos x="446" y="224"/>
                </a:cxn>
                <a:cxn ang="0">
                  <a:pos x="458" y="191"/>
                </a:cxn>
                <a:cxn ang="0">
                  <a:pos x="485" y="167"/>
                </a:cxn>
                <a:cxn ang="0">
                  <a:pos x="519" y="157"/>
                </a:cxn>
                <a:cxn ang="0">
                  <a:pos x="1071" y="91"/>
                </a:cxn>
                <a:cxn ang="0">
                  <a:pos x="933" y="32"/>
                </a:cxn>
                <a:cxn ang="0">
                  <a:pos x="783" y="3"/>
                </a:cxn>
              </a:cxnLst>
              <a:rect l="0" t="0" r="r" b="b"/>
              <a:pathLst>
                <a:path w="1438" h="1442">
                  <a:moveTo>
                    <a:pt x="10" y="584"/>
                  </a:moveTo>
                  <a:lnTo>
                    <a:pt x="239" y="584"/>
                  </a:lnTo>
                  <a:lnTo>
                    <a:pt x="247" y="584"/>
                  </a:lnTo>
                  <a:lnTo>
                    <a:pt x="254" y="583"/>
                  </a:lnTo>
                  <a:lnTo>
                    <a:pt x="262" y="581"/>
                  </a:lnTo>
                  <a:lnTo>
                    <a:pt x="268" y="579"/>
                  </a:lnTo>
                  <a:lnTo>
                    <a:pt x="275" y="576"/>
                  </a:lnTo>
                  <a:lnTo>
                    <a:pt x="281" y="572"/>
                  </a:lnTo>
                  <a:lnTo>
                    <a:pt x="286" y="568"/>
                  </a:lnTo>
                  <a:lnTo>
                    <a:pt x="292" y="563"/>
                  </a:lnTo>
                  <a:lnTo>
                    <a:pt x="297" y="558"/>
                  </a:lnTo>
                  <a:lnTo>
                    <a:pt x="301" y="551"/>
                  </a:lnTo>
                  <a:lnTo>
                    <a:pt x="304" y="545"/>
                  </a:lnTo>
                  <a:lnTo>
                    <a:pt x="307" y="539"/>
                  </a:lnTo>
                  <a:lnTo>
                    <a:pt x="310" y="532"/>
                  </a:lnTo>
                  <a:lnTo>
                    <a:pt x="311" y="525"/>
                  </a:lnTo>
                  <a:lnTo>
                    <a:pt x="312" y="518"/>
                  </a:lnTo>
                  <a:lnTo>
                    <a:pt x="313" y="510"/>
                  </a:lnTo>
                  <a:lnTo>
                    <a:pt x="313" y="125"/>
                  </a:lnTo>
                  <a:lnTo>
                    <a:pt x="285" y="145"/>
                  </a:lnTo>
                  <a:lnTo>
                    <a:pt x="257" y="167"/>
                  </a:lnTo>
                  <a:lnTo>
                    <a:pt x="231" y="190"/>
                  </a:lnTo>
                  <a:lnTo>
                    <a:pt x="206" y="214"/>
                  </a:lnTo>
                  <a:lnTo>
                    <a:pt x="181" y="240"/>
                  </a:lnTo>
                  <a:lnTo>
                    <a:pt x="159" y="266"/>
                  </a:lnTo>
                  <a:lnTo>
                    <a:pt x="137" y="293"/>
                  </a:lnTo>
                  <a:lnTo>
                    <a:pt x="117" y="322"/>
                  </a:lnTo>
                  <a:lnTo>
                    <a:pt x="99" y="352"/>
                  </a:lnTo>
                  <a:lnTo>
                    <a:pt x="81" y="383"/>
                  </a:lnTo>
                  <a:lnTo>
                    <a:pt x="65" y="414"/>
                  </a:lnTo>
                  <a:lnTo>
                    <a:pt x="51" y="447"/>
                  </a:lnTo>
                  <a:lnTo>
                    <a:pt x="39" y="480"/>
                  </a:lnTo>
                  <a:lnTo>
                    <a:pt x="27" y="514"/>
                  </a:lnTo>
                  <a:lnTo>
                    <a:pt x="18" y="548"/>
                  </a:lnTo>
                  <a:lnTo>
                    <a:pt x="10" y="584"/>
                  </a:lnTo>
                  <a:close/>
                  <a:moveTo>
                    <a:pt x="719" y="1442"/>
                  </a:moveTo>
                  <a:lnTo>
                    <a:pt x="754" y="1441"/>
                  </a:lnTo>
                  <a:lnTo>
                    <a:pt x="789" y="1439"/>
                  </a:lnTo>
                  <a:lnTo>
                    <a:pt x="823" y="1435"/>
                  </a:lnTo>
                  <a:lnTo>
                    <a:pt x="857" y="1429"/>
                  </a:lnTo>
                  <a:lnTo>
                    <a:pt x="889" y="1422"/>
                  </a:lnTo>
                  <a:lnTo>
                    <a:pt x="922" y="1414"/>
                  </a:lnTo>
                  <a:lnTo>
                    <a:pt x="955" y="1403"/>
                  </a:lnTo>
                  <a:lnTo>
                    <a:pt x="985" y="1391"/>
                  </a:lnTo>
                  <a:lnTo>
                    <a:pt x="1016" y="1378"/>
                  </a:lnTo>
                  <a:lnTo>
                    <a:pt x="1046" y="1364"/>
                  </a:lnTo>
                  <a:lnTo>
                    <a:pt x="1075" y="1349"/>
                  </a:lnTo>
                  <a:lnTo>
                    <a:pt x="1103" y="1331"/>
                  </a:lnTo>
                  <a:lnTo>
                    <a:pt x="1131" y="1314"/>
                  </a:lnTo>
                  <a:lnTo>
                    <a:pt x="1157" y="1295"/>
                  </a:lnTo>
                  <a:lnTo>
                    <a:pt x="1182" y="1274"/>
                  </a:lnTo>
                  <a:lnTo>
                    <a:pt x="1207" y="1252"/>
                  </a:lnTo>
                  <a:lnTo>
                    <a:pt x="1230" y="1230"/>
                  </a:lnTo>
                  <a:lnTo>
                    <a:pt x="1253" y="1206"/>
                  </a:lnTo>
                  <a:lnTo>
                    <a:pt x="1275" y="1182"/>
                  </a:lnTo>
                  <a:lnTo>
                    <a:pt x="1295" y="1156"/>
                  </a:lnTo>
                  <a:lnTo>
                    <a:pt x="1314" y="1129"/>
                  </a:lnTo>
                  <a:lnTo>
                    <a:pt x="1332" y="1102"/>
                  </a:lnTo>
                  <a:lnTo>
                    <a:pt x="1348" y="1073"/>
                  </a:lnTo>
                  <a:lnTo>
                    <a:pt x="1365" y="1045"/>
                  </a:lnTo>
                  <a:lnTo>
                    <a:pt x="1379" y="1014"/>
                  </a:lnTo>
                  <a:lnTo>
                    <a:pt x="1391" y="984"/>
                  </a:lnTo>
                  <a:lnTo>
                    <a:pt x="1403" y="954"/>
                  </a:lnTo>
                  <a:lnTo>
                    <a:pt x="1412" y="921"/>
                  </a:lnTo>
                  <a:lnTo>
                    <a:pt x="1422" y="889"/>
                  </a:lnTo>
                  <a:lnTo>
                    <a:pt x="1429" y="855"/>
                  </a:lnTo>
                  <a:lnTo>
                    <a:pt x="1434" y="822"/>
                  </a:lnTo>
                  <a:lnTo>
                    <a:pt x="1438" y="788"/>
                  </a:lnTo>
                  <a:lnTo>
                    <a:pt x="718" y="788"/>
                  </a:lnTo>
                  <a:lnTo>
                    <a:pt x="710" y="788"/>
                  </a:lnTo>
                  <a:lnTo>
                    <a:pt x="703" y="789"/>
                  </a:lnTo>
                  <a:lnTo>
                    <a:pt x="696" y="791"/>
                  </a:lnTo>
                  <a:lnTo>
                    <a:pt x="689" y="793"/>
                  </a:lnTo>
                  <a:lnTo>
                    <a:pt x="683" y="796"/>
                  </a:lnTo>
                  <a:lnTo>
                    <a:pt x="677" y="800"/>
                  </a:lnTo>
                  <a:lnTo>
                    <a:pt x="671" y="804"/>
                  </a:lnTo>
                  <a:lnTo>
                    <a:pt x="666" y="809"/>
                  </a:lnTo>
                  <a:lnTo>
                    <a:pt x="660" y="815"/>
                  </a:lnTo>
                  <a:lnTo>
                    <a:pt x="656" y="822"/>
                  </a:lnTo>
                  <a:lnTo>
                    <a:pt x="652" y="828"/>
                  </a:lnTo>
                  <a:lnTo>
                    <a:pt x="649" y="834"/>
                  </a:lnTo>
                  <a:lnTo>
                    <a:pt x="647" y="840"/>
                  </a:lnTo>
                  <a:lnTo>
                    <a:pt x="646" y="847"/>
                  </a:lnTo>
                  <a:lnTo>
                    <a:pt x="645" y="854"/>
                  </a:lnTo>
                  <a:lnTo>
                    <a:pt x="644" y="861"/>
                  </a:lnTo>
                  <a:lnTo>
                    <a:pt x="644" y="1438"/>
                  </a:lnTo>
                  <a:lnTo>
                    <a:pt x="662" y="1440"/>
                  </a:lnTo>
                  <a:lnTo>
                    <a:pt x="682" y="1441"/>
                  </a:lnTo>
                  <a:lnTo>
                    <a:pt x="700" y="1442"/>
                  </a:lnTo>
                  <a:lnTo>
                    <a:pt x="719" y="1442"/>
                  </a:lnTo>
                  <a:close/>
                  <a:moveTo>
                    <a:pt x="1344" y="362"/>
                  </a:moveTo>
                  <a:lnTo>
                    <a:pt x="589" y="362"/>
                  </a:lnTo>
                  <a:lnTo>
                    <a:pt x="581" y="363"/>
                  </a:lnTo>
                  <a:lnTo>
                    <a:pt x="574" y="364"/>
                  </a:lnTo>
                  <a:lnTo>
                    <a:pt x="567" y="365"/>
                  </a:lnTo>
                  <a:lnTo>
                    <a:pt x="560" y="368"/>
                  </a:lnTo>
                  <a:lnTo>
                    <a:pt x="554" y="371"/>
                  </a:lnTo>
                  <a:lnTo>
                    <a:pt x="547" y="374"/>
                  </a:lnTo>
                  <a:lnTo>
                    <a:pt x="541" y="379"/>
                  </a:lnTo>
                  <a:lnTo>
                    <a:pt x="536" y="384"/>
                  </a:lnTo>
                  <a:lnTo>
                    <a:pt x="531" y="389"/>
                  </a:lnTo>
                  <a:lnTo>
                    <a:pt x="527" y="395"/>
                  </a:lnTo>
                  <a:lnTo>
                    <a:pt x="523" y="401"/>
                  </a:lnTo>
                  <a:lnTo>
                    <a:pt x="520" y="407"/>
                  </a:lnTo>
                  <a:lnTo>
                    <a:pt x="518" y="414"/>
                  </a:lnTo>
                  <a:lnTo>
                    <a:pt x="516" y="421"/>
                  </a:lnTo>
                  <a:lnTo>
                    <a:pt x="515" y="429"/>
                  </a:lnTo>
                  <a:lnTo>
                    <a:pt x="515" y="436"/>
                  </a:lnTo>
                  <a:lnTo>
                    <a:pt x="515" y="1149"/>
                  </a:lnTo>
                  <a:lnTo>
                    <a:pt x="515" y="1156"/>
                  </a:lnTo>
                  <a:lnTo>
                    <a:pt x="514" y="1164"/>
                  </a:lnTo>
                  <a:lnTo>
                    <a:pt x="512" y="1171"/>
                  </a:lnTo>
                  <a:lnTo>
                    <a:pt x="510" y="1177"/>
                  </a:lnTo>
                  <a:lnTo>
                    <a:pt x="507" y="1184"/>
                  </a:lnTo>
                  <a:lnTo>
                    <a:pt x="503" y="1190"/>
                  </a:lnTo>
                  <a:lnTo>
                    <a:pt x="498" y="1195"/>
                  </a:lnTo>
                  <a:lnTo>
                    <a:pt x="493" y="1201"/>
                  </a:lnTo>
                  <a:lnTo>
                    <a:pt x="487" y="1205"/>
                  </a:lnTo>
                  <a:lnTo>
                    <a:pt x="481" y="1210"/>
                  </a:lnTo>
                  <a:lnTo>
                    <a:pt x="475" y="1214"/>
                  </a:lnTo>
                  <a:lnTo>
                    <a:pt x="469" y="1217"/>
                  </a:lnTo>
                  <a:lnTo>
                    <a:pt x="462" y="1219"/>
                  </a:lnTo>
                  <a:lnTo>
                    <a:pt x="456" y="1221"/>
                  </a:lnTo>
                  <a:lnTo>
                    <a:pt x="449" y="1222"/>
                  </a:lnTo>
                  <a:lnTo>
                    <a:pt x="442" y="1222"/>
                  </a:lnTo>
                  <a:lnTo>
                    <a:pt x="200" y="1222"/>
                  </a:lnTo>
                  <a:lnTo>
                    <a:pt x="220" y="1241"/>
                  </a:lnTo>
                  <a:lnTo>
                    <a:pt x="239" y="1259"/>
                  </a:lnTo>
                  <a:lnTo>
                    <a:pt x="261" y="1277"/>
                  </a:lnTo>
                  <a:lnTo>
                    <a:pt x="282" y="1294"/>
                  </a:lnTo>
                  <a:lnTo>
                    <a:pt x="303" y="1310"/>
                  </a:lnTo>
                  <a:lnTo>
                    <a:pt x="326" y="1325"/>
                  </a:lnTo>
                  <a:lnTo>
                    <a:pt x="349" y="1340"/>
                  </a:lnTo>
                  <a:lnTo>
                    <a:pt x="373" y="1354"/>
                  </a:lnTo>
                  <a:lnTo>
                    <a:pt x="397" y="1367"/>
                  </a:lnTo>
                  <a:lnTo>
                    <a:pt x="422" y="1378"/>
                  </a:lnTo>
                  <a:lnTo>
                    <a:pt x="448" y="1389"/>
                  </a:lnTo>
                  <a:lnTo>
                    <a:pt x="473" y="1399"/>
                  </a:lnTo>
                  <a:lnTo>
                    <a:pt x="500" y="1407"/>
                  </a:lnTo>
                  <a:lnTo>
                    <a:pt x="526" y="1416"/>
                  </a:lnTo>
                  <a:lnTo>
                    <a:pt x="554" y="1423"/>
                  </a:lnTo>
                  <a:lnTo>
                    <a:pt x="581" y="1429"/>
                  </a:lnTo>
                  <a:lnTo>
                    <a:pt x="581" y="657"/>
                  </a:lnTo>
                  <a:lnTo>
                    <a:pt x="582" y="650"/>
                  </a:lnTo>
                  <a:lnTo>
                    <a:pt x="583" y="643"/>
                  </a:lnTo>
                  <a:lnTo>
                    <a:pt x="584" y="636"/>
                  </a:lnTo>
                  <a:lnTo>
                    <a:pt x="587" y="630"/>
                  </a:lnTo>
                  <a:lnTo>
                    <a:pt x="590" y="624"/>
                  </a:lnTo>
                  <a:lnTo>
                    <a:pt x="593" y="617"/>
                  </a:lnTo>
                  <a:lnTo>
                    <a:pt x="598" y="611"/>
                  </a:lnTo>
                  <a:lnTo>
                    <a:pt x="603" y="605"/>
                  </a:lnTo>
                  <a:lnTo>
                    <a:pt x="610" y="600"/>
                  </a:lnTo>
                  <a:lnTo>
                    <a:pt x="615" y="596"/>
                  </a:lnTo>
                  <a:lnTo>
                    <a:pt x="621" y="592"/>
                  </a:lnTo>
                  <a:lnTo>
                    <a:pt x="628" y="589"/>
                  </a:lnTo>
                  <a:lnTo>
                    <a:pt x="634" y="587"/>
                  </a:lnTo>
                  <a:lnTo>
                    <a:pt x="641" y="585"/>
                  </a:lnTo>
                  <a:lnTo>
                    <a:pt x="648" y="584"/>
                  </a:lnTo>
                  <a:lnTo>
                    <a:pt x="655" y="584"/>
                  </a:lnTo>
                  <a:lnTo>
                    <a:pt x="1428" y="584"/>
                  </a:lnTo>
                  <a:lnTo>
                    <a:pt x="1422" y="554"/>
                  </a:lnTo>
                  <a:lnTo>
                    <a:pt x="1413" y="525"/>
                  </a:lnTo>
                  <a:lnTo>
                    <a:pt x="1405" y="497"/>
                  </a:lnTo>
                  <a:lnTo>
                    <a:pt x="1395" y="468"/>
                  </a:lnTo>
                  <a:lnTo>
                    <a:pt x="1384" y="441"/>
                  </a:lnTo>
                  <a:lnTo>
                    <a:pt x="1372" y="414"/>
                  </a:lnTo>
                  <a:lnTo>
                    <a:pt x="1359" y="388"/>
                  </a:lnTo>
                  <a:lnTo>
                    <a:pt x="1344" y="362"/>
                  </a:lnTo>
                  <a:close/>
                  <a:moveTo>
                    <a:pt x="719" y="0"/>
                  </a:moveTo>
                  <a:lnTo>
                    <a:pt x="696" y="0"/>
                  </a:lnTo>
                  <a:lnTo>
                    <a:pt x="674" y="1"/>
                  </a:lnTo>
                  <a:lnTo>
                    <a:pt x="650" y="3"/>
                  </a:lnTo>
                  <a:lnTo>
                    <a:pt x="628" y="6"/>
                  </a:lnTo>
                  <a:lnTo>
                    <a:pt x="607" y="9"/>
                  </a:lnTo>
                  <a:lnTo>
                    <a:pt x="584" y="12"/>
                  </a:lnTo>
                  <a:lnTo>
                    <a:pt x="563" y="17"/>
                  </a:lnTo>
                  <a:lnTo>
                    <a:pt x="541" y="22"/>
                  </a:lnTo>
                  <a:lnTo>
                    <a:pt x="520" y="28"/>
                  </a:lnTo>
                  <a:lnTo>
                    <a:pt x="499" y="35"/>
                  </a:lnTo>
                  <a:lnTo>
                    <a:pt x="478" y="42"/>
                  </a:lnTo>
                  <a:lnTo>
                    <a:pt x="458" y="49"/>
                  </a:lnTo>
                  <a:lnTo>
                    <a:pt x="438" y="57"/>
                  </a:lnTo>
                  <a:lnTo>
                    <a:pt x="417" y="66"/>
                  </a:lnTo>
                  <a:lnTo>
                    <a:pt x="398" y="75"/>
                  </a:lnTo>
                  <a:lnTo>
                    <a:pt x="379" y="85"/>
                  </a:lnTo>
                  <a:lnTo>
                    <a:pt x="379" y="714"/>
                  </a:lnTo>
                  <a:lnTo>
                    <a:pt x="379" y="722"/>
                  </a:lnTo>
                  <a:lnTo>
                    <a:pt x="378" y="729"/>
                  </a:lnTo>
                  <a:lnTo>
                    <a:pt x="376" y="736"/>
                  </a:lnTo>
                  <a:lnTo>
                    <a:pt x="373" y="743"/>
                  </a:lnTo>
                  <a:lnTo>
                    <a:pt x="370" y="749"/>
                  </a:lnTo>
                  <a:lnTo>
                    <a:pt x="366" y="756"/>
                  </a:lnTo>
                  <a:lnTo>
                    <a:pt x="362" y="762"/>
                  </a:lnTo>
                  <a:lnTo>
                    <a:pt x="357" y="767"/>
                  </a:lnTo>
                  <a:lnTo>
                    <a:pt x="351" y="772"/>
                  </a:lnTo>
                  <a:lnTo>
                    <a:pt x="345" y="776"/>
                  </a:lnTo>
                  <a:lnTo>
                    <a:pt x="339" y="780"/>
                  </a:lnTo>
                  <a:lnTo>
                    <a:pt x="333" y="783"/>
                  </a:lnTo>
                  <a:lnTo>
                    <a:pt x="327" y="785"/>
                  </a:lnTo>
                  <a:lnTo>
                    <a:pt x="320" y="786"/>
                  </a:lnTo>
                  <a:lnTo>
                    <a:pt x="312" y="787"/>
                  </a:lnTo>
                  <a:lnTo>
                    <a:pt x="305" y="788"/>
                  </a:lnTo>
                  <a:lnTo>
                    <a:pt x="0" y="788"/>
                  </a:lnTo>
                  <a:lnTo>
                    <a:pt x="3" y="818"/>
                  </a:lnTo>
                  <a:lnTo>
                    <a:pt x="8" y="848"/>
                  </a:lnTo>
                  <a:lnTo>
                    <a:pt x="14" y="877"/>
                  </a:lnTo>
                  <a:lnTo>
                    <a:pt x="21" y="907"/>
                  </a:lnTo>
                  <a:lnTo>
                    <a:pt x="30" y="935"/>
                  </a:lnTo>
                  <a:lnTo>
                    <a:pt x="39" y="964"/>
                  </a:lnTo>
                  <a:lnTo>
                    <a:pt x="50" y="991"/>
                  </a:lnTo>
                  <a:lnTo>
                    <a:pt x="61" y="1018"/>
                  </a:lnTo>
                  <a:lnTo>
                    <a:pt x="371" y="1018"/>
                  </a:lnTo>
                  <a:lnTo>
                    <a:pt x="380" y="1018"/>
                  </a:lnTo>
                  <a:lnTo>
                    <a:pt x="387" y="1017"/>
                  </a:lnTo>
                  <a:lnTo>
                    <a:pt x="394" y="1015"/>
                  </a:lnTo>
                  <a:lnTo>
                    <a:pt x="401" y="1012"/>
                  </a:lnTo>
                  <a:lnTo>
                    <a:pt x="407" y="1009"/>
                  </a:lnTo>
                  <a:lnTo>
                    <a:pt x="413" y="1006"/>
                  </a:lnTo>
                  <a:lnTo>
                    <a:pt x="419" y="1002"/>
                  </a:lnTo>
                  <a:lnTo>
                    <a:pt x="424" y="997"/>
                  </a:lnTo>
                  <a:lnTo>
                    <a:pt x="429" y="991"/>
                  </a:lnTo>
                  <a:lnTo>
                    <a:pt x="434" y="986"/>
                  </a:lnTo>
                  <a:lnTo>
                    <a:pt x="438" y="980"/>
                  </a:lnTo>
                  <a:lnTo>
                    <a:pt x="441" y="973"/>
                  </a:lnTo>
                  <a:lnTo>
                    <a:pt x="443" y="967"/>
                  </a:lnTo>
                  <a:lnTo>
                    <a:pt x="444" y="960"/>
                  </a:lnTo>
                  <a:lnTo>
                    <a:pt x="445" y="952"/>
                  </a:lnTo>
                  <a:lnTo>
                    <a:pt x="446" y="944"/>
                  </a:lnTo>
                  <a:lnTo>
                    <a:pt x="446" y="232"/>
                  </a:lnTo>
                  <a:lnTo>
                    <a:pt x="446" y="224"/>
                  </a:lnTo>
                  <a:lnTo>
                    <a:pt x="447" y="217"/>
                  </a:lnTo>
                  <a:lnTo>
                    <a:pt x="449" y="210"/>
                  </a:lnTo>
                  <a:lnTo>
                    <a:pt x="451" y="204"/>
                  </a:lnTo>
                  <a:lnTo>
                    <a:pt x="454" y="197"/>
                  </a:lnTo>
                  <a:lnTo>
                    <a:pt x="458" y="191"/>
                  </a:lnTo>
                  <a:lnTo>
                    <a:pt x="462" y="186"/>
                  </a:lnTo>
                  <a:lnTo>
                    <a:pt x="468" y="180"/>
                  </a:lnTo>
                  <a:lnTo>
                    <a:pt x="473" y="175"/>
                  </a:lnTo>
                  <a:lnTo>
                    <a:pt x="479" y="171"/>
                  </a:lnTo>
                  <a:lnTo>
                    <a:pt x="485" y="167"/>
                  </a:lnTo>
                  <a:lnTo>
                    <a:pt x="492" y="163"/>
                  </a:lnTo>
                  <a:lnTo>
                    <a:pt x="498" y="160"/>
                  </a:lnTo>
                  <a:lnTo>
                    <a:pt x="505" y="159"/>
                  </a:lnTo>
                  <a:lnTo>
                    <a:pt x="512" y="158"/>
                  </a:lnTo>
                  <a:lnTo>
                    <a:pt x="519" y="157"/>
                  </a:lnTo>
                  <a:lnTo>
                    <a:pt x="1169" y="157"/>
                  </a:lnTo>
                  <a:lnTo>
                    <a:pt x="1146" y="140"/>
                  </a:lnTo>
                  <a:lnTo>
                    <a:pt x="1121" y="123"/>
                  </a:lnTo>
                  <a:lnTo>
                    <a:pt x="1096" y="107"/>
                  </a:lnTo>
                  <a:lnTo>
                    <a:pt x="1071" y="91"/>
                  </a:lnTo>
                  <a:lnTo>
                    <a:pt x="1044" y="77"/>
                  </a:lnTo>
                  <a:lnTo>
                    <a:pt x="1018" y="65"/>
                  </a:lnTo>
                  <a:lnTo>
                    <a:pt x="990" y="53"/>
                  </a:lnTo>
                  <a:lnTo>
                    <a:pt x="962" y="42"/>
                  </a:lnTo>
                  <a:lnTo>
                    <a:pt x="933" y="32"/>
                  </a:lnTo>
                  <a:lnTo>
                    <a:pt x="904" y="24"/>
                  </a:lnTo>
                  <a:lnTo>
                    <a:pt x="874" y="17"/>
                  </a:lnTo>
                  <a:lnTo>
                    <a:pt x="844" y="11"/>
                  </a:lnTo>
                  <a:lnTo>
                    <a:pt x="813" y="6"/>
                  </a:lnTo>
                  <a:lnTo>
                    <a:pt x="783" y="3"/>
                  </a:lnTo>
                  <a:lnTo>
                    <a:pt x="751" y="1"/>
                  </a:lnTo>
                  <a:lnTo>
                    <a:pt x="719" y="0"/>
                  </a:lnTo>
                  <a:close/>
                </a:path>
              </a:pathLst>
            </a:custGeom>
            <a:solidFill>
              <a:srgbClr val="D82A34"/>
            </a:solidFill>
            <a:ln w="9525">
              <a:noFill/>
              <a:round/>
              <a:headEnd/>
              <a:tailEnd/>
            </a:ln>
          </p:spPr>
          <p:txBody>
            <a:bodyPr/>
            <a:lstStyle/>
            <a:p>
              <a:pPr>
                <a:defRPr/>
              </a:pPr>
              <a:endParaRPr lang="en-US"/>
            </a:p>
          </p:txBody>
        </p:sp>
      </p:grpSp>
      <p:grpSp>
        <p:nvGrpSpPr>
          <p:cNvPr id="15" name="Group 17" hidden="1"/>
          <p:cNvGrpSpPr>
            <a:grpSpLocks noChangeAspect="1"/>
          </p:cNvGrpSpPr>
          <p:nvPr>
            <p:custDataLst>
              <p:tags r:id="rId10"/>
            </p:custDataLst>
          </p:nvPr>
        </p:nvGrpSpPr>
        <p:grpSpPr bwMode="auto">
          <a:xfrm>
            <a:off x="-2001838" y="4733925"/>
            <a:ext cx="1773238" cy="328613"/>
            <a:chOff x="-1239" y="4520"/>
            <a:chExt cx="1117" cy="209"/>
          </a:xfrm>
        </p:grpSpPr>
        <p:sp>
          <p:nvSpPr>
            <p:cNvPr id="16" name="Freeform 18" hidden="1"/>
            <p:cNvSpPr>
              <a:spLocks noChangeAspect="1" noEditPoints="1"/>
            </p:cNvSpPr>
            <p:nvPr/>
          </p:nvSpPr>
          <p:spPr bwMode="gray">
            <a:xfrm>
              <a:off x="-963" y="4563"/>
              <a:ext cx="841" cy="127"/>
            </a:xfrm>
            <a:custGeom>
              <a:avLst/>
              <a:gdLst/>
              <a:ahLst/>
              <a:cxnLst>
                <a:cxn ang="0">
                  <a:pos x="84" y="1574"/>
                </a:cxn>
                <a:cxn ang="0">
                  <a:pos x="525" y="1578"/>
                </a:cxn>
                <a:cxn ang="0">
                  <a:pos x="701" y="1445"/>
                </a:cxn>
                <a:cxn ang="0">
                  <a:pos x="758" y="1198"/>
                </a:cxn>
                <a:cxn ang="0">
                  <a:pos x="1193" y="1591"/>
                </a:cxn>
                <a:cxn ang="0">
                  <a:pos x="849" y="1863"/>
                </a:cxn>
                <a:cxn ang="0">
                  <a:pos x="11711" y="1918"/>
                </a:cxn>
                <a:cxn ang="0">
                  <a:pos x="11425" y="1597"/>
                </a:cxn>
                <a:cxn ang="0">
                  <a:pos x="11841" y="1666"/>
                </a:cxn>
                <a:cxn ang="0">
                  <a:pos x="12138" y="1601"/>
                </a:cxn>
                <a:cxn ang="0">
                  <a:pos x="12168" y="1499"/>
                </a:cxn>
                <a:cxn ang="0">
                  <a:pos x="12060" y="1406"/>
                </a:cxn>
                <a:cxn ang="0">
                  <a:pos x="11536" y="1243"/>
                </a:cxn>
                <a:cxn ang="0">
                  <a:pos x="11353" y="1067"/>
                </a:cxn>
                <a:cxn ang="0">
                  <a:pos x="11356" y="762"/>
                </a:cxn>
                <a:cxn ang="0">
                  <a:pos x="11607" y="559"/>
                </a:cxn>
                <a:cxn ang="0">
                  <a:pos x="11992" y="501"/>
                </a:cxn>
                <a:cxn ang="0">
                  <a:pos x="12506" y="560"/>
                </a:cxn>
                <a:cxn ang="0">
                  <a:pos x="12089" y="748"/>
                </a:cxn>
                <a:cxn ang="0">
                  <a:pos x="11789" y="809"/>
                </a:cxn>
                <a:cxn ang="0">
                  <a:pos x="11760" y="909"/>
                </a:cxn>
                <a:cxn ang="0">
                  <a:pos x="11899" y="1001"/>
                </a:cxn>
                <a:cxn ang="0">
                  <a:pos x="12425" y="1163"/>
                </a:cxn>
                <a:cxn ang="0">
                  <a:pos x="12593" y="1358"/>
                </a:cxn>
                <a:cxn ang="0">
                  <a:pos x="12567" y="1675"/>
                </a:cxn>
                <a:cxn ang="0">
                  <a:pos x="12289" y="1872"/>
                </a:cxn>
                <a:cxn ang="0">
                  <a:pos x="10637" y="1891"/>
                </a:cxn>
                <a:cxn ang="0">
                  <a:pos x="10284" y="1907"/>
                </a:cxn>
                <a:cxn ang="0">
                  <a:pos x="9815" y="1874"/>
                </a:cxn>
                <a:cxn ang="0">
                  <a:pos x="9488" y="1587"/>
                </a:cxn>
                <a:cxn ang="0">
                  <a:pos x="9399" y="1179"/>
                </a:cxn>
                <a:cxn ang="0">
                  <a:pos x="9532" y="766"/>
                </a:cxn>
                <a:cxn ang="0">
                  <a:pos x="9898" y="528"/>
                </a:cxn>
                <a:cxn ang="0">
                  <a:pos x="10414" y="545"/>
                </a:cxn>
                <a:cxn ang="0">
                  <a:pos x="10232" y="795"/>
                </a:cxn>
                <a:cxn ang="0">
                  <a:pos x="9987" y="882"/>
                </a:cxn>
                <a:cxn ang="0">
                  <a:pos x="9868" y="1089"/>
                </a:cxn>
                <a:cxn ang="0">
                  <a:pos x="9870" y="1347"/>
                </a:cxn>
                <a:cxn ang="0">
                  <a:pos x="9992" y="1557"/>
                </a:cxn>
                <a:cxn ang="0">
                  <a:pos x="10260" y="1632"/>
                </a:cxn>
                <a:cxn ang="0">
                  <a:pos x="10496" y="1532"/>
                </a:cxn>
                <a:cxn ang="0">
                  <a:pos x="10609" y="1313"/>
                </a:cxn>
                <a:cxn ang="0">
                  <a:pos x="10596" y="1064"/>
                </a:cxn>
                <a:cxn ang="0">
                  <a:pos x="10459" y="863"/>
                </a:cxn>
                <a:cxn ang="0">
                  <a:pos x="8754" y="1253"/>
                </a:cxn>
                <a:cxn ang="0">
                  <a:pos x="8703" y="913"/>
                </a:cxn>
                <a:cxn ang="0">
                  <a:pos x="8488" y="797"/>
                </a:cxn>
                <a:cxn ang="0">
                  <a:pos x="8179" y="869"/>
                </a:cxn>
                <a:cxn ang="0">
                  <a:pos x="8145" y="617"/>
                </a:cxn>
                <a:cxn ang="0">
                  <a:pos x="8571" y="501"/>
                </a:cxn>
                <a:cxn ang="0">
                  <a:pos x="9027" y="634"/>
                </a:cxn>
                <a:cxn ang="0">
                  <a:pos x="9180" y="946"/>
                </a:cxn>
                <a:cxn ang="0">
                  <a:pos x="6812" y="1802"/>
                </a:cxn>
                <a:cxn ang="0">
                  <a:pos x="6386" y="1919"/>
                </a:cxn>
                <a:cxn ang="0">
                  <a:pos x="5931" y="1785"/>
                </a:cxn>
                <a:cxn ang="0">
                  <a:pos x="5780" y="1473"/>
                </a:cxn>
                <a:cxn ang="0">
                  <a:pos x="6213" y="1345"/>
                </a:cxn>
                <a:cxn ang="0">
                  <a:pos x="6296" y="1558"/>
                </a:cxn>
                <a:cxn ang="0">
                  <a:pos x="6568" y="1621"/>
                </a:cxn>
                <a:cxn ang="0">
                  <a:pos x="6862" y="1480"/>
                </a:cxn>
                <a:cxn ang="0">
                  <a:pos x="4128" y="131"/>
                </a:cxn>
                <a:cxn ang="0">
                  <a:pos x="3087" y="407"/>
                </a:cxn>
              </a:cxnLst>
              <a:rect l="0" t="0" r="r" b="b"/>
              <a:pathLst>
                <a:path w="12613" h="1923">
                  <a:moveTo>
                    <a:pt x="479" y="1923"/>
                  </a:moveTo>
                  <a:lnTo>
                    <a:pt x="424" y="1923"/>
                  </a:lnTo>
                  <a:lnTo>
                    <a:pt x="364" y="1922"/>
                  </a:lnTo>
                  <a:lnTo>
                    <a:pt x="303" y="1919"/>
                  </a:lnTo>
                  <a:lnTo>
                    <a:pt x="242" y="1916"/>
                  </a:lnTo>
                  <a:lnTo>
                    <a:pt x="179" y="1912"/>
                  </a:lnTo>
                  <a:lnTo>
                    <a:pt x="118" y="1907"/>
                  </a:lnTo>
                  <a:lnTo>
                    <a:pt x="57" y="1902"/>
                  </a:lnTo>
                  <a:lnTo>
                    <a:pt x="0" y="1896"/>
                  </a:lnTo>
                  <a:lnTo>
                    <a:pt x="0" y="1558"/>
                  </a:lnTo>
                  <a:lnTo>
                    <a:pt x="28" y="1564"/>
                  </a:lnTo>
                  <a:lnTo>
                    <a:pt x="55" y="1569"/>
                  </a:lnTo>
                  <a:lnTo>
                    <a:pt x="84" y="1574"/>
                  </a:lnTo>
                  <a:lnTo>
                    <a:pt x="113" y="1578"/>
                  </a:lnTo>
                  <a:lnTo>
                    <a:pt x="169" y="1584"/>
                  </a:lnTo>
                  <a:lnTo>
                    <a:pt x="225" y="1589"/>
                  </a:lnTo>
                  <a:lnTo>
                    <a:pt x="276" y="1593"/>
                  </a:lnTo>
                  <a:lnTo>
                    <a:pt x="324" y="1594"/>
                  </a:lnTo>
                  <a:lnTo>
                    <a:pt x="365" y="1595"/>
                  </a:lnTo>
                  <a:lnTo>
                    <a:pt x="400" y="1595"/>
                  </a:lnTo>
                  <a:lnTo>
                    <a:pt x="423" y="1595"/>
                  </a:lnTo>
                  <a:lnTo>
                    <a:pt x="445" y="1593"/>
                  </a:lnTo>
                  <a:lnTo>
                    <a:pt x="466" y="1591"/>
                  </a:lnTo>
                  <a:lnTo>
                    <a:pt x="487" y="1587"/>
                  </a:lnTo>
                  <a:lnTo>
                    <a:pt x="506" y="1582"/>
                  </a:lnTo>
                  <a:lnTo>
                    <a:pt x="525" y="1578"/>
                  </a:lnTo>
                  <a:lnTo>
                    <a:pt x="543" y="1572"/>
                  </a:lnTo>
                  <a:lnTo>
                    <a:pt x="561" y="1566"/>
                  </a:lnTo>
                  <a:lnTo>
                    <a:pt x="578" y="1558"/>
                  </a:lnTo>
                  <a:lnTo>
                    <a:pt x="593" y="1550"/>
                  </a:lnTo>
                  <a:lnTo>
                    <a:pt x="608" y="1542"/>
                  </a:lnTo>
                  <a:lnTo>
                    <a:pt x="623" y="1531"/>
                  </a:lnTo>
                  <a:lnTo>
                    <a:pt x="636" y="1522"/>
                  </a:lnTo>
                  <a:lnTo>
                    <a:pt x="649" y="1510"/>
                  </a:lnTo>
                  <a:lnTo>
                    <a:pt x="660" y="1499"/>
                  </a:lnTo>
                  <a:lnTo>
                    <a:pt x="672" y="1487"/>
                  </a:lnTo>
                  <a:lnTo>
                    <a:pt x="682" y="1473"/>
                  </a:lnTo>
                  <a:lnTo>
                    <a:pt x="692" y="1459"/>
                  </a:lnTo>
                  <a:lnTo>
                    <a:pt x="701" y="1445"/>
                  </a:lnTo>
                  <a:lnTo>
                    <a:pt x="710" y="1429"/>
                  </a:lnTo>
                  <a:lnTo>
                    <a:pt x="718" y="1414"/>
                  </a:lnTo>
                  <a:lnTo>
                    <a:pt x="724" y="1397"/>
                  </a:lnTo>
                  <a:lnTo>
                    <a:pt x="731" y="1379"/>
                  </a:lnTo>
                  <a:lnTo>
                    <a:pt x="737" y="1362"/>
                  </a:lnTo>
                  <a:lnTo>
                    <a:pt x="741" y="1344"/>
                  </a:lnTo>
                  <a:lnTo>
                    <a:pt x="745" y="1324"/>
                  </a:lnTo>
                  <a:lnTo>
                    <a:pt x="749" y="1304"/>
                  </a:lnTo>
                  <a:lnTo>
                    <a:pt x="753" y="1285"/>
                  </a:lnTo>
                  <a:lnTo>
                    <a:pt x="755" y="1264"/>
                  </a:lnTo>
                  <a:lnTo>
                    <a:pt x="756" y="1242"/>
                  </a:lnTo>
                  <a:lnTo>
                    <a:pt x="757" y="1220"/>
                  </a:lnTo>
                  <a:lnTo>
                    <a:pt x="758" y="1198"/>
                  </a:lnTo>
                  <a:lnTo>
                    <a:pt x="758" y="131"/>
                  </a:lnTo>
                  <a:lnTo>
                    <a:pt x="1280" y="131"/>
                  </a:lnTo>
                  <a:lnTo>
                    <a:pt x="1280" y="1259"/>
                  </a:lnTo>
                  <a:lnTo>
                    <a:pt x="1279" y="1296"/>
                  </a:lnTo>
                  <a:lnTo>
                    <a:pt x="1276" y="1332"/>
                  </a:lnTo>
                  <a:lnTo>
                    <a:pt x="1272" y="1368"/>
                  </a:lnTo>
                  <a:lnTo>
                    <a:pt x="1266" y="1402"/>
                  </a:lnTo>
                  <a:lnTo>
                    <a:pt x="1257" y="1437"/>
                  </a:lnTo>
                  <a:lnTo>
                    <a:pt x="1248" y="1469"/>
                  </a:lnTo>
                  <a:lnTo>
                    <a:pt x="1237" y="1501"/>
                  </a:lnTo>
                  <a:lnTo>
                    <a:pt x="1224" y="1532"/>
                  </a:lnTo>
                  <a:lnTo>
                    <a:pt x="1210" y="1563"/>
                  </a:lnTo>
                  <a:lnTo>
                    <a:pt x="1193" y="1591"/>
                  </a:lnTo>
                  <a:lnTo>
                    <a:pt x="1176" y="1619"/>
                  </a:lnTo>
                  <a:lnTo>
                    <a:pt x="1157" y="1646"/>
                  </a:lnTo>
                  <a:lnTo>
                    <a:pt x="1136" y="1672"/>
                  </a:lnTo>
                  <a:lnTo>
                    <a:pt x="1114" y="1696"/>
                  </a:lnTo>
                  <a:lnTo>
                    <a:pt x="1090" y="1720"/>
                  </a:lnTo>
                  <a:lnTo>
                    <a:pt x="1065" y="1742"/>
                  </a:lnTo>
                  <a:lnTo>
                    <a:pt x="1038" y="1762"/>
                  </a:lnTo>
                  <a:lnTo>
                    <a:pt x="1010" y="1783"/>
                  </a:lnTo>
                  <a:lnTo>
                    <a:pt x="981" y="1802"/>
                  </a:lnTo>
                  <a:lnTo>
                    <a:pt x="950" y="1819"/>
                  </a:lnTo>
                  <a:lnTo>
                    <a:pt x="918" y="1835"/>
                  </a:lnTo>
                  <a:lnTo>
                    <a:pt x="885" y="1850"/>
                  </a:lnTo>
                  <a:lnTo>
                    <a:pt x="849" y="1863"/>
                  </a:lnTo>
                  <a:lnTo>
                    <a:pt x="813" y="1876"/>
                  </a:lnTo>
                  <a:lnTo>
                    <a:pt x="776" y="1886"/>
                  </a:lnTo>
                  <a:lnTo>
                    <a:pt x="737" y="1896"/>
                  </a:lnTo>
                  <a:lnTo>
                    <a:pt x="697" y="1904"/>
                  </a:lnTo>
                  <a:lnTo>
                    <a:pt x="656" y="1911"/>
                  </a:lnTo>
                  <a:lnTo>
                    <a:pt x="613" y="1917"/>
                  </a:lnTo>
                  <a:lnTo>
                    <a:pt x="570" y="1920"/>
                  </a:lnTo>
                  <a:lnTo>
                    <a:pt x="525" y="1923"/>
                  </a:lnTo>
                  <a:lnTo>
                    <a:pt x="479" y="1923"/>
                  </a:lnTo>
                  <a:close/>
                  <a:moveTo>
                    <a:pt x="11898" y="1923"/>
                  </a:moveTo>
                  <a:lnTo>
                    <a:pt x="11837" y="1923"/>
                  </a:lnTo>
                  <a:lnTo>
                    <a:pt x="11775" y="1921"/>
                  </a:lnTo>
                  <a:lnTo>
                    <a:pt x="11711" y="1918"/>
                  </a:lnTo>
                  <a:lnTo>
                    <a:pt x="11644" y="1911"/>
                  </a:lnTo>
                  <a:lnTo>
                    <a:pt x="11610" y="1907"/>
                  </a:lnTo>
                  <a:lnTo>
                    <a:pt x="11575" y="1903"/>
                  </a:lnTo>
                  <a:lnTo>
                    <a:pt x="11539" y="1898"/>
                  </a:lnTo>
                  <a:lnTo>
                    <a:pt x="11502" y="1892"/>
                  </a:lnTo>
                  <a:lnTo>
                    <a:pt x="11463" y="1884"/>
                  </a:lnTo>
                  <a:lnTo>
                    <a:pt x="11424" y="1876"/>
                  </a:lnTo>
                  <a:lnTo>
                    <a:pt x="11384" y="1868"/>
                  </a:lnTo>
                  <a:lnTo>
                    <a:pt x="11342" y="1857"/>
                  </a:lnTo>
                  <a:lnTo>
                    <a:pt x="11342" y="1567"/>
                  </a:lnTo>
                  <a:lnTo>
                    <a:pt x="11369" y="1577"/>
                  </a:lnTo>
                  <a:lnTo>
                    <a:pt x="11396" y="1588"/>
                  </a:lnTo>
                  <a:lnTo>
                    <a:pt x="11425" y="1597"/>
                  </a:lnTo>
                  <a:lnTo>
                    <a:pt x="11457" y="1606"/>
                  </a:lnTo>
                  <a:lnTo>
                    <a:pt x="11488" y="1615"/>
                  </a:lnTo>
                  <a:lnTo>
                    <a:pt x="11521" y="1623"/>
                  </a:lnTo>
                  <a:lnTo>
                    <a:pt x="11553" y="1630"/>
                  </a:lnTo>
                  <a:lnTo>
                    <a:pt x="11587" y="1638"/>
                  </a:lnTo>
                  <a:lnTo>
                    <a:pt x="11619" y="1644"/>
                  </a:lnTo>
                  <a:lnTo>
                    <a:pt x="11653" y="1649"/>
                  </a:lnTo>
                  <a:lnTo>
                    <a:pt x="11686" y="1654"/>
                  </a:lnTo>
                  <a:lnTo>
                    <a:pt x="11719" y="1658"/>
                  </a:lnTo>
                  <a:lnTo>
                    <a:pt x="11751" y="1661"/>
                  </a:lnTo>
                  <a:lnTo>
                    <a:pt x="11782" y="1664"/>
                  </a:lnTo>
                  <a:lnTo>
                    <a:pt x="11812" y="1666"/>
                  </a:lnTo>
                  <a:lnTo>
                    <a:pt x="11841" y="1666"/>
                  </a:lnTo>
                  <a:lnTo>
                    <a:pt x="11884" y="1665"/>
                  </a:lnTo>
                  <a:lnTo>
                    <a:pt x="11923" y="1664"/>
                  </a:lnTo>
                  <a:lnTo>
                    <a:pt x="11960" y="1660"/>
                  </a:lnTo>
                  <a:lnTo>
                    <a:pt x="11992" y="1656"/>
                  </a:lnTo>
                  <a:lnTo>
                    <a:pt x="12022" y="1651"/>
                  </a:lnTo>
                  <a:lnTo>
                    <a:pt x="12050" y="1644"/>
                  </a:lnTo>
                  <a:lnTo>
                    <a:pt x="12075" y="1636"/>
                  </a:lnTo>
                  <a:lnTo>
                    <a:pt x="12096" y="1628"/>
                  </a:lnTo>
                  <a:lnTo>
                    <a:pt x="12105" y="1623"/>
                  </a:lnTo>
                  <a:lnTo>
                    <a:pt x="12115" y="1618"/>
                  </a:lnTo>
                  <a:lnTo>
                    <a:pt x="12123" y="1613"/>
                  </a:lnTo>
                  <a:lnTo>
                    <a:pt x="12130" y="1606"/>
                  </a:lnTo>
                  <a:lnTo>
                    <a:pt x="12138" y="1601"/>
                  </a:lnTo>
                  <a:lnTo>
                    <a:pt x="12144" y="1594"/>
                  </a:lnTo>
                  <a:lnTo>
                    <a:pt x="12149" y="1588"/>
                  </a:lnTo>
                  <a:lnTo>
                    <a:pt x="12154" y="1581"/>
                  </a:lnTo>
                  <a:lnTo>
                    <a:pt x="12159" y="1574"/>
                  </a:lnTo>
                  <a:lnTo>
                    <a:pt x="12162" y="1567"/>
                  </a:lnTo>
                  <a:lnTo>
                    <a:pt x="12165" y="1558"/>
                  </a:lnTo>
                  <a:lnTo>
                    <a:pt x="12167" y="1551"/>
                  </a:lnTo>
                  <a:lnTo>
                    <a:pt x="12169" y="1543"/>
                  </a:lnTo>
                  <a:lnTo>
                    <a:pt x="12170" y="1533"/>
                  </a:lnTo>
                  <a:lnTo>
                    <a:pt x="12171" y="1525"/>
                  </a:lnTo>
                  <a:lnTo>
                    <a:pt x="12170" y="1516"/>
                  </a:lnTo>
                  <a:lnTo>
                    <a:pt x="12170" y="1507"/>
                  </a:lnTo>
                  <a:lnTo>
                    <a:pt x="12168" y="1499"/>
                  </a:lnTo>
                  <a:lnTo>
                    <a:pt x="12167" y="1492"/>
                  </a:lnTo>
                  <a:lnTo>
                    <a:pt x="12164" y="1484"/>
                  </a:lnTo>
                  <a:lnTo>
                    <a:pt x="12161" y="1477"/>
                  </a:lnTo>
                  <a:lnTo>
                    <a:pt x="12157" y="1470"/>
                  </a:lnTo>
                  <a:lnTo>
                    <a:pt x="12153" y="1464"/>
                  </a:lnTo>
                  <a:lnTo>
                    <a:pt x="12148" y="1457"/>
                  </a:lnTo>
                  <a:lnTo>
                    <a:pt x="12143" y="1452"/>
                  </a:lnTo>
                  <a:lnTo>
                    <a:pt x="12137" y="1446"/>
                  </a:lnTo>
                  <a:lnTo>
                    <a:pt x="12129" y="1441"/>
                  </a:lnTo>
                  <a:lnTo>
                    <a:pt x="12122" y="1436"/>
                  </a:lnTo>
                  <a:lnTo>
                    <a:pt x="12104" y="1425"/>
                  </a:lnTo>
                  <a:lnTo>
                    <a:pt x="12083" y="1416"/>
                  </a:lnTo>
                  <a:lnTo>
                    <a:pt x="12060" y="1406"/>
                  </a:lnTo>
                  <a:lnTo>
                    <a:pt x="12033" y="1397"/>
                  </a:lnTo>
                  <a:lnTo>
                    <a:pt x="12002" y="1388"/>
                  </a:lnTo>
                  <a:lnTo>
                    <a:pt x="11969" y="1378"/>
                  </a:lnTo>
                  <a:lnTo>
                    <a:pt x="11891" y="1357"/>
                  </a:lnTo>
                  <a:lnTo>
                    <a:pt x="11799" y="1333"/>
                  </a:lnTo>
                  <a:lnTo>
                    <a:pt x="11751" y="1321"/>
                  </a:lnTo>
                  <a:lnTo>
                    <a:pt x="11705" y="1307"/>
                  </a:lnTo>
                  <a:lnTo>
                    <a:pt x="11660" y="1294"/>
                  </a:lnTo>
                  <a:lnTo>
                    <a:pt x="11617" y="1278"/>
                  </a:lnTo>
                  <a:lnTo>
                    <a:pt x="11596" y="1270"/>
                  </a:lnTo>
                  <a:lnTo>
                    <a:pt x="11576" y="1262"/>
                  </a:lnTo>
                  <a:lnTo>
                    <a:pt x="11556" y="1252"/>
                  </a:lnTo>
                  <a:lnTo>
                    <a:pt x="11536" y="1243"/>
                  </a:lnTo>
                  <a:lnTo>
                    <a:pt x="11518" y="1234"/>
                  </a:lnTo>
                  <a:lnTo>
                    <a:pt x="11500" y="1223"/>
                  </a:lnTo>
                  <a:lnTo>
                    <a:pt x="11482" y="1212"/>
                  </a:lnTo>
                  <a:lnTo>
                    <a:pt x="11466" y="1200"/>
                  </a:lnTo>
                  <a:lnTo>
                    <a:pt x="11450" y="1189"/>
                  </a:lnTo>
                  <a:lnTo>
                    <a:pt x="11435" y="1176"/>
                  </a:lnTo>
                  <a:lnTo>
                    <a:pt x="11420" y="1163"/>
                  </a:lnTo>
                  <a:lnTo>
                    <a:pt x="11407" y="1148"/>
                  </a:lnTo>
                  <a:lnTo>
                    <a:pt x="11394" y="1134"/>
                  </a:lnTo>
                  <a:lnTo>
                    <a:pt x="11383" y="1119"/>
                  </a:lnTo>
                  <a:lnTo>
                    <a:pt x="11372" y="1102"/>
                  </a:lnTo>
                  <a:lnTo>
                    <a:pt x="11362" y="1086"/>
                  </a:lnTo>
                  <a:lnTo>
                    <a:pt x="11353" y="1067"/>
                  </a:lnTo>
                  <a:lnTo>
                    <a:pt x="11346" y="1049"/>
                  </a:lnTo>
                  <a:lnTo>
                    <a:pt x="11339" y="1029"/>
                  </a:lnTo>
                  <a:lnTo>
                    <a:pt x="11333" y="1009"/>
                  </a:lnTo>
                  <a:lnTo>
                    <a:pt x="11329" y="987"/>
                  </a:lnTo>
                  <a:lnTo>
                    <a:pt x="11326" y="965"/>
                  </a:lnTo>
                  <a:lnTo>
                    <a:pt x="11324" y="941"/>
                  </a:lnTo>
                  <a:lnTo>
                    <a:pt x="11324" y="917"/>
                  </a:lnTo>
                  <a:lnTo>
                    <a:pt x="11325" y="888"/>
                  </a:lnTo>
                  <a:lnTo>
                    <a:pt x="11327" y="861"/>
                  </a:lnTo>
                  <a:lnTo>
                    <a:pt x="11332" y="835"/>
                  </a:lnTo>
                  <a:lnTo>
                    <a:pt x="11339" y="809"/>
                  </a:lnTo>
                  <a:lnTo>
                    <a:pt x="11347" y="785"/>
                  </a:lnTo>
                  <a:lnTo>
                    <a:pt x="11356" y="762"/>
                  </a:lnTo>
                  <a:lnTo>
                    <a:pt x="11368" y="740"/>
                  </a:lnTo>
                  <a:lnTo>
                    <a:pt x="11380" y="719"/>
                  </a:lnTo>
                  <a:lnTo>
                    <a:pt x="11395" y="699"/>
                  </a:lnTo>
                  <a:lnTo>
                    <a:pt x="11411" y="682"/>
                  </a:lnTo>
                  <a:lnTo>
                    <a:pt x="11429" y="664"/>
                  </a:lnTo>
                  <a:lnTo>
                    <a:pt x="11446" y="647"/>
                  </a:lnTo>
                  <a:lnTo>
                    <a:pt x="11466" y="632"/>
                  </a:lnTo>
                  <a:lnTo>
                    <a:pt x="11487" y="617"/>
                  </a:lnTo>
                  <a:lnTo>
                    <a:pt x="11509" y="604"/>
                  </a:lnTo>
                  <a:lnTo>
                    <a:pt x="11532" y="591"/>
                  </a:lnTo>
                  <a:lnTo>
                    <a:pt x="11556" y="580"/>
                  </a:lnTo>
                  <a:lnTo>
                    <a:pt x="11582" y="568"/>
                  </a:lnTo>
                  <a:lnTo>
                    <a:pt x="11607" y="559"/>
                  </a:lnTo>
                  <a:lnTo>
                    <a:pt x="11634" y="549"/>
                  </a:lnTo>
                  <a:lnTo>
                    <a:pt x="11661" y="541"/>
                  </a:lnTo>
                  <a:lnTo>
                    <a:pt x="11688" y="534"/>
                  </a:lnTo>
                  <a:lnTo>
                    <a:pt x="11718" y="528"/>
                  </a:lnTo>
                  <a:lnTo>
                    <a:pt x="11747" y="521"/>
                  </a:lnTo>
                  <a:lnTo>
                    <a:pt x="11776" y="516"/>
                  </a:lnTo>
                  <a:lnTo>
                    <a:pt x="11806" y="512"/>
                  </a:lnTo>
                  <a:lnTo>
                    <a:pt x="11836" y="509"/>
                  </a:lnTo>
                  <a:lnTo>
                    <a:pt x="11867" y="506"/>
                  </a:lnTo>
                  <a:lnTo>
                    <a:pt x="11898" y="504"/>
                  </a:lnTo>
                  <a:lnTo>
                    <a:pt x="11929" y="502"/>
                  </a:lnTo>
                  <a:lnTo>
                    <a:pt x="11961" y="501"/>
                  </a:lnTo>
                  <a:lnTo>
                    <a:pt x="11992" y="501"/>
                  </a:lnTo>
                  <a:lnTo>
                    <a:pt x="12038" y="501"/>
                  </a:lnTo>
                  <a:lnTo>
                    <a:pt x="12083" y="502"/>
                  </a:lnTo>
                  <a:lnTo>
                    <a:pt x="12127" y="505"/>
                  </a:lnTo>
                  <a:lnTo>
                    <a:pt x="12170" y="507"/>
                  </a:lnTo>
                  <a:lnTo>
                    <a:pt x="12212" y="511"/>
                  </a:lnTo>
                  <a:lnTo>
                    <a:pt x="12253" y="515"/>
                  </a:lnTo>
                  <a:lnTo>
                    <a:pt x="12292" y="519"/>
                  </a:lnTo>
                  <a:lnTo>
                    <a:pt x="12330" y="524"/>
                  </a:lnTo>
                  <a:lnTo>
                    <a:pt x="12368" y="531"/>
                  </a:lnTo>
                  <a:lnTo>
                    <a:pt x="12405" y="537"/>
                  </a:lnTo>
                  <a:lnTo>
                    <a:pt x="12439" y="544"/>
                  </a:lnTo>
                  <a:lnTo>
                    <a:pt x="12474" y="552"/>
                  </a:lnTo>
                  <a:lnTo>
                    <a:pt x="12506" y="560"/>
                  </a:lnTo>
                  <a:lnTo>
                    <a:pt x="12539" y="567"/>
                  </a:lnTo>
                  <a:lnTo>
                    <a:pt x="12569" y="576"/>
                  </a:lnTo>
                  <a:lnTo>
                    <a:pt x="12599" y="585"/>
                  </a:lnTo>
                  <a:lnTo>
                    <a:pt x="12434" y="814"/>
                  </a:lnTo>
                  <a:lnTo>
                    <a:pt x="12397" y="804"/>
                  </a:lnTo>
                  <a:lnTo>
                    <a:pt x="12356" y="792"/>
                  </a:lnTo>
                  <a:lnTo>
                    <a:pt x="12312" y="781"/>
                  </a:lnTo>
                  <a:lnTo>
                    <a:pt x="12266" y="770"/>
                  </a:lnTo>
                  <a:lnTo>
                    <a:pt x="12217" y="762"/>
                  </a:lnTo>
                  <a:lnTo>
                    <a:pt x="12167" y="755"/>
                  </a:lnTo>
                  <a:lnTo>
                    <a:pt x="12141" y="753"/>
                  </a:lnTo>
                  <a:lnTo>
                    <a:pt x="12116" y="750"/>
                  </a:lnTo>
                  <a:lnTo>
                    <a:pt x="12089" y="748"/>
                  </a:lnTo>
                  <a:lnTo>
                    <a:pt x="12062" y="748"/>
                  </a:lnTo>
                  <a:lnTo>
                    <a:pt x="12028" y="748"/>
                  </a:lnTo>
                  <a:lnTo>
                    <a:pt x="11995" y="750"/>
                  </a:lnTo>
                  <a:lnTo>
                    <a:pt x="11964" y="753"/>
                  </a:lnTo>
                  <a:lnTo>
                    <a:pt x="11935" y="756"/>
                  </a:lnTo>
                  <a:lnTo>
                    <a:pt x="11908" y="760"/>
                  </a:lnTo>
                  <a:lnTo>
                    <a:pt x="11883" y="765"/>
                  </a:lnTo>
                  <a:lnTo>
                    <a:pt x="11860" y="772"/>
                  </a:lnTo>
                  <a:lnTo>
                    <a:pt x="11839" y="780"/>
                  </a:lnTo>
                  <a:lnTo>
                    <a:pt x="11820" y="788"/>
                  </a:lnTo>
                  <a:lnTo>
                    <a:pt x="11804" y="798"/>
                  </a:lnTo>
                  <a:lnTo>
                    <a:pt x="11796" y="804"/>
                  </a:lnTo>
                  <a:lnTo>
                    <a:pt x="11789" y="809"/>
                  </a:lnTo>
                  <a:lnTo>
                    <a:pt x="11784" y="815"/>
                  </a:lnTo>
                  <a:lnTo>
                    <a:pt x="11777" y="821"/>
                  </a:lnTo>
                  <a:lnTo>
                    <a:pt x="11773" y="829"/>
                  </a:lnTo>
                  <a:lnTo>
                    <a:pt x="11768" y="835"/>
                  </a:lnTo>
                  <a:lnTo>
                    <a:pt x="11765" y="842"/>
                  </a:lnTo>
                  <a:lnTo>
                    <a:pt x="11762" y="850"/>
                  </a:lnTo>
                  <a:lnTo>
                    <a:pt x="11760" y="858"/>
                  </a:lnTo>
                  <a:lnTo>
                    <a:pt x="11757" y="866"/>
                  </a:lnTo>
                  <a:lnTo>
                    <a:pt x="11756" y="875"/>
                  </a:lnTo>
                  <a:lnTo>
                    <a:pt x="11756" y="884"/>
                  </a:lnTo>
                  <a:lnTo>
                    <a:pt x="11756" y="893"/>
                  </a:lnTo>
                  <a:lnTo>
                    <a:pt x="11757" y="900"/>
                  </a:lnTo>
                  <a:lnTo>
                    <a:pt x="11760" y="909"/>
                  </a:lnTo>
                  <a:lnTo>
                    <a:pt x="11763" y="916"/>
                  </a:lnTo>
                  <a:lnTo>
                    <a:pt x="11766" y="923"/>
                  </a:lnTo>
                  <a:lnTo>
                    <a:pt x="11770" y="930"/>
                  </a:lnTo>
                  <a:lnTo>
                    <a:pt x="11774" y="937"/>
                  </a:lnTo>
                  <a:lnTo>
                    <a:pt x="11779" y="943"/>
                  </a:lnTo>
                  <a:lnTo>
                    <a:pt x="11786" y="948"/>
                  </a:lnTo>
                  <a:lnTo>
                    <a:pt x="11793" y="955"/>
                  </a:lnTo>
                  <a:lnTo>
                    <a:pt x="11800" y="960"/>
                  </a:lnTo>
                  <a:lnTo>
                    <a:pt x="11809" y="965"/>
                  </a:lnTo>
                  <a:lnTo>
                    <a:pt x="11827" y="975"/>
                  </a:lnTo>
                  <a:lnTo>
                    <a:pt x="11849" y="984"/>
                  </a:lnTo>
                  <a:lnTo>
                    <a:pt x="11872" y="993"/>
                  </a:lnTo>
                  <a:lnTo>
                    <a:pt x="11899" y="1001"/>
                  </a:lnTo>
                  <a:lnTo>
                    <a:pt x="11927" y="1010"/>
                  </a:lnTo>
                  <a:lnTo>
                    <a:pt x="11959" y="1018"/>
                  </a:lnTo>
                  <a:lnTo>
                    <a:pt x="12030" y="1035"/>
                  </a:lnTo>
                  <a:lnTo>
                    <a:pt x="12109" y="1052"/>
                  </a:lnTo>
                  <a:lnTo>
                    <a:pt x="12166" y="1066"/>
                  </a:lnTo>
                  <a:lnTo>
                    <a:pt x="12220" y="1080"/>
                  </a:lnTo>
                  <a:lnTo>
                    <a:pt x="12272" y="1096"/>
                  </a:lnTo>
                  <a:lnTo>
                    <a:pt x="12319" y="1113"/>
                  </a:lnTo>
                  <a:lnTo>
                    <a:pt x="12342" y="1122"/>
                  </a:lnTo>
                  <a:lnTo>
                    <a:pt x="12364" y="1132"/>
                  </a:lnTo>
                  <a:lnTo>
                    <a:pt x="12385" y="1142"/>
                  </a:lnTo>
                  <a:lnTo>
                    <a:pt x="12406" y="1152"/>
                  </a:lnTo>
                  <a:lnTo>
                    <a:pt x="12425" y="1163"/>
                  </a:lnTo>
                  <a:lnTo>
                    <a:pt x="12443" y="1174"/>
                  </a:lnTo>
                  <a:lnTo>
                    <a:pt x="12461" y="1187"/>
                  </a:lnTo>
                  <a:lnTo>
                    <a:pt x="12478" y="1199"/>
                  </a:lnTo>
                  <a:lnTo>
                    <a:pt x="12494" y="1212"/>
                  </a:lnTo>
                  <a:lnTo>
                    <a:pt x="12508" y="1225"/>
                  </a:lnTo>
                  <a:lnTo>
                    <a:pt x="12522" y="1240"/>
                  </a:lnTo>
                  <a:lnTo>
                    <a:pt x="12536" y="1254"/>
                  </a:lnTo>
                  <a:lnTo>
                    <a:pt x="12547" y="1270"/>
                  </a:lnTo>
                  <a:lnTo>
                    <a:pt x="12559" y="1287"/>
                  </a:lnTo>
                  <a:lnTo>
                    <a:pt x="12569" y="1303"/>
                  </a:lnTo>
                  <a:lnTo>
                    <a:pt x="12578" y="1321"/>
                  </a:lnTo>
                  <a:lnTo>
                    <a:pt x="12586" y="1340"/>
                  </a:lnTo>
                  <a:lnTo>
                    <a:pt x="12593" y="1358"/>
                  </a:lnTo>
                  <a:lnTo>
                    <a:pt x="12599" y="1379"/>
                  </a:lnTo>
                  <a:lnTo>
                    <a:pt x="12604" y="1400"/>
                  </a:lnTo>
                  <a:lnTo>
                    <a:pt x="12608" y="1422"/>
                  </a:lnTo>
                  <a:lnTo>
                    <a:pt x="12611" y="1444"/>
                  </a:lnTo>
                  <a:lnTo>
                    <a:pt x="12612" y="1468"/>
                  </a:lnTo>
                  <a:lnTo>
                    <a:pt x="12613" y="1492"/>
                  </a:lnTo>
                  <a:lnTo>
                    <a:pt x="12612" y="1522"/>
                  </a:lnTo>
                  <a:lnTo>
                    <a:pt x="12609" y="1550"/>
                  </a:lnTo>
                  <a:lnTo>
                    <a:pt x="12605" y="1577"/>
                  </a:lnTo>
                  <a:lnTo>
                    <a:pt x="12597" y="1603"/>
                  </a:lnTo>
                  <a:lnTo>
                    <a:pt x="12589" y="1628"/>
                  </a:lnTo>
                  <a:lnTo>
                    <a:pt x="12579" y="1652"/>
                  </a:lnTo>
                  <a:lnTo>
                    <a:pt x="12567" y="1675"/>
                  </a:lnTo>
                  <a:lnTo>
                    <a:pt x="12554" y="1696"/>
                  </a:lnTo>
                  <a:lnTo>
                    <a:pt x="12539" y="1717"/>
                  </a:lnTo>
                  <a:lnTo>
                    <a:pt x="12523" y="1735"/>
                  </a:lnTo>
                  <a:lnTo>
                    <a:pt x="12505" y="1754"/>
                  </a:lnTo>
                  <a:lnTo>
                    <a:pt x="12486" y="1771"/>
                  </a:lnTo>
                  <a:lnTo>
                    <a:pt x="12465" y="1786"/>
                  </a:lnTo>
                  <a:lnTo>
                    <a:pt x="12443" y="1802"/>
                  </a:lnTo>
                  <a:lnTo>
                    <a:pt x="12420" y="1816"/>
                  </a:lnTo>
                  <a:lnTo>
                    <a:pt x="12396" y="1829"/>
                  </a:lnTo>
                  <a:lnTo>
                    <a:pt x="12371" y="1842"/>
                  </a:lnTo>
                  <a:lnTo>
                    <a:pt x="12345" y="1852"/>
                  </a:lnTo>
                  <a:lnTo>
                    <a:pt x="12318" y="1862"/>
                  </a:lnTo>
                  <a:lnTo>
                    <a:pt x="12289" y="1872"/>
                  </a:lnTo>
                  <a:lnTo>
                    <a:pt x="12260" y="1880"/>
                  </a:lnTo>
                  <a:lnTo>
                    <a:pt x="12231" y="1888"/>
                  </a:lnTo>
                  <a:lnTo>
                    <a:pt x="12199" y="1895"/>
                  </a:lnTo>
                  <a:lnTo>
                    <a:pt x="12168" y="1901"/>
                  </a:lnTo>
                  <a:lnTo>
                    <a:pt x="12137" y="1906"/>
                  </a:lnTo>
                  <a:lnTo>
                    <a:pt x="12103" y="1911"/>
                  </a:lnTo>
                  <a:lnTo>
                    <a:pt x="12071" y="1914"/>
                  </a:lnTo>
                  <a:lnTo>
                    <a:pt x="12037" y="1918"/>
                  </a:lnTo>
                  <a:lnTo>
                    <a:pt x="12002" y="1921"/>
                  </a:lnTo>
                  <a:lnTo>
                    <a:pt x="11968" y="1922"/>
                  </a:lnTo>
                  <a:lnTo>
                    <a:pt x="11933" y="1923"/>
                  </a:lnTo>
                  <a:lnTo>
                    <a:pt x="11898" y="1923"/>
                  </a:lnTo>
                  <a:close/>
                  <a:moveTo>
                    <a:pt x="10637" y="1891"/>
                  </a:moveTo>
                  <a:lnTo>
                    <a:pt x="10637" y="1735"/>
                  </a:lnTo>
                  <a:lnTo>
                    <a:pt x="10618" y="1753"/>
                  </a:lnTo>
                  <a:lnTo>
                    <a:pt x="10598" y="1771"/>
                  </a:lnTo>
                  <a:lnTo>
                    <a:pt x="10575" y="1787"/>
                  </a:lnTo>
                  <a:lnTo>
                    <a:pt x="10551" y="1804"/>
                  </a:lnTo>
                  <a:lnTo>
                    <a:pt x="10524" y="1821"/>
                  </a:lnTo>
                  <a:lnTo>
                    <a:pt x="10496" y="1836"/>
                  </a:lnTo>
                  <a:lnTo>
                    <a:pt x="10465" y="1851"/>
                  </a:lnTo>
                  <a:lnTo>
                    <a:pt x="10433" y="1864"/>
                  </a:lnTo>
                  <a:lnTo>
                    <a:pt x="10398" y="1877"/>
                  </a:lnTo>
                  <a:lnTo>
                    <a:pt x="10363" y="1888"/>
                  </a:lnTo>
                  <a:lnTo>
                    <a:pt x="10324" y="1899"/>
                  </a:lnTo>
                  <a:lnTo>
                    <a:pt x="10284" y="1907"/>
                  </a:lnTo>
                  <a:lnTo>
                    <a:pt x="10242" y="1913"/>
                  </a:lnTo>
                  <a:lnTo>
                    <a:pt x="10198" y="1919"/>
                  </a:lnTo>
                  <a:lnTo>
                    <a:pt x="10176" y="1921"/>
                  </a:lnTo>
                  <a:lnTo>
                    <a:pt x="10153" y="1922"/>
                  </a:lnTo>
                  <a:lnTo>
                    <a:pt x="10129" y="1923"/>
                  </a:lnTo>
                  <a:lnTo>
                    <a:pt x="10105" y="1923"/>
                  </a:lnTo>
                  <a:lnTo>
                    <a:pt x="10058" y="1922"/>
                  </a:lnTo>
                  <a:lnTo>
                    <a:pt x="10014" y="1919"/>
                  </a:lnTo>
                  <a:lnTo>
                    <a:pt x="9970" y="1913"/>
                  </a:lnTo>
                  <a:lnTo>
                    <a:pt x="9929" y="1906"/>
                  </a:lnTo>
                  <a:lnTo>
                    <a:pt x="9889" y="1898"/>
                  </a:lnTo>
                  <a:lnTo>
                    <a:pt x="9852" y="1886"/>
                  </a:lnTo>
                  <a:lnTo>
                    <a:pt x="9815" y="1874"/>
                  </a:lnTo>
                  <a:lnTo>
                    <a:pt x="9780" y="1859"/>
                  </a:lnTo>
                  <a:lnTo>
                    <a:pt x="9747" y="1844"/>
                  </a:lnTo>
                  <a:lnTo>
                    <a:pt x="9716" y="1826"/>
                  </a:lnTo>
                  <a:lnTo>
                    <a:pt x="9686" y="1807"/>
                  </a:lnTo>
                  <a:lnTo>
                    <a:pt x="9658" y="1787"/>
                  </a:lnTo>
                  <a:lnTo>
                    <a:pt x="9632" y="1766"/>
                  </a:lnTo>
                  <a:lnTo>
                    <a:pt x="9607" y="1743"/>
                  </a:lnTo>
                  <a:lnTo>
                    <a:pt x="9583" y="1719"/>
                  </a:lnTo>
                  <a:lnTo>
                    <a:pt x="9561" y="1695"/>
                  </a:lnTo>
                  <a:lnTo>
                    <a:pt x="9541" y="1669"/>
                  </a:lnTo>
                  <a:lnTo>
                    <a:pt x="9522" y="1642"/>
                  </a:lnTo>
                  <a:lnTo>
                    <a:pt x="9504" y="1615"/>
                  </a:lnTo>
                  <a:lnTo>
                    <a:pt x="9488" y="1587"/>
                  </a:lnTo>
                  <a:lnTo>
                    <a:pt x="9474" y="1557"/>
                  </a:lnTo>
                  <a:lnTo>
                    <a:pt x="9460" y="1527"/>
                  </a:lnTo>
                  <a:lnTo>
                    <a:pt x="9448" y="1498"/>
                  </a:lnTo>
                  <a:lnTo>
                    <a:pt x="9438" y="1467"/>
                  </a:lnTo>
                  <a:lnTo>
                    <a:pt x="9429" y="1437"/>
                  </a:lnTo>
                  <a:lnTo>
                    <a:pt x="9420" y="1405"/>
                  </a:lnTo>
                  <a:lnTo>
                    <a:pt x="9414" y="1374"/>
                  </a:lnTo>
                  <a:lnTo>
                    <a:pt x="9409" y="1342"/>
                  </a:lnTo>
                  <a:lnTo>
                    <a:pt x="9404" y="1311"/>
                  </a:lnTo>
                  <a:lnTo>
                    <a:pt x="9401" y="1279"/>
                  </a:lnTo>
                  <a:lnTo>
                    <a:pt x="9399" y="1248"/>
                  </a:lnTo>
                  <a:lnTo>
                    <a:pt x="9399" y="1216"/>
                  </a:lnTo>
                  <a:lnTo>
                    <a:pt x="9399" y="1179"/>
                  </a:lnTo>
                  <a:lnTo>
                    <a:pt x="9401" y="1144"/>
                  </a:lnTo>
                  <a:lnTo>
                    <a:pt x="9405" y="1109"/>
                  </a:lnTo>
                  <a:lnTo>
                    <a:pt x="9410" y="1073"/>
                  </a:lnTo>
                  <a:lnTo>
                    <a:pt x="9416" y="1039"/>
                  </a:lnTo>
                  <a:lnTo>
                    <a:pt x="9423" y="1006"/>
                  </a:lnTo>
                  <a:lnTo>
                    <a:pt x="9432" y="973"/>
                  </a:lnTo>
                  <a:lnTo>
                    <a:pt x="9442" y="941"/>
                  </a:lnTo>
                  <a:lnTo>
                    <a:pt x="9454" y="910"/>
                  </a:lnTo>
                  <a:lnTo>
                    <a:pt x="9467" y="880"/>
                  </a:lnTo>
                  <a:lnTo>
                    <a:pt x="9481" y="849"/>
                  </a:lnTo>
                  <a:lnTo>
                    <a:pt x="9497" y="821"/>
                  </a:lnTo>
                  <a:lnTo>
                    <a:pt x="9513" y="793"/>
                  </a:lnTo>
                  <a:lnTo>
                    <a:pt x="9532" y="766"/>
                  </a:lnTo>
                  <a:lnTo>
                    <a:pt x="9552" y="741"/>
                  </a:lnTo>
                  <a:lnTo>
                    <a:pt x="9573" y="716"/>
                  </a:lnTo>
                  <a:lnTo>
                    <a:pt x="9596" y="693"/>
                  </a:lnTo>
                  <a:lnTo>
                    <a:pt x="9619" y="670"/>
                  </a:lnTo>
                  <a:lnTo>
                    <a:pt x="9645" y="649"/>
                  </a:lnTo>
                  <a:lnTo>
                    <a:pt x="9671" y="630"/>
                  </a:lnTo>
                  <a:lnTo>
                    <a:pt x="9700" y="611"/>
                  </a:lnTo>
                  <a:lnTo>
                    <a:pt x="9729" y="593"/>
                  </a:lnTo>
                  <a:lnTo>
                    <a:pt x="9759" y="578"/>
                  </a:lnTo>
                  <a:lnTo>
                    <a:pt x="9792" y="563"/>
                  </a:lnTo>
                  <a:lnTo>
                    <a:pt x="9825" y="549"/>
                  </a:lnTo>
                  <a:lnTo>
                    <a:pt x="9861" y="538"/>
                  </a:lnTo>
                  <a:lnTo>
                    <a:pt x="9898" y="528"/>
                  </a:lnTo>
                  <a:lnTo>
                    <a:pt x="9935" y="519"/>
                  </a:lnTo>
                  <a:lnTo>
                    <a:pt x="9974" y="512"/>
                  </a:lnTo>
                  <a:lnTo>
                    <a:pt x="10015" y="507"/>
                  </a:lnTo>
                  <a:lnTo>
                    <a:pt x="10057" y="503"/>
                  </a:lnTo>
                  <a:lnTo>
                    <a:pt x="10101" y="501"/>
                  </a:lnTo>
                  <a:lnTo>
                    <a:pt x="10145" y="500"/>
                  </a:lnTo>
                  <a:lnTo>
                    <a:pt x="10188" y="501"/>
                  </a:lnTo>
                  <a:lnTo>
                    <a:pt x="10230" y="505"/>
                  </a:lnTo>
                  <a:lnTo>
                    <a:pt x="10269" y="509"/>
                  </a:lnTo>
                  <a:lnTo>
                    <a:pt x="10308" y="516"/>
                  </a:lnTo>
                  <a:lnTo>
                    <a:pt x="10345" y="524"/>
                  </a:lnTo>
                  <a:lnTo>
                    <a:pt x="10379" y="534"/>
                  </a:lnTo>
                  <a:lnTo>
                    <a:pt x="10414" y="545"/>
                  </a:lnTo>
                  <a:lnTo>
                    <a:pt x="10445" y="558"/>
                  </a:lnTo>
                  <a:lnTo>
                    <a:pt x="10475" y="571"/>
                  </a:lnTo>
                  <a:lnTo>
                    <a:pt x="10503" y="586"/>
                  </a:lnTo>
                  <a:lnTo>
                    <a:pt x="10529" y="602"/>
                  </a:lnTo>
                  <a:lnTo>
                    <a:pt x="10553" y="618"/>
                  </a:lnTo>
                  <a:lnTo>
                    <a:pt x="10575" y="636"/>
                  </a:lnTo>
                  <a:lnTo>
                    <a:pt x="10595" y="655"/>
                  </a:lnTo>
                  <a:lnTo>
                    <a:pt x="10614" y="673"/>
                  </a:lnTo>
                  <a:lnTo>
                    <a:pt x="10614" y="0"/>
                  </a:lnTo>
                  <a:lnTo>
                    <a:pt x="11052" y="0"/>
                  </a:lnTo>
                  <a:lnTo>
                    <a:pt x="11052" y="1891"/>
                  </a:lnTo>
                  <a:lnTo>
                    <a:pt x="10637" y="1891"/>
                  </a:lnTo>
                  <a:close/>
                  <a:moveTo>
                    <a:pt x="10232" y="795"/>
                  </a:moveTo>
                  <a:lnTo>
                    <a:pt x="10209" y="796"/>
                  </a:lnTo>
                  <a:lnTo>
                    <a:pt x="10186" y="797"/>
                  </a:lnTo>
                  <a:lnTo>
                    <a:pt x="10164" y="800"/>
                  </a:lnTo>
                  <a:lnTo>
                    <a:pt x="10143" y="805"/>
                  </a:lnTo>
                  <a:lnTo>
                    <a:pt x="10123" y="809"/>
                  </a:lnTo>
                  <a:lnTo>
                    <a:pt x="10103" y="815"/>
                  </a:lnTo>
                  <a:lnTo>
                    <a:pt x="10084" y="822"/>
                  </a:lnTo>
                  <a:lnTo>
                    <a:pt x="10066" y="830"/>
                  </a:lnTo>
                  <a:lnTo>
                    <a:pt x="10048" y="839"/>
                  </a:lnTo>
                  <a:lnTo>
                    <a:pt x="10032" y="848"/>
                  </a:lnTo>
                  <a:lnTo>
                    <a:pt x="10016" y="859"/>
                  </a:lnTo>
                  <a:lnTo>
                    <a:pt x="10001" y="870"/>
                  </a:lnTo>
                  <a:lnTo>
                    <a:pt x="9987" y="882"/>
                  </a:lnTo>
                  <a:lnTo>
                    <a:pt x="9973" y="894"/>
                  </a:lnTo>
                  <a:lnTo>
                    <a:pt x="9960" y="908"/>
                  </a:lnTo>
                  <a:lnTo>
                    <a:pt x="9949" y="921"/>
                  </a:lnTo>
                  <a:lnTo>
                    <a:pt x="9937" y="936"/>
                  </a:lnTo>
                  <a:lnTo>
                    <a:pt x="9927" y="951"/>
                  </a:lnTo>
                  <a:lnTo>
                    <a:pt x="9916" y="967"/>
                  </a:lnTo>
                  <a:lnTo>
                    <a:pt x="9908" y="983"/>
                  </a:lnTo>
                  <a:lnTo>
                    <a:pt x="9900" y="1000"/>
                  </a:lnTo>
                  <a:lnTo>
                    <a:pt x="9891" y="1017"/>
                  </a:lnTo>
                  <a:lnTo>
                    <a:pt x="9885" y="1035"/>
                  </a:lnTo>
                  <a:lnTo>
                    <a:pt x="9879" y="1052"/>
                  </a:lnTo>
                  <a:lnTo>
                    <a:pt x="9874" y="1070"/>
                  </a:lnTo>
                  <a:lnTo>
                    <a:pt x="9868" y="1089"/>
                  </a:lnTo>
                  <a:lnTo>
                    <a:pt x="9864" y="1107"/>
                  </a:lnTo>
                  <a:lnTo>
                    <a:pt x="9861" y="1125"/>
                  </a:lnTo>
                  <a:lnTo>
                    <a:pt x="9859" y="1145"/>
                  </a:lnTo>
                  <a:lnTo>
                    <a:pt x="9857" y="1164"/>
                  </a:lnTo>
                  <a:lnTo>
                    <a:pt x="9856" y="1184"/>
                  </a:lnTo>
                  <a:lnTo>
                    <a:pt x="9856" y="1202"/>
                  </a:lnTo>
                  <a:lnTo>
                    <a:pt x="9856" y="1224"/>
                  </a:lnTo>
                  <a:lnTo>
                    <a:pt x="9857" y="1245"/>
                  </a:lnTo>
                  <a:lnTo>
                    <a:pt x="9858" y="1266"/>
                  </a:lnTo>
                  <a:lnTo>
                    <a:pt x="9860" y="1287"/>
                  </a:lnTo>
                  <a:lnTo>
                    <a:pt x="9863" y="1307"/>
                  </a:lnTo>
                  <a:lnTo>
                    <a:pt x="9866" y="1327"/>
                  </a:lnTo>
                  <a:lnTo>
                    <a:pt x="9870" y="1347"/>
                  </a:lnTo>
                  <a:lnTo>
                    <a:pt x="9876" y="1367"/>
                  </a:lnTo>
                  <a:lnTo>
                    <a:pt x="9881" y="1386"/>
                  </a:lnTo>
                  <a:lnTo>
                    <a:pt x="9887" y="1404"/>
                  </a:lnTo>
                  <a:lnTo>
                    <a:pt x="9895" y="1422"/>
                  </a:lnTo>
                  <a:lnTo>
                    <a:pt x="9902" y="1440"/>
                  </a:lnTo>
                  <a:lnTo>
                    <a:pt x="9910" y="1456"/>
                  </a:lnTo>
                  <a:lnTo>
                    <a:pt x="9920" y="1473"/>
                  </a:lnTo>
                  <a:lnTo>
                    <a:pt x="9929" y="1489"/>
                  </a:lnTo>
                  <a:lnTo>
                    <a:pt x="9941" y="1503"/>
                  </a:lnTo>
                  <a:lnTo>
                    <a:pt x="9952" y="1518"/>
                  </a:lnTo>
                  <a:lnTo>
                    <a:pt x="9965" y="1532"/>
                  </a:lnTo>
                  <a:lnTo>
                    <a:pt x="9978" y="1545"/>
                  </a:lnTo>
                  <a:lnTo>
                    <a:pt x="9992" y="1557"/>
                  </a:lnTo>
                  <a:lnTo>
                    <a:pt x="10008" y="1569"/>
                  </a:lnTo>
                  <a:lnTo>
                    <a:pt x="10023" y="1579"/>
                  </a:lnTo>
                  <a:lnTo>
                    <a:pt x="10040" y="1589"/>
                  </a:lnTo>
                  <a:lnTo>
                    <a:pt x="10058" y="1598"/>
                  </a:lnTo>
                  <a:lnTo>
                    <a:pt x="10077" y="1606"/>
                  </a:lnTo>
                  <a:lnTo>
                    <a:pt x="10097" y="1613"/>
                  </a:lnTo>
                  <a:lnTo>
                    <a:pt x="10118" y="1619"/>
                  </a:lnTo>
                  <a:lnTo>
                    <a:pt x="10140" y="1624"/>
                  </a:lnTo>
                  <a:lnTo>
                    <a:pt x="10163" y="1628"/>
                  </a:lnTo>
                  <a:lnTo>
                    <a:pt x="10186" y="1630"/>
                  </a:lnTo>
                  <a:lnTo>
                    <a:pt x="10211" y="1632"/>
                  </a:lnTo>
                  <a:lnTo>
                    <a:pt x="10237" y="1633"/>
                  </a:lnTo>
                  <a:lnTo>
                    <a:pt x="10260" y="1632"/>
                  </a:lnTo>
                  <a:lnTo>
                    <a:pt x="10282" y="1630"/>
                  </a:lnTo>
                  <a:lnTo>
                    <a:pt x="10304" y="1628"/>
                  </a:lnTo>
                  <a:lnTo>
                    <a:pt x="10325" y="1624"/>
                  </a:lnTo>
                  <a:lnTo>
                    <a:pt x="10345" y="1619"/>
                  </a:lnTo>
                  <a:lnTo>
                    <a:pt x="10365" y="1613"/>
                  </a:lnTo>
                  <a:lnTo>
                    <a:pt x="10384" y="1606"/>
                  </a:lnTo>
                  <a:lnTo>
                    <a:pt x="10401" y="1598"/>
                  </a:lnTo>
                  <a:lnTo>
                    <a:pt x="10419" y="1590"/>
                  </a:lnTo>
                  <a:lnTo>
                    <a:pt x="10436" y="1579"/>
                  </a:lnTo>
                  <a:lnTo>
                    <a:pt x="10452" y="1569"/>
                  </a:lnTo>
                  <a:lnTo>
                    <a:pt x="10467" y="1557"/>
                  </a:lnTo>
                  <a:lnTo>
                    <a:pt x="10482" y="1546"/>
                  </a:lnTo>
                  <a:lnTo>
                    <a:pt x="10496" y="1532"/>
                  </a:lnTo>
                  <a:lnTo>
                    <a:pt x="10508" y="1519"/>
                  </a:lnTo>
                  <a:lnTo>
                    <a:pt x="10521" y="1504"/>
                  </a:lnTo>
                  <a:lnTo>
                    <a:pt x="10532" y="1490"/>
                  </a:lnTo>
                  <a:lnTo>
                    <a:pt x="10544" y="1474"/>
                  </a:lnTo>
                  <a:lnTo>
                    <a:pt x="10554" y="1458"/>
                  </a:lnTo>
                  <a:lnTo>
                    <a:pt x="10564" y="1442"/>
                  </a:lnTo>
                  <a:lnTo>
                    <a:pt x="10572" y="1424"/>
                  </a:lnTo>
                  <a:lnTo>
                    <a:pt x="10580" y="1407"/>
                  </a:lnTo>
                  <a:lnTo>
                    <a:pt x="10587" y="1389"/>
                  </a:lnTo>
                  <a:lnTo>
                    <a:pt x="10594" y="1370"/>
                  </a:lnTo>
                  <a:lnTo>
                    <a:pt x="10599" y="1351"/>
                  </a:lnTo>
                  <a:lnTo>
                    <a:pt x="10604" y="1332"/>
                  </a:lnTo>
                  <a:lnTo>
                    <a:pt x="10609" y="1313"/>
                  </a:lnTo>
                  <a:lnTo>
                    <a:pt x="10612" y="1293"/>
                  </a:lnTo>
                  <a:lnTo>
                    <a:pt x="10615" y="1273"/>
                  </a:lnTo>
                  <a:lnTo>
                    <a:pt x="10617" y="1252"/>
                  </a:lnTo>
                  <a:lnTo>
                    <a:pt x="10618" y="1232"/>
                  </a:lnTo>
                  <a:lnTo>
                    <a:pt x="10618" y="1212"/>
                  </a:lnTo>
                  <a:lnTo>
                    <a:pt x="10618" y="1193"/>
                  </a:lnTo>
                  <a:lnTo>
                    <a:pt x="10617" y="1174"/>
                  </a:lnTo>
                  <a:lnTo>
                    <a:pt x="10615" y="1156"/>
                  </a:lnTo>
                  <a:lnTo>
                    <a:pt x="10613" y="1138"/>
                  </a:lnTo>
                  <a:lnTo>
                    <a:pt x="10610" y="1119"/>
                  </a:lnTo>
                  <a:lnTo>
                    <a:pt x="10606" y="1100"/>
                  </a:lnTo>
                  <a:lnTo>
                    <a:pt x="10601" y="1082"/>
                  </a:lnTo>
                  <a:lnTo>
                    <a:pt x="10596" y="1064"/>
                  </a:lnTo>
                  <a:lnTo>
                    <a:pt x="10590" y="1046"/>
                  </a:lnTo>
                  <a:lnTo>
                    <a:pt x="10584" y="1028"/>
                  </a:lnTo>
                  <a:lnTo>
                    <a:pt x="10576" y="1011"/>
                  </a:lnTo>
                  <a:lnTo>
                    <a:pt x="10568" y="993"/>
                  </a:lnTo>
                  <a:lnTo>
                    <a:pt x="10559" y="976"/>
                  </a:lnTo>
                  <a:lnTo>
                    <a:pt x="10549" y="961"/>
                  </a:lnTo>
                  <a:lnTo>
                    <a:pt x="10539" y="945"/>
                  </a:lnTo>
                  <a:lnTo>
                    <a:pt x="10528" y="930"/>
                  </a:lnTo>
                  <a:lnTo>
                    <a:pt x="10515" y="915"/>
                  </a:lnTo>
                  <a:lnTo>
                    <a:pt x="10503" y="901"/>
                  </a:lnTo>
                  <a:lnTo>
                    <a:pt x="10488" y="888"/>
                  </a:lnTo>
                  <a:lnTo>
                    <a:pt x="10475" y="875"/>
                  </a:lnTo>
                  <a:lnTo>
                    <a:pt x="10459" y="863"/>
                  </a:lnTo>
                  <a:lnTo>
                    <a:pt x="10442" y="852"/>
                  </a:lnTo>
                  <a:lnTo>
                    <a:pt x="10425" y="842"/>
                  </a:lnTo>
                  <a:lnTo>
                    <a:pt x="10408" y="833"/>
                  </a:lnTo>
                  <a:lnTo>
                    <a:pt x="10389" y="824"/>
                  </a:lnTo>
                  <a:lnTo>
                    <a:pt x="10369" y="817"/>
                  </a:lnTo>
                  <a:lnTo>
                    <a:pt x="10348" y="811"/>
                  </a:lnTo>
                  <a:lnTo>
                    <a:pt x="10327" y="805"/>
                  </a:lnTo>
                  <a:lnTo>
                    <a:pt x="10305" y="800"/>
                  </a:lnTo>
                  <a:lnTo>
                    <a:pt x="10281" y="797"/>
                  </a:lnTo>
                  <a:lnTo>
                    <a:pt x="10257" y="796"/>
                  </a:lnTo>
                  <a:lnTo>
                    <a:pt x="10232" y="795"/>
                  </a:lnTo>
                  <a:close/>
                  <a:moveTo>
                    <a:pt x="8754" y="1891"/>
                  </a:moveTo>
                  <a:lnTo>
                    <a:pt x="8754" y="1253"/>
                  </a:lnTo>
                  <a:lnTo>
                    <a:pt x="8754" y="1206"/>
                  </a:lnTo>
                  <a:lnTo>
                    <a:pt x="8753" y="1161"/>
                  </a:lnTo>
                  <a:lnTo>
                    <a:pt x="8751" y="1116"/>
                  </a:lnTo>
                  <a:lnTo>
                    <a:pt x="8748" y="1073"/>
                  </a:lnTo>
                  <a:lnTo>
                    <a:pt x="8746" y="1053"/>
                  </a:lnTo>
                  <a:lnTo>
                    <a:pt x="8743" y="1034"/>
                  </a:lnTo>
                  <a:lnTo>
                    <a:pt x="8739" y="1014"/>
                  </a:lnTo>
                  <a:lnTo>
                    <a:pt x="8735" y="996"/>
                  </a:lnTo>
                  <a:lnTo>
                    <a:pt x="8730" y="977"/>
                  </a:lnTo>
                  <a:lnTo>
                    <a:pt x="8724" y="961"/>
                  </a:lnTo>
                  <a:lnTo>
                    <a:pt x="8717" y="944"/>
                  </a:lnTo>
                  <a:lnTo>
                    <a:pt x="8710" y="928"/>
                  </a:lnTo>
                  <a:lnTo>
                    <a:pt x="8703" y="913"/>
                  </a:lnTo>
                  <a:lnTo>
                    <a:pt x="8693" y="898"/>
                  </a:lnTo>
                  <a:lnTo>
                    <a:pt x="8683" y="885"/>
                  </a:lnTo>
                  <a:lnTo>
                    <a:pt x="8671" y="872"/>
                  </a:lnTo>
                  <a:lnTo>
                    <a:pt x="8660" y="861"/>
                  </a:lnTo>
                  <a:lnTo>
                    <a:pt x="8646" y="849"/>
                  </a:lnTo>
                  <a:lnTo>
                    <a:pt x="8631" y="840"/>
                  </a:lnTo>
                  <a:lnTo>
                    <a:pt x="8615" y="831"/>
                  </a:lnTo>
                  <a:lnTo>
                    <a:pt x="8598" y="822"/>
                  </a:lnTo>
                  <a:lnTo>
                    <a:pt x="8579" y="816"/>
                  </a:lnTo>
                  <a:lnTo>
                    <a:pt x="8558" y="810"/>
                  </a:lnTo>
                  <a:lnTo>
                    <a:pt x="8536" y="805"/>
                  </a:lnTo>
                  <a:lnTo>
                    <a:pt x="8513" y="800"/>
                  </a:lnTo>
                  <a:lnTo>
                    <a:pt x="8488" y="797"/>
                  </a:lnTo>
                  <a:lnTo>
                    <a:pt x="8462" y="796"/>
                  </a:lnTo>
                  <a:lnTo>
                    <a:pt x="8434" y="795"/>
                  </a:lnTo>
                  <a:lnTo>
                    <a:pt x="8412" y="796"/>
                  </a:lnTo>
                  <a:lnTo>
                    <a:pt x="8389" y="797"/>
                  </a:lnTo>
                  <a:lnTo>
                    <a:pt x="8366" y="800"/>
                  </a:lnTo>
                  <a:lnTo>
                    <a:pt x="8343" y="805"/>
                  </a:lnTo>
                  <a:lnTo>
                    <a:pt x="8318" y="810"/>
                  </a:lnTo>
                  <a:lnTo>
                    <a:pt x="8295" y="816"/>
                  </a:lnTo>
                  <a:lnTo>
                    <a:pt x="8271" y="824"/>
                  </a:lnTo>
                  <a:lnTo>
                    <a:pt x="8248" y="834"/>
                  </a:lnTo>
                  <a:lnTo>
                    <a:pt x="8224" y="844"/>
                  </a:lnTo>
                  <a:lnTo>
                    <a:pt x="8202" y="856"/>
                  </a:lnTo>
                  <a:lnTo>
                    <a:pt x="8179" y="869"/>
                  </a:lnTo>
                  <a:lnTo>
                    <a:pt x="8157" y="884"/>
                  </a:lnTo>
                  <a:lnTo>
                    <a:pt x="8135" y="900"/>
                  </a:lnTo>
                  <a:lnTo>
                    <a:pt x="8115" y="918"/>
                  </a:lnTo>
                  <a:lnTo>
                    <a:pt x="8095" y="938"/>
                  </a:lnTo>
                  <a:lnTo>
                    <a:pt x="8077" y="959"/>
                  </a:lnTo>
                  <a:lnTo>
                    <a:pt x="8077" y="1891"/>
                  </a:lnTo>
                  <a:lnTo>
                    <a:pt x="7643" y="1891"/>
                  </a:lnTo>
                  <a:lnTo>
                    <a:pt x="7643" y="529"/>
                  </a:lnTo>
                  <a:lnTo>
                    <a:pt x="8077" y="529"/>
                  </a:lnTo>
                  <a:lnTo>
                    <a:pt x="8077" y="668"/>
                  </a:lnTo>
                  <a:lnTo>
                    <a:pt x="8098" y="650"/>
                  </a:lnTo>
                  <a:lnTo>
                    <a:pt x="8121" y="634"/>
                  </a:lnTo>
                  <a:lnTo>
                    <a:pt x="8145" y="617"/>
                  </a:lnTo>
                  <a:lnTo>
                    <a:pt x="8172" y="602"/>
                  </a:lnTo>
                  <a:lnTo>
                    <a:pt x="8199" y="586"/>
                  </a:lnTo>
                  <a:lnTo>
                    <a:pt x="8228" y="572"/>
                  </a:lnTo>
                  <a:lnTo>
                    <a:pt x="8259" y="560"/>
                  </a:lnTo>
                  <a:lnTo>
                    <a:pt x="8290" y="547"/>
                  </a:lnTo>
                  <a:lnTo>
                    <a:pt x="8323" y="537"/>
                  </a:lnTo>
                  <a:lnTo>
                    <a:pt x="8356" y="528"/>
                  </a:lnTo>
                  <a:lnTo>
                    <a:pt x="8390" y="519"/>
                  </a:lnTo>
                  <a:lnTo>
                    <a:pt x="8425" y="513"/>
                  </a:lnTo>
                  <a:lnTo>
                    <a:pt x="8461" y="508"/>
                  </a:lnTo>
                  <a:lnTo>
                    <a:pt x="8497" y="504"/>
                  </a:lnTo>
                  <a:lnTo>
                    <a:pt x="8533" y="502"/>
                  </a:lnTo>
                  <a:lnTo>
                    <a:pt x="8571" y="501"/>
                  </a:lnTo>
                  <a:lnTo>
                    <a:pt x="8620" y="502"/>
                  </a:lnTo>
                  <a:lnTo>
                    <a:pt x="8666" y="504"/>
                  </a:lnTo>
                  <a:lnTo>
                    <a:pt x="8711" y="509"/>
                  </a:lnTo>
                  <a:lnTo>
                    <a:pt x="8752" y="514"/>
                  </a:lnTo>
                  <a:lnTo>
                    <a:pt x="8792" y="522"/>
                  </a:lnTo>
                  <a:lnTo>
                    <a:pt x="8828" y="532"/>
                  </a:lnTo>
                  <a:lnTo>
                    <a:pt x="8863" y="542"/>
                  </a:lnTo>
                  <a:lnTo>
                    <a:pt x="8895" y="554"/>
                  </a:lnTo>
                  <a:lnTo>
                    <a:pt x="8926" y="567"/>
                  </a:lnTo>
                  <a:lnTo>
                    <a:pt x="8954" y="583"/>
                  </a:lnTo>
                  <a:lnTo>
                    <a:pt x="8980" y="598"/>
                  </a:lnTo>
                  <a:lnTo>
                    <a:pt x="9004" y="615"/>
                  </a:lnTo>
                  <a:lnTo>
                    <a:pt x="9027" y="634"/>
                  </a:lnTo>
                  <a:lnTo>
                    <a:pt x="9048" y="653"/>
                  </a:lnTo>
                  <a:lnTo>
                    <a:pt x="9067" y="673"/>
                  </a:lnTo>
                  <a:lnTo>
                    <a:pt x="9084" y="694"/>
                  </a:lnTo>
                  <a:lnTo>
                    <a:pt x="9100" y="717"/>
                  </a:lnTo>
                  <a:lnTo>
                    <a:pt x="9114" y="740"/>
                  </a:lnTo>
                  <a:lnTo>
                    <a:pt x="9127" y="764"/>
                  </a:lnTo>
                  <a:lnTo>
                    <a:pt x="9137" y="788"/>
                  </a:lnTo>
                  <a:lnTo>
                    <a:pt x="9148" y="813"/>
                  </a:lnTo>
                  <a:lnTo>
                    <a:pt x="9156" y="839"/>
                  </a:lnTo>
                  <a:lnTo>
                    <a:pt x="9165" y="865"/>
                  </a:lnTo>
                  <a:lnTo>
                    <a:pt x="9171" y="891"/>
                  </a:lnTo>
                  <a:lnTo>
                    <a:pt x="9176" y="918"/>
                  </a:lnTo>
                  <a:lnTo>
                    <a:pt x="9180" y="946"/>
                  </a:lnTo>
                  <a:lnTo>
                    <a:pt x="9185" y="973"/>
                  </a:lnTo>
                  <a:lnTo>
                    <a:pt x="9188" y="1001"/>
                  </a:lnTo>
                  <a:lnTo>
                    <a:pt x="9190" y="1029"/>
                  </a:lnTo>
                  <a:lnTo>
                    <a:pt x="9191" y="1058"/>
                  </a:lnTo>
                  <a:lnTo>
                    <a:pt x="9192" y="1086"/>
                  </a:lnTo>
                  <a:lnTo>
                    <a:pt x="9192" y="1114"/>
                  </a:lnTo>
                  <a:lnTo>
                    <a:pt x="9192" y="1891"/>
                  </a:lnTo>
                  <a:lnTo>
                    <a:pt x="8754" y="1891"/>
                  </a:lnTo>
                  <a:close/>
                  <a:moveTo>
                    <a:pt x="6881" y="1891"/>
                  </a:moveTo>
                  <a:lnTo>
                    <a:pt x="6881" y="1750"/>
                  </a:lnTo>
                  <a:lnTo>
                    <a:pt x="6860" y="1768"/>
                  </a:lnTo>
                  <a:lnTo>
                    <a:pt x="6837" y="1785"/>
                  </a:lnTo>
                  <a:lnTo>
                    <a:pt x="6812" y="1802"/>
                  </a:lnTo>
                  <a:lnTo>
                    <a:pt x="6785" y="1818"/>
                  </a:lnTo>
                  <a:lnTo>
                    <a:pt x="6758" y="1832"/>
                  </a:lnTo>
                  <a:lnTo>
                    <a:pt x="6729" y="1847"/>
                  </a:lnTo>
                  <a:lnTo>
                    <a:pt x="6698" y="1859"/>
                  </a:lnTo>
                  <a:lnTo>
                    <a:pt x="6667" y="1871"/>
                  </a:lnTo>
                  <a:lnTo>
                    <a:pt x="6635" y="1881"/>
                  </a:lnTo>
                  <a:lnTo>
                    <a:pt x="6601" y="1891"/>
                  </a:lnTo>
                  <a:lnTo>
                    <a:pt x="6567" y="1899"/>
                  </a:lnTo>
                  <a:lnTo>
                    <a:pt x="6532" y="1906"/>
                  </a:lnTo>
                  <a:lnTo>
                    <a:pt x="6496" y="1911"/>
                  </a:lnTo>
                  <a:lnTo>
                    <a:pt x="6460" y="1916"/>
                  </a:lnTo>
                  <a:lnTo>
                    <a:pt x="6423" y="1918"/>
                  </a:lnTo>
                  <a:lnTo>
                    <a:pt x="6386" y="1919"/>
                  </a:lnTo>
                  <a:lnTo>
                    <a:pt x="6337" y="1918"/>
                  </a:lnTo>
                  <a:lnTo>
                    <a:pt x="6290" y="1914"/>
                  </a:lnTo>
                  <a:lnTo>
                    <a:pt x="6246" y="1910"/>
                  </a:lnTo>
                  <a:lnTo>
                    <a:pt x="6204" y="1904"/>
                  </a:lnTo>
                  <a:lnTo>
                    <a:pt x="6165" y="1897"/>
                  </a:lnTo>
                  <a:lnTo>
                    <a:pt x="6129" y="1887"/>
                  </a:lnTo>
                  <a:lnTo>
                    <a:pt x="6094" y="1877"/>
                  </a:lnTo>
                  <a:lnTo>
                    <a:pt x="6062" y="1864"/>
                  </a:lnTo>
                  <a:lnTo>
                    <a:pt x="6031" y="1851"/>
                  </a:lnTo>
                  <a:lnTo>
                    <a:pt x="6003" y="1836"/>
                  </a:lnTo>
                  <a:lnTo>
                    <a:pt x="5978" y="1821"/>
                  </a:lnTo>
                  <a:lnTo>
                    <a:pt x="5954" y="1803"/>
                  </a:lnTo>
                  <a:lnTo>
                    <a:pt x="5931" y="1785"/>
                  </a:lnTo>
                  <a:lnTo>
                    <a:pt x="5911" y="1766"/>
                  </a:lnTo>
                  <a:lnTo>
                    <a:pt x="5892" y="1746"/>
                  </a:lnTo>
                  <a:lnTo>
                    <a:pt x="5875" y="1724"/>
                  </a:lnTo>
                  <a:lnTo>
                    <a:pt x="5860" y="1702"/>
                  </a:lnTo>
                  <a:lnTo>
                    <a:pt x="5846" y="1679"/>
                  </a:lnTo>
                  <a:lnTo>
                    <a:pt x="5834" y="1655"/>
                  </a:lnTo>
                  <a:lnTo>
                    <a:pt x="5822" y="1631"/>
                  </a:lnTo>
                  <a:lnTo>
                    <a:pt x="5813" y="1606"/>
                  </a:lnTo>
                  <a:lnTo>
                    <a:pt x="5804" y="1580"/>
                  </a:lnTo>
                  <a:lnTo>
                    <a:pt x="5797" y="1554"/>
                  </a:lnTo>
                  <a:lnTo>
                    <a:pt x="5791" y="1527"/>
                  </a:lnTo>
                  <a:lnTo>
                    <a:pt x="5784" y="1500"/>
                  </a:lnTo>
                  <a:lnTo>
                    <a:pt x="5780" y="1473"/>
                  </a:lnTo>
                  <a:lnTo>
                    <a:pt x="5777" y="1446"/>
                  </a:lnTo>
                  <a:lnTo>
                    <a:pt x="5774" y="1418"/>
                  </a:lnTo>
                  <a:lnTo>
                    <a:pt x="5772" y="1390"/>
                  </a:lnTo>
                  <a:lnTo>
                    <a:pt x="5771" y="1362"/>
                  </a:lnTo>
                  <a:lnTo>
                    <a:pt x="5771" y="1333"/>
                  </a:lnTo>
                  <a:lnTo>
                    <a:pt x="5770" y="1305"/>
                  </a:lnTo>
                  <a:lnTo>
                    <a:pt x="5770" y="529"/>
                  </a:lnTo>
                  <a:lnTo>
                    <a:pt x="6207" y="529"/>
                  </a:lnTo>
                  <a:lnTo>
                    <a:pt x="6207" y="1165"/>
                  </a:lnTo>
                  <a:lnTo>
                    <a:pt x="6207" y="1213"/>
                  </a:lnTo>
                  <a:lnTo>
                    <a:pt x="6208" y="1259"/>
                  </a:lnTo>
                  <a:lnTo>
                    <a:pt x="6209" y="1303"/>
                  </a:lnTo>
                  <a:lnTo>
                    <a:pt x="6213" y="1345"/>
                  </a:lnTo>
                  <a:lnTo>
                    <a:pt x="6215" y="1366"/>
                  </a:lnTo>
                  <a:lnTo>
                    <a:pt x="6217" y="1386"/>
                  </a:lnTo>
                  <a:lnTo>
                    <a:pt x="6220" y="1404"/>
                  </a:lnTo>
                  <a:lnTo>
                    <a:pt x="6224" y="1423"/>
                  </a:lnTo>
                  <a:lnTo>
                    <a:pt x="6228" y="1441"/>
                  </a:lnTo>
                  <a:lnTo>
                    <a:pt x="6234" y="1458"/>
                  </a:lnTo>
                  <a:lnTo>
                    <a:pt x="6240" y="1475"/>
                  </a:lnTo>
                  <a:lnTo>
                    <a:pt x="6247" y="1491"/>
                  </a:lnTo>
                  <a:lnTo>
                    <a:pt x="6254" y="1506"/>
                  </a:lnTo>
                  <a:lnTo>
                    <a:pt x="6264" y="1520"/>
                  </a:lnTo>
                  <a:lnTo>
                    <a:pt x="6273" y="1533"/>
                  </a:lnTo>
                  <a:lnTo>
                    <a:pt x="6285" y="1546"/>
                  </a:lnTo>
                  <a:lnTo>
                    <a:pt x="6296" y="1558"/>
                  </a:lnTo>
                  <a:lnTo>
                    <a:pt x="6310" y="1569"/>
                  </a:lnTo>
                  <a:lnTo>
                    <a:pt x="6325" y="1579"/>
                  </a:lnTo>
                  <a:lnTo>
                    <a:pt x="6340" y="1589"/>
                  </a:lnTo>
                  <a:lnTo>
                    <a:pt x="6358" y="1596"/>
                  </a:lnTo>
                  <a:lnTo>
                    <a:pt x="6377" y="1603"/>
                  </a:lnTo>
                  <a:lnTo>
                    <a:pt x="6397" y="1609"/>
                  </a:lnTo>
                  <a:lnTo>
                    <a:pt x="6419" y="1615"/>
                  </a:lnTo>
                  <a:lnTo>
                    <a:pt x="6442" y="1619"/>
                  </a:lnTo>
                  <a:lnTo>
                    <a:pt x="6467" y="1621"/>
                  </a:lnTo>
                  <a:lnTo>
                    <a:pt x="6494" y="1623"/>
                  </a:lnTo>
                  <a:lnTo>
                    <a:pt x="6523" y="1624"/>
                  </a:lnTo>
                  <a:lnTo>
                    <a:pt x="6546" y="1623"/>
                  </a:lnTo>
                  <a:lnTo>
                    <a:pt x="6568" y="1621"/>
                  </a:lnTo>
                  <a:lnTo>
                    <a:pt x="6592" y="1619"/>
                  </a:lnTo>
                  <a:lnTo>
                    <a:pt x="6615" y="1615"/>
                  </a:lnTo>
                  <a:lnTo>
                    <a:pt x="6638" y="1609"/>
                  </a:lnTo>
                  <a:lnTo>
                    <a:pt x="6662" y="1602"/>
                  </a:lnTo>
                  <a:lnTo>
                    <a:pt x="6686" y="1595"/>
                  </a:lnTo>
                  <a:lnTo>
                    <a:pt x="6709" y="1585"/>
                  </a:lnTo>
                  <a:lnTo>
                    <a:pt x="6732" y="1575"/>
                  </a:lnTo>
                  <a:lnTo>
                    <a:pt x="6755" y="1563"/>
                  </a:lnTo>
                  <a:lnTo>
                    <a:pt x="6777" y="1549"/>
                  </a:lnTo>
                  <a:lnTo>
                    <a:pt x="6800" y="1534"/>
                  </a:lnTo>
                  <a:lnTo>
                    <a:pt x="6821" y="1518"/>
                  </a:lnTo>
                  <a:lnTo>
                    <a:pt x="6842" y="1500"/>
                  </a:lnTo>
                  <a:lnTo>
                    <a:pt x="6862" y="1480"/>
                  </a:lnTo>
                  <a:lnTo>
                    <a:pt x="6881" y="1459"/>
                  </a:lnTo>
                  <a:lnTo>
                    <a:pt x="6881" y="529"/>
                  </a:lnTo>
                  <a:lnTo>
                    <a:pt x="7318" y="529"/>
                  </a:lnTo>
                  <a:lnTo>
                    <a:pt x="7318" y="1891"/>
                  </a:lnTo>
                  <a:lnTo>
                    <a:pt x="6881" y="1891"/>
                  </a:lnTo>
                  <a:close/>
                  <a:moveTo>
                    <a:pt x="4650" y="407"/>
                  </a:moveTo>
                  <a:lnTo>
                    <a:pt x="4650" y="838"/>
                  </a:lnTo>
                  <a:lnTo>
                    <a:pt x="5530" y="838"/>
                  </a:lnTo>
                  <a:lnTo>
                    <a:pt x="5530" y="1127"/>
                  </a:lnTo>
                  <a:lnTo>
                    <a:pt x="4650" y="1127"/>
                  </a:lnTo>
                  <a:lnTo>
                    <a:pt x="4650" y="1891"/>
                  </a:lnTo>
                  <a:lnTo>
                    <a:pt x="4128" y="1891"/>
                  </a:lnTo>
                  <a:lnTo>
                    <a:pt x="4128" y="131"/>
                  </a:lnTo>
                  <a:lnTo>
                    <a:pt x="5573" y="131"/>
                  </a:lnTo>
                  <a:lnTo>
                    <a:pt x="5573" y="407"/>
                  </a:lnTo>
                  <a:lnTo>
                    <a:pt x="4650" y="407"/>
                  </a:lnTo>
                  <a:close/>
                  <a:moveTo>
                    <a:pt x="2164" y="407"/>
                  </a:moveTo>
                  <a:lnTo>
                    <a:pt x="2164" y="838"/>
                  </a:lnTo>
                  <a:lnTo>
                    <a:pt x="3045" y="838"/>
                  </a:lnTo>
                  <a:lnTo>
                    <a:pt x="3045" y="1127"/>
                  </a:lnTo>
                  <a:lnTo>
                    <a:pt x="2164" y="1127"/>
                  </a:lnTo>
                  <a:lnTo>
                    <a:pt x="2164" y="1891"/>
                  </a:lnTo>
                  <a:lnTo>
                    <a:pt x="1642" y="1891"/>
                  </a:lnTo>
                  <a:lnTo>
                    <a:pt x="1642" y="131"/>
                  </a:lnTo>
                  <a:lnTo>
                    <a:pt x="3087" y="131"/>
                  </a:lnTo>
                  <a:lnTo>
                    <a:pt x="3087" y="407"/>
                  </a:lnTo>
                  <a:lnTo>
                    <a:pt x="2164" y="407"/>
                  </a:lnTo>
                  <a:close/>
                </a:path>
              </a:pathLst>
            </a:custGeom>
            <a:solidFill>
              <a:srgbClr val="1F1A17"/>
            </a:solidFill>
            <a:ln w="9525">
              <a:noFill/>
              <a:round/>
              <a:headEnd/>
              <a:tailEnd/>
            </a:ln>
          </p:spPr>
          <p:txBody>
            <a:bodyPr/>
            <a:lstStyle/>
            <a:p>
              <a:pPr>
                <a:defRPr/>
              </a:pPr>
              <a:endParaRPr lang="en-US"/>
            </a:p>
          </p:txBody>
        </p:sp>
        <p:sp>
          <p:nvSpPr>
            <p:cNvPr id="17" name="Freeform 19" hidden="1"/>
            <p:cNvSpPr>
              <a:spLocks noChangeAspect="1" noEditPoints="1"/>
            </p:cNvSpPr>
            <p:nvPr/>
          </p:nvSpPr>
          <p:spPr bwMode="gray">
            <a:xfrm>
              <a:off x="-1239" y="4520"/>
              <a:ext cx="209" cy="209"/>
            </a:xfrm>
            <a:custGeom>
              <a:avLst/>
              <a:gdLst/>
              <a:ahLst/>
              <a:cxnLst>
                <a:cxn ang="0">
                  <a:pos x="585" y="1258"/>
                </a:cxn>
                <a:cxn ang="0">
                  <a:pos x="657" y="1199"/>
                </a:cxn>
                <a:cxn ang="0">
                  <a:pos x="683" y="1109"/>
                </a:cxn>
                <a:cxn ang="0">
                  <a:pos x="532" y="387"/>
                </a:cxn>
                <a:cxn ang="0">
                  <a:pos x="371" y="550"/>
                </a:cxn>
                <a:cxn ang="0">
                  <a:pos x="235" y="733"/>
                </a:cxn>
                <a:cxn ang="0">
                  <a:pos x="127" y="936"/>
                </a:cxn>
                <a:cxn ang="0">
                  <a:pos x="49" y="1155"/>
                </a:cxn>
                <a:cxn ang="0">
                  <a:pos x="1722" y="3128"/>
                </a:cxn>
                <a:cxn ang="0">
                  <a:pos x="2151" y="3025"/>
                </a:cxn>
                <a:cxn ang="0">
                  <a:pos x="2525" y="2814"/>
                </a:cxn>
                <a:cxn ang="0">
                  <a:pos x="2826" y="2513"/>
                </a:cxn>
                <a:cxn ang="0">
                  <a:pos x="3037" y="2140"/>
                </a:cxn>
                <a:cxn ang="0">
                  <a:pos x="3138" y="1713"/>
                </a:cxn>
                <a:cxn ang="0">
                  <a:pos x="1490" y="1731"/>
                </a:cxn>
                <a:cxn ang="0">
                  <a:pos x="1424" y="1798"/>
                </a:cxn>
                <a:cxn ang="0">
                  <a:pos x="1406" y="3127"/>
                </a:cxn>
                <a:cxn ang="0">
                  <a:pos x="1528" y="3134"/>
                </a:cxn>
                <a:cxn ang="0">
                  <a:pos x="1252" y="789"/>
                </a:cxn>
                <a:cxn ang="0">
                  <a:pos x="1170" y="834"/>
                </a:cxn>
                <a:cxn ang="0">
                  <a:pos x="1127" y="915"/>
                </a:cxn>
                <a:cxn ang="0">
                  <a:pos x="1117" y="2545"/>
                </a:cxn>
                <a:cxn ang="0">
                  <a:pos x="1063" y="2622"/>
                </a:cxn>
                <a:cxn ang="0">
                  <a:pos x="979" y="2656"/>
                </a:cxn>
                <a:cxn ang="0">
                  <a:pos x="523" y="2738"/>
                </a:cxn>
                <a:cxn ang="0">
                  <a:pos x="662" y="2849"/>
                </a:cxn>
                <a:cxn ang="0">
                  <a:pos x="814" y="2942"/>
                </a:cxn>
                <a:cxn ang="0">
                  <a:pos x="977" y="3019"/>
                </a:cxn>
                <a:cxn ang="0">
                  <a:pos x="1149" y="3078"/>
                </a:cxn>
                <a:cxn ang="0">
                  <a:pos x="1269" y="1413"/>
                </a:cxn>
                <a:cxn ang="0">
                  <a:pos x="1306" y="1330"/>
                </a:cxn>
                <a:cxn ang="0">
                  <a:pos x="1383" y="1275"/>
                </a:cxn>
                <a:cxn ang="0">
                  <a:pos x="3103" y="1205"/>
                </a:cxn>
                <a:cxn ang="0">
                  <a:pos x="3045" y="1018"/>
                </a:cxn>
                <a:cxn ang="0">
                  <a:pos x="2966" y="842"/>
                </a:cxn>
                <a:cxn ang="0">
                  <a:pos x="1420" y="7"/>
                </a:cxn>
                <a:cxn ang="0">
                  <a:pos x="1134" y="60"/>
                </a:cxn>
                <a:cxn ang="0">
                  <a:pos x="869" y="163"/>
                </a:cxn>
                <a:cxn ang="0">
                  <a:pos x="815" y="1616"/>
                </a:cxn>
                <a:cxn ang="0">
                  <a:pos x="754" y="1687"/>
                </a:cxn>
                <a:cxn ang="0">
                  <a:pos x="666" y="1713"/>
                </a:cxn>
                <a:cxn ang="0">
                  <a:pos x="24" y="1876"/>
                </a:cxn>
                <a:cxn ang="0">
                  <a:pos x="74" y="2064"/>
                </a:cxn>
                <a:cxn ang="0">
                  <a:pos x="812" y="2214"/>
                </a:cxn>
                <a:cxn ang="0">
                  <a:pos x="902" y="2188"/>
                </a:cxn>
                <a:cxn ang="0">
                  <a:pos x="960" y="2116"/>
                </a:cxn>
                <a:cxn ang="0">
                  <a:pos x="973" y="487"/>
                </a:cxn>
                <a:cxn ang="0">
                  <a:pos x="1009" y="403"/>
                </a:cxn>
                <a:cxn ang="0">
                  <a:pos x="1087" y="350"/>
                </a:cxn>
                <a:cxn ang="0">
                  <a:pos x="2501" y="304"/>
                </a:cxn>
                <a:cxn ang="0">
                  <a:pos x="2336" y="199"/>
                </a:cxn>
                <a:cxn ang="0">
                  <a:pos x="2160" y="115"/>
                </a:cxn>
                <a:cxn ang="0">
                  <a:pos x="1972" y="52"/>
                </a:cxn>
                <a:cxn ang="0">
                  <a:pos x="1775" y="14"/>
                </a:cxn>
                <a:cxn ang="0">
                  <a:pos x="1570" y="0"/>
                </a:cxn>
              </a:cxnLst>
              <a:rect l="0" t="0" r="r" b="b"/>
              <a:pathLst>
                <a:path w="3138" h="3135">
                  <a:moveTo>
                    <a:pt x="22" y="1269"/>
                  </a:moveTo>
                  <a:lnTo>
                    <a:pt x="523" y="1269"/>
                  </a:lnTo>
                  <a:lnTo>
                    <a:pt x="539" y="1268"/>
                  </a:lnTo>
                  <a:lnTo>
                    <a:pt x="555" y="1266"/>
                  </a:lnTo>
                  <a:lnTo>
                    <a:pt x="571" y="1263"/>
                  </a:lnTo>
                  <a:lnTo>
                    <a:pt x="585" y="1258"/>
                  </a:lnTo>
                  <a:lnTo>
                    <a:pt x="599" y="1252"/>
                  </a:lnTo>
                  <a:lnTo>
                    <a:pt x="613" y="1243"/>
                  </a:lnTo>
                  <a:lnTo>
                    <a:pt x="625" y="1234"/>
                  </a:lnTo>
                  <a:lnTo>
                    <a:pt x="637" y="1223"/>
                  </a:lnTo>
                  <a:lnTo>
                    <a:pt x="647" y="1212"/>
                  </a:lnTo>
                  <a:lnTo>
                    <a:pt x="657" y="1199"/>
                  </a:lnTo>
                  <a:lnTo>
                    <a:pt x="665" y="1186"/>
                  </a:lnTo>
                  <a:lnTo>
                    <a:pt x="671" y="1171"/>
                  </a:lnTo>
                  <a:lnTo>
                    <a:pt x="676" y="1157"/>
                  </a:lnTo>
                  <a:lnTo>
                    <a:pt x="681" y="1142"/>
                  </a:lnTo>
                  <a:lnTo>
                    <a:pt x="683" y="1126"/>
                  </a:lnTo>
                  <a:lnTo>
                    <a:pt x="683" y="1109"/>
                  </a:lnTo>
                  <a:lnTo>
                    <a:pt x="683" y="272"/>
                  </a:lnTo>
                  <a:lnTo>
                    <a:pt x="651" y="294"/>
                  </a:lnTo>
                  <a:lnTo>
                    <a:pt x="621" y="315"/>
                  </a:lnTo>
                  <a:lnTo>
                    <a:pt x="591" y="339"/>
                  </a:lnTo>
                  <a:lnTo>
                    <a:pt x="561" y="363"/>
                  </a:lnTo>
                  <a:lnTo>
                    <a:pt x="532" y="387"/>
                  </a:lnTo>
                  <a:lnTo>
                    <a:pt x="504" y="413"/>
                  </a:lnTo>
                  <a:lnTo>
                    <a:pt x="475" y="439"/>
                  </a:lnTo>
                  <a:lnTo>
                    <a:pt x="448" y="465"/>
                  </a:lnTo>
                  <a:lnTo>
                    <a:pt x="422" y="492"/>
                  </a:lnTo>
                  <a:lnTo>
                    <a:pt x="396" y="521"/>
                  </a:lnTo>
                  <a:lnTo>
                    <a:pt x="371" y="550"/>
                  </a:lnTo>
                  <a:lnTo>
                    <a:pt x="347" y="579"/>
                  </a:lnTo>
                  <a:lnTo>
                    <a:pt x="323" y="608"/>
                  </a:lnTo>
                  <a:lnTo>
                    <a:pt x="299" y="638"/>
                  </a:lnTo>
                  <a:lnTo>
                    <a:pt x="278" y="669"/>
                  </a:lnTo>
                  <a:lnTo>
                    <a:pt x="256" y="701"/>
                  </a:lnTo>
                  <a:lnTo>
                    <a:pt x="235" y="733"/>
                  </a:lnTo>
                  <a:lnTo>
                    <a:pt x="215" y="765"/>
                  </a:lnTo>
                  <a:lnTo>
                    <a:pt x="196" y="799"/>
                  </a:lnTo>
                  <a:lnTo>
                    <a:pt x="177" y="832"/>
                  </a:lnTo>
                  <a:lnTo>
                    <a:pt x="159" y="866"/>
                  </a:lnTo>
                  <a:lnTo>
                    <a:pt x="142" y="901"/>
                  </a:lnTo>
                  <a:lnTo>
                    <a:pt x="127" y="936"/>
                  </a:lnTo>
                  <a:lnTo>
                    <a:pt x="112" y="971"/>
                  </a:lnTo>
                  <a:lnTo>
                    <a:pt x="97" y="1007"/>
                  </a:lnTo>
                  <a:lnTo>
                    <a:pt x="84" y="1043"/>
                  </a:lnTo>
                  <a:lnTo>
                    <a:pt x="71" y="1080"/>
                  </a:lnTo>
                  <a:lnTo>
                    <a:pt x="60" y="1117"/>
                  </a:lnTo>
                  <a:lnTo>
                    <a:pt x="49" y="1155"/>
                  </a:lnTo>
                  <a:lnTo>
                    <a:pt x="39" y="1192"/>
                  </a:lnTo>
                  <a:lnTo>
                    <a:pt x="30" y="1231"/>
                  </a:lnTo>
                  <a:lnTo>
                    <a:pt x="22" y="1269"/>
                  </a:lnTo>
                  <a:close/>
                  <a:moveTo>
                    <a:pt x="1570" y="3135"/>
                  </a:moveTo>
                  <a:lnTo>
                    <a:pt x="1646" y="3133"/>
                  </a:lnTo>
                  <a:lnTo>
                    <a:pt x="1722" y="3128"/>
                  </a:lnTo>
                  <a:lnTo>
                    <a:pt x="1796" y="3119"/>
                  </a:lnTo>
                  <a:lnTo>
                    <a:pt x="1869" y="3107"/>
                  </a:lnTo>
                  <a:lnTo>
                    <a:pt x="1941" y="3091"/>
                  </a:lnTo>
                  <a:lnTo>
                    <a:pt x="2013" y="3073"/>
                  </a:lnTo>
                  <a:lnTo>
                    <a:pt x="2083" y="3050"/>
                  </a:lnTo>
                  <a:lnTo>
                    <a:pt x="2151" y="3025"/>
                  </a:lnTo>
                  <a:lnTo>
                    <a:pt x="2217" y="2997"/>
                  </a:lnTo>
                  <a:lnTo>
                    <a:pt x="2282" y="2966"/>
                  </a:lnTo>
                  <a:lnTo>
                    <a:pt x="2346" y="2932"/>
                  </a:lnTo>
                  <a:lnTo>
                    <a:pt x="2407" y="2896"/>
                  </a:lnTo>
                  <a:lnTo>
                    <a:pt x="2467" y="2856"/>
                  </a:lnTo>
                  <a:lnTo>
                    <a:pt x="2525" y="2814"/>
                  </a:lnTo>
                  <a:lnTo>
                    <a:pt x="2580" y="2770"/>
                  </a:lnTo>
                  <a:lnTo>
                    <a:pt x="2635" y="2723"/>
                  </a:lnTo>
                  <a:lnTo>
                    <a:pt x="2686" y="2674"/>
                  </a:lnTo>
                  <a:lnTo>
                    <a:pt x="2735" y="2623"/>
                  </a:lnTo>
                  <a:lnTo>
                    <a:pt x="2781" y="2569"/>
                  </a:lnTo>
                  <a:lnTo>
                    <a:pt x="2826" y="2513"/>
                  </a:lnTo>
                  <a:lnTo>
                    <a:pt x="2868" y="2455"/>
                  </a:lnTo>
                  <a:lnTo>
                    <a:pt x="2907" y="2396"/>
                  </a:lnTo>
                  <a:lnTo>
                    <a:pt x="2944" y="2334"/>
                  </a:lnTo>
                  <a:lnTo>
                    <a:pt x="2978" y="2271"/>
                  </a:lnTo>
                  <a:lnTo>
                    <a:pt x="3009" y="2206"/>
                  </a:lnTo>
                  <a:lnTo>
                    <a:pt x="3037" y="2140"/>
                  </a:lnTo>
                  <a:lnTo>
                    <a:pt x="3062" y="2072"/>
                  </a:lnTo>
                  <a:lnTo>
                    <a:pt x="3084" y="2002"/>
                  </a:lnTo>
                  <a:lnTo>
                    <a:pt x="3102" y="1931"/>
                  </a:lnTo>
                  <a:lnTo>
                    <a:pt x="3117" y="1860"/>
                  </a:lnTo>
                  <a:lnTo>
                    <a:pt x="3130" y="1787"/>
                  </a:lnTo>
                  <a:lnTo>
                    <a:pt x="3138" y="1713"/>
                  </a:lnTo>
                  <a:lnTo>
                    <a:pt x="1568" y="1713"/>
                  </a:lnTo>
                  <a:lnTo>
                    <a:pt x="1551" y="1713"/>
                  </a:lnTo>
                  <a:lnTo>
                    <a:pt x="1534" y="1716"/>
                  </a:lnTo>
                  <a:lnTo>
                    <a:pt x="1519" y="1719"/>
                  </a:lnTo>
                  <a:lnTo>
                    <a:pt x="1504" y="1724"/>
                  </a:lnTo>
                  <a:lnTo>
                    <a:pt x="1490" y="1731"/>
                  </a:lnTo>
                  <a:lnTo>
                    <a:pt x="1477" y="1740"/>
                  </a:lnTo>
                  <a:lnTo>
                    <a:pt x="1464" y="1749"/>
                  </a:lnTo>
                  <a:lnTo>
                    <a:pt x="1452" y="1761"/>
                  </a:lnTo>
                  <a:lnTo>
                    <a:pt x="1442" y="1772"/>
                  </a:lnTo>
                  <a:lnTo>
                    <a:pt x="1433" y="1786"/>
                  </a:lnTo>
                  <a:lnTo>
                    <a:pt x="1424" y="1798"/>
                  </a:lnTo>
                  <a:lnTo>
                    <a:pt x="1418" y="1813"/>
                  </a:lnTo>
                  <a:lnTo>
                    <a:pt x="1413" y="1826"/>
                  </a:lnTo>
                  <a:lnTo>
                    <a:pt x="1410" y="1842"/>
                  </a:lnTo>
                  <a:lnTo>
                    <a:pt x="1407" y="1856"/>
                  </a:lnTo>
                  <a:lnTo>
                    <a:pt x="1406" y="1872"/>
                  </a:lnTo>
                  <a:lnTo>
                    <a:pt x="1406" y="3127"/>
                  </a:lnTo>
                  <a:lnTo>
                    <a:pt x="1426" y="3129"/>
                  </a:lnTo>
                  <a:lnTo>
                    <a:pt x="1447" y="3131"/>
                  </a:lnTo>
                  <a:lnTo>
                    <a:pt x="1467" y="3132"/>
                  </a:lnTo>
                  <a:lnTo>
                    <a:pt x="1487" y="3133"/>
                  </a:lnTo>
                  <a:lnTo>
                    <a:pt x="1508" y="3134"/>
                  </a:lnTo>
                  <a:lnTo>
                    <a:pt x="1528" y="3134"/>
                  </a:lnTo>
                  <a:lnTo>
                    <a:pt x="1549" y="3135"/>
                  </a:lnTo>
                  <a:lnTo>
                    <a:pt x="1570" y="3135"/>
                  </a:lnTo>
                  <a:close/>
                  <a:moveTo>
                    <a:pt x="2935" y="786"/>
                  </a:moveTo>
                  <a:lnTo>
                    <a:pt x="1285" y="786"/>
                  </a:lnTo>
                  <a:lnTo>
                    <a:pt x="1268" y="787"/>
                  </a:lnTo>
                  <a:lnTo>
                    <a:pt x="1252" y="789"/>
                  </a:lnTo>
                  <a:lnTo>
                    <a:pt x="1237" y="793"/>
                  </a:lnTo>
                  <a:lnTo>
                    <a:pt x="1222" y="799"/>
                  </a:lnTo>
                  <a:lnTo>
                    <a:pt x="1207" y="805"/>
                  </a:lnTo>
                  <a:lnTo>
                    <a:pt x="1195" y="813"/>
                  </a:lnTo>
                  <a:lnTo>
                    <a:pt x="1181" y="824"/>
                  </a:lnTo>
                  <a:lnTo>
                    <a:pt x="1170" y="834"/>
                  </a:lnTo>
                  <a:lnTo>
                    <a:pt x="1159" y="846"/>
                  </a:lnTo>
                  <a:lnTo>
                    <a:pt x="1150" y="859"/>
                  </a:lnTo>
                  <a:lnTo>
                    <a:pt x="1142" y="873"/>
                  </a:lnTo>
                  <a:lnTo>
                    <a:pt x="1135" y="886"/>
                  </a:lnTo>
                  <a:lnTo>
                    <a:pt x="1131" y="901"/>
                  </a:lnTo>
                  <a:lnTo>
                    <a:pt x="1127" y="915"/>
                  </a:lnTo>
                  <a:lnTo>
                    <a:pt x="1125" y="931"/>
                  </a:lnTo>
                  <a:lnTo>
                    <a:pt x="1125" y="946"/>
                  </a:lnTo>
                  <a:lnTo>
                    <a:pt x="1125" y="2497"/>
                  </a:lnTo>
                  <a:lnTo>
                    <a:pt x="1124" y="2513"/>
                  </a:lnTo>
                  <a:lnTo>
                    <a:pt x="1122" y="2529"/>
                  </a:lnTo>
                  <a:lnTo>
                    <a:pt x="1117" y="2545"/>
                  </a:lnTo>
                  <a:lnTo>
                    <a:pt x="1112" y="2559"/>
                  </a:lnTo>
                  <a:lnTo>
                    <a:pt x="1105" y="2574"/>
                  </a:lnTo>
                  <a:lnTo>
                    <a:pt x="1096" y="2586"/>
                  </a:lnTo>
                  <a:lnTo>
                    <a:pt x="1087" y="2599"/>
                  </a:lnTo>
                  <a:lnTo>
                    <a:pt x="1075" y="2611"/>
                  </a:lnTo>
                  <a:lnTo>
                    <a:pt x="1063" y="2622"/>
                  </a:lnTo>
                  <a:lnTo>
                    <a:pt x="1050" y="2631"/>
                  </a:lnTo>
                  <a:lnTo>
                    <a:pt x="1037" y="2638"/>
                  </a:lnTo>
                  <a:lnTo>
                    <a:pt x="1023" y="2646"/>
                  </a:lnTo>
                  <a:lnTo>
                    <a:pt x="1008" y="2650"/>
                  </a:lnTo>
                  <a:lnTo>
                    <a:pt x="994" y="2654"/>
                  </a:lnTo>
                  <a:lnTo>
                    <a:pt x="979" y="2656"/>
                  </a:lnTo>
                  <a:lnTo>
                    <a:pt x="963" y="2656"/>
                  </a:lnTo>
                  <a:lnTo>
                    <a:pt x="437" y="2656"/>
                  </a:lnTo>
                  <a:lnTo>
                    <a:pt x="458" y="2678"/>
                  </a:lnTo>
                  <a:lnTo>
                    <a:pt x="479" y="2699"/>
                  </a:lnTo>
                  <a:lnTo>
                    <a:pt x="501" y="2719"/>
                  </a:lnTo>
                  <a:lnTo>
                    <a:pt x="523" y="2738"/>
                  </a:lnTo>
                  <a:lnTo>
                    <a:pt x="545" y="2758"/>
                  </a:lnTo>
                  <a:lnTo>
                    <a:pt x="568" y="2777"/>
                  </a:lnTo>
                  <a:lnTo>
                    <a:pt x="591" y="2796"/>
                  </a:lnTo>
                  <a:lnTo>
                    <a:pt x="614" y="2813"/>
                  </a:lnTo>
                  <a:lnTo>
                    <a:pt x="638" y="2831"/>
                  </a:lnTo>
                  <a:lnTo>
                    <a:pt x="662" y="2849"/>
                  </a:lnTo>
                  <a:lnTo>
                    <a:pt x="687" y="2865"/>
                  </a:lnTo>
                  <a:lnTo>
                    <a:pt x="711" y="2882"/>
                  </a:lnTo>
                  <a:lnTo>
                    <a:pt x="736" y="2898"/>
                  </a:lnTo>
                  <a:lnTo>
                    <a:pt x="762" y="2913"/>
                  </a:lnTo>
                  <a:lnTo>
                    <a:pt x="787" y="2929"/>
                  </a:lnTo>
                  <a:lnTo>
                    <a:pt x="814" y="2942"/>
                  </a:lnTo>
                  <a:lnTo>
                    <a:pt x="840" y="2957"/>
                  </a:lnTo>
                  <a:lnTo>
                    <a:pt x="867" y="2970"/>
                  </a:lnTo>
                  <a:lnTo>
                    <a:pt x="894" y="2984"/>
                  </a:lnTo>
                  <a:lnTo>
                    <a:pt x="922" y="2997"/>
                  </a:lnTo>
                  <a:lnTo>
                    <a:pt x="949" y="3008"/>
                  </a:lnTo>
                  <a:lnTo>
                    <a:pt x="977" y="3019"/>
                  </a:lnTo>
                  <a:lnTo>
                    <a:pt x="1004" y="3031"/>
                  </a:lnTo>
                  <a:lnTo>
                    <a:pt x="1034" y="3041"/>
                  </a:lnTo>
                  <a:lnTo>
                    <a:pt x="1062" y="3052"/>
                  </a:lnTo>
                  <a:lnTo>
                    <a:pt x="1090" y="3061"/>
                  </a:lnTo>
                  <a:lnTo>
                    <a:pt x="1119" y="3069"/>
                  </a:lnTo>
                  <a:lnTo>
                    <a:pt x="1149" y="3078"/>
                  </a:lnTo>
                  <a:lnTo>
                    <a:pt x="1179" y="3086"/>
                  </a:lnTo>
                  <a:lnTo>
                    <a:pt x="1208" y="3093"/>
                  </a:lnTo>
                  <a:lnTo>
                    <a:pt x="1239" y="3100"/>
                  </a:lnTo>
                  <a:lnTo>
                    <a:pt x="1269" y="3106"/>
                  </a:lnTo>
                  <a:lnTo>
                    <a:pt x="1269" y="1429"/>
                  </a:lnTo>
                  <a:lnTo>
                    <a:pt x="1269" y="1413"/>
                  </a:lnTo>
                  <a:lnTo>
                    <a:pt x="1271" y="1398"/>
                  </a:lnTo>
                  <a:lnTo>
                    <a:pt x="1275" y="1383"/>
                  </a:lnTo>
                  <a:lnTo>
                    <a:pt x="1281" y="1369"/>
                  </a:lnTo>
                  <a:lnTo>
                    <a:pt x="1287" y="1356"/>
                  </a:lnTo>
                  <a:lnTo>
                    <a:pt x="1295" y="1342"/>
                  </a:lnTo>
                  <a:lnTo>
                    <a:pt x="1306" y="1330"/>
                  </a:lnTo>
                  <a:lnTo>
                    <a:pt x="1317" y="1317"/>
                  </a:lnTo>
                  <a:lnTo>
                    <a:pt x="1329" y="1306"/>
                  </a:lnTo>
                  <a:lnTo>
                    <a:pt x="1342" y="1296"/>
                  </a:lnTo>
                  <a:lnTo>
                    <a:pt x="1355" y="1288"/>
                  </a:lnTo>
                  <a:lnTo>
                    <a:pt x="1370" y="1281"/>
                  </a:lnTo>
                  <a:lnTo>
                    <a:pt x="1383" y="1275"/>
                  </a:lnTo>
                  <a:lnTo>
                    <a:pt x="1399" y="1271"/>
                  </a:lnTo>
                  <a:lnTo>
                    <a:pt x="1414" y="1269"/>
                  </a:lnTo>
                  <a:lnTo>
                    <a:pt x="1429" y="1269"/>
                  </a:lnTo>
                  <a:lnTo>
                    <a:pt x="3116" y="1269"/>
                  </a:lnTo>
                  <a:lnTo>
                    <a:pt x="3110" y="1237"/>
                  </a:lnTo>
                  <a:lnTo>
                    <a:pt x="3103" y="1205"/>
                  </a:lnTo>
                  <a:lnTo>
                    <a:pt x="3094" y="1172"/>
                  </a:lnTo>
                  <a:lnTo>
                    <a:pt x="3086" y="1141"/>
                  </a:lnTo>
                  <a:lnTo>
                    <a:pt x="3077" y="1110"/>
                  </a:lnTo>
                  <a:lnTo>
                    <a:pt x="3067" y="1080"/>
                  </a:lnTo>
                  <a:lnTo>
                    <a:pt x="3057" y="1048"/>
                  </a:lnTo>
                  <a:lnTo>
                    <a:pt x="3045" y="1018"/>
                  </a:lnTo>
                  <a:lnTo>
                    <a:pt x="3034" y="988"/>
                  </a:lnTo>
                  <a:lnTo>
                    <a:pt x="3021" y="958"/>
                  </a:lnTo>
                  <a:lnTo>
                    <a:pt x="3008" y="929"/>
                  </a:lnTo>
                  <a:lnTo>
                    <a:pt x="2995" y="900"/>
                  </a:lnTo>
                  <a:lnTo>
                    <a:pt x="2980" y="871"/>
                  </a:lnTo>
                  <a:lnTo>
                    <a:pt x="2966" y="842"/>
                  </a:lnTo>
                  <a:lnTo>
                    <a:pt x="2951" y="814"/>
                  </a:lnTo>
                  <a:lnTo>
                    <a:pt x="2935" y="786"/>
                  </a:lnTo>
                  <a:close/>
                  <a:moveTo>
                    <a:pt x="1570" y="0"/>
                  </a:moveTo>
                  <a:lnTo>
                    <a:pt x="1519" y="1"/>
                  </a:lnTo>
                  <a:lnTo>
                    <a:pt x="1469" y="3"/>
                  </a:lnTo>
                  <a:lnTo>
                    <a:pt x="1420" y="7"/>
                  </a:lnTo>
                  <a:lnTo>
                    <a:pt x="1371" y="12"/>
                  </a:lnTo>
                  <a:lnTo>
                    <a:pt x="1323" y="19"/>
                  </a:lnTo>
                  <a:lnTo>
                    <a:pt x="1274" y="27"/>
                  </a:lnTo>
                  <a:lnTo>
                    <a:pt x="1227" y="37"/>
                  </a:lnTo>
                  <a:lnTo>
                    <a:pt x="1180" y="48"/>
                  </a:lnTo>
                  <a:lnTo>
                    <a:pt x="1134" y="60"/>
                  </a:lnTo>
                  <a:lnTo>
                    <a:pt x="1088" y="75"/>
                  </a:lnTo>
                  <a:lnTo>
                    <a:pt x="1043" y="90"/>
                  </a:lnTo>
                  <a:lnTo>
                    <a:pt x="999" y="106"/>
                  </a:lnTo>
                  <a:lnTo>
                    <a:pt x="955" y="124"/>
                  </a:lnTo>
                  <a:lnTo>
                    <a:pt x="911" y="143"/>
                  </a:lnTo>
                  <a:lnTo>
                    <a:pt x="869" y="163"/>
                  </a:lnTo>
                  <a:lnTo>
                    <a:pt x="827" y="184"/>
                  </a:lnTo>
                  <a:lnTo>
                    <a:pt x="827" y="1552"/>
                  </a:lnTo>
                  <a:lnTo>
                    <a:pt x="826" y="1569"/>
                  </a:lnTo>
                  <a:lnTo>
                    <a:pt x="824" y="1586"/>
                  </a:lnTo>
                  <a:lnTo>
                    <a:pt x="820" y="1601"/>
                  </a:lnTo>
                  <a:lnTo>
                    <a:pt x="815" y="1616"/>
                  </a:lnTo>
                  <a:lnTo>
                    <a:pt x="808" y="1629"/>
                  </a:lnTo>
                  <a:lnTo>
                    <a:pt x="800" y="1643"/>
                  </a:lnTo>
                  <a:lnTo>
                    <a:pt x="790" y="1655"/>
                  </a:lnTo>
                  <a:lnTo>
                    <a:pt x="779" y="1667"/>
                  </a:lnTo>
                  <a:lnTo>
                    <a:pt x="767" y="1677"/>
                  </a:lnTo>
                  <a:lnTo>
                    <a:pt x="754" y="1687"/>
                  </a:lnTo>
                  <a:lnTo>
                    <a:pt x="740" y="1695"/>
                  </a:lnTo>
                  <a:lnTo>
                    <a:pt x="727" y="1701"/>
                  </a:lnTo>
                  <a:lnTo>
                    <a:pt x="712" y="1706"/>
                  </a:lnTo>
                  <a:lnTo>
                    <a:pt x="697" y="1710"/>
                  </a:lnTo>
                  <a:lnTo>
                    <a:pt x="682" y="1712"/>
                  </a:lnTo>
                  <a:lnTo>
                    <a:pt x="666" y="1713"/>
                  </a:lnTo>
                  <a:lnTo>
                    <a:pt x="0" y="1713"/>
                  </a:lnTo>
                  <a:lnTo>
                    <a:pt x="3" y="1746"/>
                  </a:lnTo>
                  <a:lnTo>
                    <a:pt x="7" y="1778"/>
                  </a:lnTo>
                  <a:lnTo>
                    <a:pt x="13" y="1812"/>
                  </a:lnTo>
                  <a:lnTo>
                    <a:pt x="18" y="1844"/>
                  </a:lnTo>
                  <a:lnTo>
                    <a:pt x="24" y="1876"/>
                  </a:lnTo>
                  <a:lnTo>
                    <a:pt x="30" y="1908"/>
                  </a:lnTo>
                  <a:lnTo>
                    <a:pt x="38" y="1940"/>
                  </a:lnTo>
                  <a:lnTo>
                    <a:pt x="46" y="1971"/>
                  </a:lnTo>
                  <a:lnTo>
                    <a:pt x="56" y="2002"/>
                  </a:lnTo>
                  <a:lnTo>
                    <a:pt x="65" y="2033"/>
                  </a:lnTo>
                  <a:lnTo>
                    <a:pt x="74" y="2064"/>
                  </a:lnTo>
                  <a:lnTo>
                    <a:pt x="85" y="2095"/>
                  </a:lnTo>
                  <a:lnTo>
                    <a:pt x="96" y="2125"/>
                  </a:lnTo>
                  <a:lnTo>
                    <a:pt x="108" y="2154"/>
                  </a:lnTo>
                  <a:lnTo>
                    <a:pt x="120" y="2184"/>
                  </a:lnTo>
                  <a:lnTo>
                    <a:pt x="134" y="2214"/>
                  </a:lnTo>
                  <a:lnTo>
                    <a:pt x="812" y="2214"/>
                  </a:lnTo>
                  <a:lnTo>
                    <a:pt x="828" y="2213"/>
                  </a:lnTo>
                  <a:lnTo>
                    <a:pt x="844" y="2210"/>
                  </a:lnTo>
                  <a:lnTo>
                    <a:pt x="860" y="2206"/>
                  </a:lnTo>
                  <a:lnTo>
                    <a:pt x="874" y="2202"/>
                  </a:lnTo>
                  <a:lnTo>
                    <a:pt x="888" y="2195"/>
                  </a:lnTo>
                  <a:lnTo>
                    <a:pt x="902" y="2188"/>
                  </a:lnTo>
                  <a:lnTo>
                    <a:pt x="914" y="2178"/>
                  </a:lnTo>
                  <a:lnTo>
                    <a:pt x="926" y="2168"/>
                  </a:lnTo>
                  <a:lnTo>
                    <a:pt x="937" y="2155"/>
                  </a:lnTo>
                  <a:lnTo>
                    <a:pt x="947" y="2143"/>
                  </a:lnTo>
                  <a:lnTo>
                    <a:pt x="954" y="2129"/>
                  </a:lnTo>
                  <a:lnTo>
                    <a:pt x="960" y="2116"/>
                  </a:lnTo>
                  <a:lnTo>
                    <a:pt x="966" y="2101"/>
                  </a:lnTo>
                  <a:lnTo>
                    <a:pt x="970" y="2085"/>
                  </a:lnTo>
                  <a:lnTo>
                    <a:pt x="972" y="2070"/>
                  </a:lnTo>
                  <a:lnTo>
                    <a:pt x="972" y="2052"/>
                  </a:lnTo>
                  <a:lnTo>
                    <a:pt x="972" y="503"/>
                  </a:lnTo>
                  <a:lnTo>
                    <a:pt x="973" y="487"/>
                  </a:lnTo>
                  <a:lnTo>
                    <a:pt x="975" y="472"/>
                  </a:lnTo>
                  <a:lnTo>
                    <a:pt x="979" y="457"/>
                  </a:lnTo>
                  <a:lnTo>
                    <a:pt x="984" y="443"/>
                  </a:lnTo>
                  <a:lnTo>
                    <a:pt x="991" y="429"/>
                  </a:lnTo>
                  <a:lnTo>
                    <a:pt x="999" y="415"/>
                  </a:lnTo>
                  <a:lnTo>
                    <a:pt x="1009" y="403"/>
                  </a:lnTo>
                  <a:lnTo>
                    <a:pt x="1021" y="390"/>
                  </a:lnTo>
                  <a:lnTo>
                    <a:pt x="1033" y="380"/>
                  </a:lnTo>
                  <a:lnTo>
                    <a:pt x="1046" y="370"/>
                  </a:lnTo>
                  <a:lnTo>
                    <a:pt x="1059" y="361"/>
                  </a:lnTo>
                  <a:lnTo>
                    <a:pt x="1073" y="355"/>
                  </a:lnTo>
                  <a:lnTo>
                    <a:pt x="1087" y="350"/>
                  </a:lnTo>
                  <a:lnTo>
                    <a:pt x="1102" y="346"/>
                  </a:lnTo>
                  <a:lnTo>
                    <a:pt x="1117" y="344"/>
                  </a:lnTo>
                  <a:lnTo>
                    <a:pt x="1133" y="343"/>
                  </a:lnTo>
                  <a:lnTo>
                    <a:pt x="2552" y="343"/>
                  </a:lnTo>
                  <a:lnTo>
                    <a:pt x="2526" y="323"/>
                  </a:lnTo>
                  <a:lnTo>
                    <a:pt x="2501" y="304"/>
                  </a:lnTo>
                  <a:lnTo>
                    <a:pt x="2473" y="285"/>
                  </a:lnTo>
                  <a:lnTo>
                    <a:pt x="2447" y="267"/>
                  </a:lnTo>
                  <a:lnTo>
                    <a:pt x="2420" y="249"/>
                  </a:lnTo>
                  <a:lnTo>
                    <a:pt x="2393" y="232"/>
                  </a:lnTo>
                  <a:lnTo>
                    <a:pt x="2365" y="216"/>
                  </a:lnTo>
                  <a:lnTo>
                    <a:pt x="2336" y="199"/>
                  </a:lnTo>
                  <a:lnTo>
                    <a:pt x="2308" y="183"/>
                  </a:lnTo>
                  <a:lnTo>
                    <a:pt x="2279" y="169"/>
                  </a:lnTo>
                  <a:lnTo>
                    <a:pt x="2249" y="154"/>
                  </a:lnTo>
                  <a:lnTo>
                    <a:pt x="2220" y="141"/>
                  </a:lnTo>
                  <a:lnTo>
                    <a:pt x="2191" y="127"/>
                  </a:lnTo>
                  <a:lnTo>
                    <a:pt x="2160" y="115"/>
                  </a:lnTo>
                  <a:lnTo>
                    <a:pt x="2130" y="103"/>
                  </a:lnTo>
                  <a:lnTo>
                    <a:pt x="2099" y="92"/>
                  </a:lnTo>
                  <a:lnTo>
                    <a:pt x="2067" y="80"/>
                  </a:lnTo>
                  <a:lnTo>
                    <a:pt x="2036" y="71"/>
                  </a:lnTo>
                  <a:lnTo>
                    <a:pt x="2004" y="61"/>
                  </a:lnTo>
                  <a:lnTo>
                    <a:pt x="1972" y="52"/>
                  </a:lnTo>
                  <a:lnTo>
                    <a:pt x="1940" y="44"/>
                  </a:lnTo>
                  <a:lnTo>
                    <a:pt x="1908" y="36"/>
                  </a:lnTo>
                  <a:lnTo>
                    <a:pt x="1874" y="30"/>
                  </a:lnTo>
                  <a:lnTo>
                    <a:pt x="1842" y="24"/>
                  </a:lnTo>
                  <a:lnTo>
                    <a:pt x="1808" y="18"/>
                  </a:lnTo>
                  <a:lnTo>
                    <a:pt x="1775" y="14"/>
                  </a:lnTo>
                  <a:lnTo>
                    <a:pt x="1741" y="9"/>
                  </a:lnTo>
                  <a:lnTo>
                    <a:pt x="1707" y="6"/>
                  </a:lnTo>
                  <a:lnTo>
                    <a:pt x="1673" y="3"/>
                  </a:lnTo>
                  <a:lnTo>
                    <a:pt x="1639" y="2"/>
                  </a:lnTo>
                  <a:lnTo>
                    <a:pt x="1604" y="0"/>
                  </a:lnTo>
                  <a:lnTo>
                    <a:pt x="1570" y="0"/>
                  </a:lnTo>
                  <a:close/>
                </a:path>
              </a:pathLst>
            </a:custGeom>
            <a:solidFill>
              <a:srgbClr val="D82A34"/>
            </a:solidFill>
            <a:ln w="9525">
              <a:noFill/>
              <a:round/>
              <a:headEnd/>
              <a:tailEnd/>
            </a:ln>
          </p:spPr>
          <p:txBody>
            <a:bodyPr/>
            <a:lstStyle/>
            <a:p>
              <a:pPr>
                <a:defRPr/>
              </a:pPr>
              <a:endParaRPr lang="en-US"/>
            </a:p>
          </p:txBody>
        </p:sp>
      </p:grpSp>
      <p:sp>
        <p:nvSpPr>
          <p:cNvPr id="18" name="Freeform 20" hidden="1"/>
          <p:cNvSpPr>
            <a:spLocks noChangeAspect="1" noEditPoints="1"/>
          </p:cNvSpPr>
          <p:nvPr>
            <p:custDataLst>
              <p:tags r:id="rId11"/>
            </p:custDataLst>
          </p:nvPr>
        </p:nvSpPr>
        <p:spPr bwMode="gray">
          <a:xfrm>
            <a:off x="-1746250" y="3632200"/>
            <a:ext cx="1517650" cy="365125"/>
          </a:xfrm>
          <a:custGeom>
            <a:avLst/>
            <a:gdLst/>
            <a:ahLst/>
            <a:cxnLst>
              <a:cxn ang="0">
                <a:pos x="8763" y="3704"/>
              </a:cxn>
              <a:cxn ang="0">
                <a:pos x="6904" y="4020"/>
              </a:cxn>
              <a:cxn ang="0">
                <a:pos x="6998" y="4015"/>
              </a:cxn>
              <a:cxn ang="0">
                <a:pos x="6499" y="3879"/>
              </a:cxn>
              <a:cxn ang="0">
                <a:pos x="5458" y="3879"/>
              </a:cxn>
              <a:cxn ang="0">
                <a:pos x="17347" y="2205"/>
              </a:cxn>
              <a:cxn ang="0">
                <a:pos x="16928" y="1736"/>
              </a:cxn>
              <a:cxn ang="0">
                <a:pos x="12727" y="1866"/>
              </a:cxn>
              <a:cxn ang="0">
                <a:pos x="9651" y="1806"/>
              </a:cxn>
              <a:cxn ang="0">
                <a:pos x="9352" y="1720"/>
              </a:cxn>
              <a:cxn ang="0">
                <a:pos x="8866" y="2310"/>
              </a:cxn>
              <a:cxn ang="0">
                <a:pos x="7913" y="1549"/>
              </a:cxn>
              <a:cxn ang="0">
                <a:pos x="8020" y="2356"/>
              </a:cxn>
              <a:cxn ang="0">
                <a:pos x="7832" y="2501"/>
              </a:cxn>
              <a:cxn ang="0">
                <a:pos x="6513" y="2077"/>
              </a:cxn>
              <a:cxn ang="0">
                <a:pos x="6047" y="1851"/>
              </a:cxn>
              <a:cxn ang="0">
                <a:pos x="1833" y="1311"/>
              </a:cxn>
              <a:cxn ang="0">
                <a:pos x="9115" y="3644"/>
              </a:cxn>
              <a:cxn ang="0">
                <a:pos x="9286" y="3708"/>
              </a:cxn>
              <a:cxn ang="0">
                <a:pos x="8897" y="3658"/>
              </a:cxn>
              <a:cxn ang="0">
                <a:pos x="8902" y="4095"/>
              </a:cxn>
              <a:cxn ang="0">
                <a:pos x="8378" y="3647"/>
              </a:cxn>
              <a:cxn ang="0">
                <a:pos x="8063" y="3718"/>
              </a:cxn>
              <a:cxn ang="0">
                <a:pos x="7659" y="3725"/>
              </a:cxn>
              <a:cxn ang="0">
                <a:pos x="7459" y="4100"/>
              </a:cxn>
              <a:cxn ang="0">
                <a:pos x="6742" y="3956"/>
              </a:cxn>
              <a:cxn ang="0">
                <a:pos x="6797" y="4192"/>
              </a:cxn>
              <a:cxn ang="0">
                <a:pos x="6523" y="3778"/>
              </a:cxn>
              <a:cxn ang="0">
                <a:pos x="6533" y="4036"/>
              </a:cxn>
              <a:cxn ang="0">
                <a:pos x="6013" y="3647"/>
              </a:cxn>
              <a:cxn ang="0">
                <a:pos x="5325" y="3704"/>
              </a:cxn>
              <a:cxn ang="0">
                <a:pos x="5288" y="4100"/>
              </a:cxn>
              <a:cxn ang="0">
                <a:pos x="4952" y="3561"/>
              </a:cxn>
              <a:cxn ang="0">
                <a:pos x="3784" y="3644"/>
              </a:cxn>
              <a:cxn ang="0">
                <a:pos x="3379" y="3638"/>
              </a:cxn>
              <a:cxn ang="0">
                <a:pos x="2949" y="4037"/>
              </a:cxn>
              <a:cxn ang="0">
                <a:pos x="3007" y="3633"/>
              </a:cxn>
              <a:cxn ang="0">
                <a:pos x="3103" y="4051"/>
              </a:cxn>
              <a:cxn ang="0">
                <a:pos x="2547" y="3864"/>
              </a:cxn>
              <a:cxn ang="0">
                <a:pos x="2586" y="3778"/>
              </a:cxn>
              <a:cxn ang="0">
                <a:pos x="1825" y="4095"/>
              </a:cxn>
              <a:cxn ang="0">
                <a:pos x="16702" y="2052"/>
              </a:cxn>
              <a:cxn ang="0">
                <a:pos x="17387" y="2493"/>
              </a:cxn>
              <a:cxn ang="0">
                <a:pos x="17591" y="2373"/>
              </a:cxn>
              <a:cxn ang="0">
                <a:pos x="15813" y="1867"/>
              </a:cxn>
              <a:cxn ang="0">
                <a:pos x="16499" y="2350"/>
              </a:cxn>
              <a:cxn ang="0">
                <a:pos x="14267" y="1822"/>
              </a:cxn>
              <a:cxn ang="0">
                <a:pos x="13879" y="1610"/>
              </a:cxn>
              <a:cxn ang="0">
                <a:pos x="14931" y="1624"/>
              </a:cxn>
              <a:cxn ang="0">
                <a:pos x="12944" y="1575"/>
              </a:cxn>
              <a:cxn ang="0">
                <a:pos x="12916" y="2356"/>
              </a:cxn>
              <a:cxn ang="0">
                <a:pos x="12733" y="2000"/>
              </a:cxn>
              <a:cxn ang="0">
                <a:pos x="7394" y="1538"/>
              </a:cxn>
              <a:cxn ang="0">
                <a:pos x="2278" y="1968"/>
              </a:cxn>
              <a:cxn ang="0">
                <a:pos x="2474" y="2248"/>
              </a:cxn>
              <a:cxn ang="0">
                <a:pos x="9046" y="2042"/>
              </a:cxn>
              <a:cxn ang="0">
                <a:pos x="8014" y="1721"/>
              </a:cxn>
              <a:cxn ang="0">
                <a:pos x="8124" y="2187"/>
              </a:cxn>
              <a:cxn ang="0">
                <a:pos x="5801" y="1759"/>
              </a:cxn>
              <a:cxn ang="0">
                <a:pos x="6676" y="2253"/>
              </a:cxn>
              <a:cxn ang="0">
                <a:pos x="10152" y="1765"/>
              </a:cxn>
              <a:cxn ang="0">
                <a:pos x="10674" y="1608"/>
              </a:cxn>
              <a:cxn ang="0">
                <a:pos x="3876" y="1531"/>
              </a:cxn>
            </a:cxnLst>
            <a:rect l="0" t="0" r="r" b="b"/>
            <a:pathLst>
              <a:path w="17600" h="4290">
                <a:moveTo>
                  <a:pt x="3587" y="1637"/>
                </a:moveTo>
                <a:lnTo>
                  <a:pt x="3587" y="1650"/>
                </a:lnTo>
                <a:lnTo>
                  <a:pt x="3585" y="1664"/>
                </a:lnTo>
                <a:lnTo>
                  <a:pt x="3583" y="1678"/>
                </a:lnTo>
                <a:lnTo>
                  <a:pt x="3578" y="1692"/>
                </a:lnTo>
                <a:lnTo>
                  <a:pt x="3573" y="1706"/>
                </a:lnTo>
                <a:lnTo>
                  <a:pt x="3565" y="1721"/>
                </a:lnTo>
                <a:lnTo>
                  <a:pt x="3556" y="1734"/>
                </a:lnTo>
                <a:lnTo>
                  <a:pt x="3545" y="1747"/>
                </a:lnTo>
                <a:lnTo>
                  <a:pt x="3532" y="1759"/>
                </a:lnTo>
                <a:lnTo>
                  <a:pt x="3517" y="1771"/>
                </a:lnTo>
                <a:lnTo>
                  <a:pt x="3508" y="1777"/>
                </a:lnTo>
                <a:lnTo>
                  <a:pt x="3499" y="1781"/>
                </a:lnTo>
                <a:lnTo>
                  <a:pt x="3489" y="1785"/>
                </a:lnTo>
                <a:lnTo>
                  <a:pt x="3478" y="1790"/>
                </a:lnTo>
                <a:lnTo>
                  <a:pt x="3467" y="1793"/>
                </a:lnTo>
                <a:lnTo>
                  <a:pt x="3455" y="1796"/>
                </a:lnTo>
                <a:lnTo>
                  <a:pt x="3443" y="1800"/>
                </a:lnTo>
                <a:lnTo>
                  <a:pt x="3429" y="1802"/>
                </a:lnTo>
                <a:lnTo>
                  <a:pt x="3414" y="1804"/>
                </a:lnTo>
                <a:lnTo>
                  <a:pt x="3400" y="1805"/>
                </a:lnTo>
                <a:lnTo>
                  <a:pt x="3384" y="1806"/>
                </a:lnTo>
                <a:lnTo>
                  <a:pt x="3367" y="1806"/>
                </a:lnTo>
                <a:lnTo>
                  <a:pt x="3148" y="1806"/>
                </a:lnTo>
                <a:lnTo>
                  <a:pt x="3148" y="1483"/>
                </a:lnTo>
                <a:lnTo>
                  <a:pt x="3367" y="1483"/>
                </a:lnTo>
                <a:lnTo>
                  <a:pt x="3400" y="1485"/>
                </a:lnTo>
                <a:lnTo>
                  <a:pt x="3429" y="1487"/>
                </a:lnTo>
                <a:lnTo>
                  <a:pt x="3455" y="1492"/>
                </a:lnTo>
                <a:lnTo>
                  <a:pt x="3478" y="1498"/>
                </a:lnTo>
                <a:lnTo>
                  <a:pt x="3499" y="1505"/>
                </a:lnTo>
                <a:lnTo>
                  <a:pt x="3517" y="1514"/>
                </a:lnTo>
                <a:lnTo>
                  <a:pt x="3532" y="1524"/>
                </a:lnTo>
                <a:lnTo>
                  <a:pt x="3545" y="1535"/>
                </a:lnTo>
                <a:lnTo>
                  <a:pt x="3556" y="1546"/>
                </a:lnTo>
                <a:lnTo>
                  <a:pt x="3565" y="1558"/>
                </a:lnTo>
                <a:lnTo>
                  <a:pt x="3573" y="1571"/>
                </a:lnTo>
                <a:lnTo>
                  <a:pt x="3578" y="1584"/>
                </a:lnTo>
                <a:lnTo>
                  <a:pt x="3583" y="1598"/>
                </a:lnTo>
                <a:lnTo>
                  <a:pt x="3585" y="1611"/>
                </a:lnTo>
                <a:lnTo>
                  <a:pt x="3587" y="1624"/>
                </a:lnTo>
                <a:lnTo>
                  <a:pt x="3587" y="1637"/>
                </a:lnTo>
                <a:close/>
                <a:moveTo>
                  <a:pt x="8670" y="3826"/>
                </a:moveTo>
                <a:lnTo>
                  <a:pt x="8671" y="3815"/>
                </a:lnTo>
                <a:lnTo>
                  <a:pt x="8674" y="3804"/>
                </a:lnTo>
                <a:lnTo>
                  <a:pt x="8676" y="3793"/>
                </a:lnTo>
                <a:lnTo>
                  <a:pt x="8680" y="3782"/>
                </a:lnTo>
                <a:lnTo>
                  <a:pt x="8685" y="3771"/>
                </a:lnTo>
                <a:lnTo>
                  <a:pt x="8689" y="3761"/>
                </a:lnTo>
                <a:lnTo>
                  <a:pt x="8696" y="3751"/>
                </a:lnTo>
                <a:lnTo>
                  <a:pt x="8702" y="3741"/>
                </a:lnTo>
                <a:lnTo>
                  <a:pt x="8710" y="3732"/>
                </a:lnTo>
                <a:lnTo>
                  <a:pt x="8719" y="3725"/>
                </a:lnTo>
                <a:lnTo>
                  <a:pt x="8727" y="3718"/>
                </a:lnTo>
                <a:lnTo>
                  <a:pt x="8738" y="3712"/>
                </a:lnTo>
                <a:lnTo>
                  <a:pt x="8751" y="3707"/>
                </a:lnTo>
                <a:lnTo>
                  <a:pt x="8763" y="3704"/>
                </a:lnTo>
                <a:lnTo>
                  <a:pt x="8776" y="3701"/>
                </a:lnTo>
                <a:lnTo>
                  <a:pt x="8791" y="3700"/>
                </a:lnTo>
                <a:lnTo>
                  <a:pt x="8804" y="3701"/>
                </a:lnTo>
                <a:lnTo>
                  <a:pt x="8817" y="3703"/>
                </a:lnTo>
                <a:lnTo>
                  <a:pt x="8828" y="3706"/>
                </a:lnTo>
                <a:lnTo>
                  <a:pt x="8839" y="3710"/>
                </a:lnTo>
                <a:lnTo>
                  <a:pt x="8848" y="3716"/>
                </a:lnTo>
                <a:lnTo>
                  <a:pt x="8858" y="3722"/>
                </a:lnTo>
                <a:lnTo>
                  <a:pt x="8866" y="3729"/>
                </a:lnTo>
                <a:lnTo>
                  <a:pt x="8874" y="3738"/>
                </a:lnTo>
                <a:lnTo>
                  <a:pt x="8880" y="3746"/>
                </a:lnTo>
                <a:lnTo>
                  <a:pt x="8887" y="3756"/>
                </a:lnTo>
                <a:lnTo>
                  <a:pt x="8891" y="3766"/>
                </a:lnTo>
                <a:lnTo>
                  <a:pt x="8896" y="3777"/>
                </a:lnTo>
                <a:lnTo>
                  <a:pt x="8899" y="3788"/>
                </a:lnTo>
                <a:lnTo>
                  <a:pt x="8901" y="3800"/>
                </a:lnTo>
                <a:lnTo>
                  <a:pt x="8902" y="3813"/>
                </a:lnTo>
                <a:lnTo>
                  <a:pt x="8903" y="3826"/>
                </a:lnTo>
                <a:lnTo>
                  <a:pt x="8670" y="3826"/>
                </a:lnTo>
                <a:close/>
                <a:moveTo>
                  <a:pt x="7370" y="3826"/>
                </a:moveTo>
                <a:lnTo>
                  <a:pt x="7371" y="3815"/>
                </a:lnTo>
                <a:lnTo>
                  <a:pt x="7373" y="3804"/>
                </a:lnTo>
                <a:lnTo>
                  <a:pt x="7377" y="3793"/>
                </a:lnTo>
                <a:lnTo>
                  <a:pt x="7380" y="3782"/>
                </a:lnTo>
                <a:lnTo>
                  <a:pt x="7384" y="3771"/>
                </a:lnTo>
                <a:lnTo>
                  <a:pt x="7390" y="3761"/>
                </a:lnTo>
                <a:lnTo>
                  <a:pt x="7395" y="3751"/>
                </a:lnTo>
                <a:lnTo>
                  <a:pt x="7403" y="3741"/>
                </a:lnTo>
                <a:lnTo>
                  <a:pt x="7410" y="3732"/>
                </a:lnTo>
                <a:lnTo>
                  <a:pt x="7418" y="3725"/>
                </a:lnTo>
                <a:lnTo>
                  <a:pt x="7428" y="3718"/>
                </a:lnTo>
                <a:lnTo>
                  <a:pt x="7439" y="3712"/>
                </a:lnTo>
                <a:lnTo>
                  <a:pt x="7450" y="3707"/>
                </a:lnTo>
                <a:lnTo>
                  <a:pt x="7462" y="3704"/>
                </a:lnTo>
                <a:lnTo>
                  <a:pt x="7477" y="3701"/>
                </a:lnTo>
                <a:lnTo>
                  <a:pt x="7491" y="3700"/>
                </a:lnTo>
                <a:lnTo>
                  <a:pt x="7504" y="3701"/>
                </a:lnTo>
                <a:lnTo>
                  <a:pt x="7516" y="3703"/>
                </a:lnTo>
                <a:lnTo>
                  <a:pt x="7528" y="3706"/>
                </a:lnTo>
                <a:lnTo>
                  <a:pt x="7539" y="3710"/>
                </a:lnTo>
                <a:lnTo>
                  <a:pt x="7549" y="3716"/>
                </a:lnTo>
                <a:lnTo>
                  <a:pt x="7558" y="3722"/>
                </a:lnTo>
                <a:lnTo>
                  <a:pt x="7567" y="3729"/>
                </a:lnTo>
                <a:lnTo>
                  <a:pt x="7575" y="3738"/>
                </a:lnTo>
                <a:lnTo>
                  <a:pt x="7581" y="3746"/>
                </a:lnTo>
                <a:lnTo>
                  <a:pt x="7587" y="3756"/>
                </a:lnTo>
                <a:lnTo>
                  <a:pt x="7592" y="3766"/>
                </a:lnTo>
                <a:lnTo>
                  <a:pt x="7597" y="3777"/>
                </a:lnTo>
                <a:lnTo>
                  <a:pt x="7599" y="3788"/>
                </a:lnTo>
                <a:lnTo>
                  <a:pt x="7602" y="3800"/>
                </a:lnTo>
                <a:lnTo>
                  <a:pt x="7603" y="3813"/>
                </a:lnTo>
                <a:lnTo>
                  <a:pt x="7603" y="3826"/>
                </a:lnTo>
                <a:lnTo>
                  <a:pt x="7370" y="3826"/>
                </a:lnTo>
                <a:close/>
                <a:moveTo>
                  <a:pt x="6944" y="4026"/>
                </a:moveTo>
                <a:lnTo>
                  <a:pt x="6930" y="4026"/>
                </a:lnTo>
                <a:lnTo>
                  <a:pt x="6917" y="4023"/>
                </a:lnTo>
                <a:lnTo>
                  <a:pt x="6904" y="4020"/>
                </a:lnTo>
                <a:lnTo>
                  <a:pt x="6892" y="4014"/>
                </a:lnTo>
                <a:lnTo>
                  <a:pt x="6881" y="4007"/>
                </a:lnTo>
                <a:lnTo>
                  <a:pt x="6871" y="3999"/>
                </a:lnTo>
                <a:lnTo>
                  <a:pt x="6861" y="3990"/>
                </a:lnTo>
                <a:lnTo>
                  <a:pt x="6852" y="3979"/>
                </a:lnTo>
                <a:lnTo>
                  <a:pt x="6844" y="3968"/>
                </a:lnTo>
                <a:lnTo>
                  <a:pt x="6838" y="3956"/>
                </a:lnTo>
                <a:lnTo>
                  <a:pt x="6832" y="3943"/>
                </a:lnTo>
                <a:lnTo>
                  <a:pt x="6828" y="3929"/>
                </a:lnTo>
                <a:lnTo>
                  <a:pt x="6823" y="3914"/>
                </a:lnTo>
                <a:lnTo>
                  <a:pt x="6821" y="3899"/>
                </a:lnTo>
                <a:lnTo>
                  <a:pt x="6819" y="3884"/>
                </a:lnTo>
                <a:lnTo>
                  <a:pt x="6819" y="3868"/>
                </a:lnTo>
                <a:lnTo>
                  <a:pt x="6819" y="3854"/>
                </a:lnTo>
                <a:lnTo>
                  <a:pt x="6821" y="3839"/>
                </a:lnTo>
                <a:lnTo>
                  <a:pt x="6823" y="3824"/>
                </a:lnTo>
                <a:lnTo>
                  <a:pt x="6827" y="3809"/>
                </a:lnTo>
                <a:lnTo>
                  <a:pt x="6831" y="3795"/>
                </a:lnTo>
                <a:lnTo>
                  <a:pt x="6837" y="3782"/>
                </a:lnTo>
                <a:lnTo>
                  <a:pt x="6843" y="3768"/>
                </a:lnTo>
                <a:lnTo>
                  <a:pt x="6850" y="3755"/>
                </a:lnTo>
                <a:lnTo>
                  <a:pt x="6859" y="3744"/>
                </a:lnTo>
                <a:lnTo>
                  <a:pt x="6867" y="3733"/>
                </a:lnTo>
                <a:lnTo>
                  <a:pt x="6878" y="3725"/>
                </a:lnTo>
                <a:lnTo>
                  <a:pt x="6889" y="3716"/>
                </a:lnTo>
                <a:lnTo>
                  <a:pt x="6901" y="3709"/>
                </a:lnTo>
                <a:lnTo>
                  <a:pt x="6915" y="3705"/>
                </a:lnTo>
                <a:lnTo>
                  <a:pt x="6929" y="3701"/>
                </a:lnTo>
                <a:lnTo>
                  <a:pt x="6944" y="3700"/>
                </a:lnTo>
                <a:lnTo>
                  <a:pt x="6961" y="3701"/>
                </a:lnTo>
                <a:lnTo>
                  <a:pt x="6975" y="3704"/>
                </a:lnTo>
                <a:lnTo>
                  <a:pt x="6989" y="3708"/>
                </a:lnTo>
                <a:lnTo>
                  <a:pt x="7003" y="3715"/>
                </a:lnTo>
                <a:lnTo>
                  <a:pt x="7014" y="3722"/>
                </a:lnTo>
                <a:lnTo>
                  <a:pt x="7025" y="3731"/>
                </a:lnTo>
                <a:lnTo>
                  <a:pt x="7035" y="3741"/>
                </a:lnTo>
                <a:lnTo>
                  <a:pt x="7043" y="3752"/>
                </a:lnTo>
                <a:lnTo>
                  <a:pt x="7051" y="3765"/>
                </a:lnTo>
                <a:lnTo>
                  <a:pt x="7058" y="3778"/>
                </a:lnTo>
                <a:lnTo>
                  <a:pt x="7063" y="3793"/>
                </a:lnTo>
                <a:lnTo>
                  <a:pt x="7068" y="3808"/>
                </a:lnTo>
                <a:lnTo>
                  <a:pt x="7072" y="3823"/>
                </a:lnTo>
                <a:lnTo>
                  <a:pt x="7074" y="3840"/>
                </a:lnTo>
                <a:lnTo>
                  <a:pt x="7075" y="3857"/>
                </a:lnTo>
                <a:lnTo>
                  <a:pt x="7076" y="3874"/>
                </a:lnTo>
                <a:lnTo>
                  <a:pt x="7075" y="3890"/>
                </a:lnTo>
                <a:lnTo>
                  <a:pt x="7074" y="3905"/>
                </a:lnTo>
                <a:lnTo>
                  <a:pt x="7071" y="3920"/>
                </a:lnTo>
                <a:lnTo>
                  <a:pt x="7066" y="3933"/>
                </a:lnTo>
                <a:lnTo>
                  <a:pt x="7061" y="3947"/>
                </a:lnTo>
                <a:lnTo>
                  <a:pt x="7055" y="3959"/>
                </a:lnTo>
                <a:lnTo>
                  <a:pt x="7048" y="3972"/>
                </a:lnTo>
                <a:lnTo>
                  <a:pt x="7040" y="3983"/>
                </a:lnTo>
                <a:lnTo>
                  <a:pt x="7030" y="3992"/>
                </a:lnTo>
                <a:lnTo>
                  <a:pt x="7020" y="4001"/>
                </a:lnTo>
                <a:lnTo>
                  <a:pt x="7009" y="4009"/>
                </a:lnTo>
                <a:lnTo>
                  <a:pt x="6998" y="4015"/>
                </a:lnTo>
                <a:lnTo>
                  <a:pt x="6985" y="4020"/>
                </a:lnTo>
                <a:lnTo>
                  <a:pt x="6973" y="4024"/>
                </a:lnTo>
                <a:lnTo>
                  <a:pt x="6959" y="4026"/>
                </a:lnTo>
                <a:lnTo>
                  <a:pt x="6944" y="4026"/>
                </a:lnTo>
                <a:close/>
                <a:moveTo>
                  <a:pt x="6526" y="3919"/>
                </a:moveTo>
                <a:lnTo>
                  <a:pt x="6525" y="3932"/>
                </a:lnTo>
                <a:lnTo>
                  <a:pt x="6524" y="3944"/>
                </a:lnTo>
                <a:lnTo>
                  <a:pt x="6521" y="3955"/>
                </a:lnTo>
                <a:lnTo>
                  <a:pt x="6518" y="3966"/>
                </a:lnTo>
                <a:lnTo>
                  <a:pt x="6513" y="3976"/>
                </a:lnTo>
                <a:lnTo>
                  <a:pt x="6508" y="3986"/>
                </a:lnTo>
                <a:lnTo>
                  <a:pt x="6501" y="3996"/>
                </a:lnTo>
                <a:lnTo>
                  <a:pt x="6494" y="4003"/>
                </a:lnTo>
                <a:lnTo>
                  <a:pt x="6486" y="4011"/>
                </a:lnTo>
                <a:lnTo>
                  <a:pt x="6476" y="4018"/>
                </a:lnTo>
                <a:lnTo>
                  <a:pt x="6466" y="4023"/>
                </a:lnTo>
                <a:lnTo>
                  <a:pt x="6455" y="4029"/>
                </a:lnTo>
                <a:lnTo>
                  <a:pt x="6443" y="4032"/>
                </a:lnTo>
                <a:lnTo>
                  <a:pt x="6430" y="4035"/>
                </a:lnTo>
                <a:lnTo>
                  <a:pt x="6415" y="4037"/>
                </a:lnTo>
                <a:lnTo>
                  <a:pt x="6400" y="4037"/>
                </a:lnTo>
                <a:lnTo>
                  <a:pt x="6393" y="4037"/>
                </a:lnTo>
                <a:lnTo>
                  <a:pt x="6386" y="4036"/>
                </a:lnTo>
                <a:lnTo>
                  <a:pt x="6378" y="4035"/>
                </a:lnTo>
                <a:lnTo>
                  <a:pt x="6371" y="4033"/>
                </a:lnTo>
                <a:lnTo>
                  <a:pt x="6364" y="4030"/>
                </a:lnTo>
                <a:lnTo>
                  <a:pt x="6357" y="4026"/>
                </a:lnTo>
                <a:lnTo>
                  <a:pt x="6350" y="4023"/>
                </a:lnTo>
                <a:lnTo>
                  <a:pt x="6344" y="4019"/>
                </a:lnTo>
                <a:lnTo>
                  <a:pt x="6338" y="4014"/>
                </a:lnTo>
                <a:lnTo>
                  <a:pt x="6333" y="4009"/>
                </a:lnTo>
                <a:lnTo>
                  <a:pt x="6328" y="4002"/>
                </a:lnTo>
                <a:lnTo>
                  <a:pt x="6324" y="3996"/>
                </a:lnTo>
                <a:lnTo>
                  <a:pt x="6321" y="3989"/>
                </a:lnTo>
                <a:lnTo>
                  <a:pt x="6318" y="3981"/>
                </a:lnTo>
                <a:lnTo>
                  <a:pt x="6316" y="3973"/>
                </a:lnTo>
                <a:lnTo>
                  <a:pt x="6316" y="3964"/>
                </a:lnTo>
                <a:lnTo>
                  <a:pt x="6316" y="3957"/>
                </a:lnTo>
                <a:lnTo>
                  <a:pt x="6317" y="3951"/>
                </a:lnTo>
                <a:lnTo>
                  <a:pt x="6318" y="3944"/>
                </a:lnTo>
                <a:lnTo>
                  <a:pt x="6321" y="3938"/>
                </a:lnTo>
                <a:lnTo>
                  <a:pt x="6324" y="3932"/>
                </a:lnTo>
                <a:lnTo>
                  <a:pt x="6327" y="3927"/>
                </a:lnTo>
                <a:lnTo>
                  <a:pt x="6331" y="3922"/>
                </a:lnTo>
                <a:lnTo>
                  <a:pt x="6334" y="3918"/>
                </a:lnTo>
                <a:lnTo>
                  <a:pt x="6344" y="3909"/>
                </a:lnTo>
                <a:lnTo>
                  <a:pt x="6354" y="3902"/>
                </a:lnTo>
                <a:lnTo>
                  <a:pt x="6366" y="3896"/>
                </a:lnTo>
                <a:lnTo>
                  <a:pt x="6378" y="3891"/>
                </a:lnTo>
                <a:lnTo>
                  <a:pt x="6390" y="3887"/>
                </a:lnTo>
                <a:lnTo>
                  <a:pt x="6403" y="3885"/>
                </a:lnTo>
                <a:lnTo>
                  <a:pt x="6416" y="3882"/>
                </a:lnTo>
                <a:lnTo>
                  <a:pt x="6430" y="3880"/>
                </a:lnTo>
                <a:lnTo>
                  <a:pt x="6453" y="3878"/>
                </a:lnTo>
                <a:lnTo>
                  <a:pt x="6472" y="3878"/>
                </a:lnTo>
                <a:lnTo>
                  <a:pt x="6486" y="3878"/>
                </a:lnTo>
                <a:lnTo>
                  <a:pt x="6499" y="3879"/>
                </a:lnTo>
                <a:lnTo>
                  <a:pt x="6512" y="3879"/>
                </a:lnTo>
                <a:lnTo>
                  <a:pt x="6526" y="3879"/>
                </a:lnTo>
                <a:lnTo>
                  <a:pt x="6526" y="3919"/>
                </a:lnTo>
                <a:close/>
                <a:moveTo>
                  <a:pt x="5471" y="3919"/>
                </a:moveTo>
                <a:lnTo>
                  <a:pt x="5471" y="3932"/>
                </a:lnTo>
                <a:lnTo>
                  <a:pt x="5470" y="3944"/>
                </a:lnTo>
                <a:lnTo>
                  <a:pt x="5467" y="3955"/>
                </a:lnTo>
                <a:lnTo>
                  <a:pt x="5464" y="3966"/>
                </a:lnTo>
                <a:lnTo>
                  <a:pt x="5459" y="3976"/>
                </a:lnTo>
                <a:lnTo>
                  <a:pt x="5454" y="3986"/>
                </a:lnTo>
                <a:lnTo>
                  <a:pt x="5447" y="3996"/>
                </a:lnTo>
                <a:lnTo>
                  <a:pt x="5440" y="4003"/>
                </a:lnTo>
                <a:lnTo>
                  <a:pt x="5432" y="4011"/>
                </a:lnTo>
                <a:lnTo>
                  <a:pt x="5422" y="4018"/>
                </a:lnTo>
                <a:lnTo>
                  <a:pt x="5412" y="4023"/>
                </a:lnTo>
                <a:lnTo>
                  <a:pt x="5401" y="4029"/>
                </a:lnTo>
                <a:lnTo>
                  <a:pt x="5389" y="4032"/>
                </a:lnTo>
                <a:lnTo>
                  <a:pt x="5376" y="4035"/>
                </a:lnTo>
                <a:lnTo>
                  <a:pt x="5361" y="4037"/>
                </a:lnTo>
                <a:lnTo>
                  <a:pt x="5346" y="4037"/>
                </a:lnTo>
                <a:lnTo>
                  <a:pt x="5339" y="4037"/>
                </a:lnTo>
                <a:lnTo>
                  <a:pt x="5332" y="4036"/>
                </a:lnTo>
                <a:lnTo>
                  <a:pt x="5324" y="4035"/>
                </a:lnTo>
                <a:lnTo>
                  <a:pt x="5317" y="4033"/>
                </a:lnTo>
                <a:lnTo>
                  <a:pt x="5310" y="4030"/>
                </a:lnTo>
                <a:lnTo>
                  <a:pt x="5303" y="4026"/>
                </a:lnTo>
                <a:lnTo>
                  <a:pt x="5297" y="4023"/>
                </a:lnTo>
                <a:lnTo>
                  <a:pt x="5290" y="4019"/>
                </a:lnTo>
                <a:lnTo>
                  <a:pt x="5284" y="4014"/>
                </a:lnTo>
                <a:lnTo>
                  <a:pt x="5279" y="4009"/>
                </a:lnTo>
                <a:lnTo>
                  <a:pt x="5275" y="4002"/>
                </a:lnTo>
                <a:lnTo>
                  <a:pt x="5270" y="3996"/>
                </a:lnTo>
                <a:lnTo>
                  <a:pt x="5267" y="3989"/>
                </a:lnTo>
                <a:lnTo>
                  <a:pt x="5265" y="3981"/>
                </a:lnTo>
                <a:lnTo>
                  <a:pt x="5262" y="3973"/>
                </a:lnTo>
                <a:lnTo>
                  <a:pt x="5262" y="3964"/>
                </a:lnTo>
                <a:lnTo>
                  <a:pt x="5262" y="3957"/>
                </a:lnTo>
                <a:lnTo>
                  <a:pt x="5264" y="3951"/>
                </a:lnTo>
                <a:lnTo>
                  <a:pt x="5265" y="3944"/>
                </a:lnTo>
                <a:lnTo>
                  <a:pt x="5267" y="3938"/>
                </a:lnTo>
                <a:lnTo>
                  <a:pt x="5270" y="3932"/>
                </a:lnTo>
                <a:lnTo>
                  <a:pt x="5272" y="3927"/>
                </a:lnTo>
                <a:lnTo>
                  <a:pt x="5277" y="3922"/>
                </a:lnTo>
                <a:lnTo>
                  <a:pt x="5280" y="3918"/>
                </a:lnTo>
                <a:lnTo>
                  <a:pt x="5290" y="3909"/>
                </a:lnTo>
                <a:lnTo>
                  <a:pt x="5300" y="3902"/>
                </a:lnTo>
                <a:lnTo>
                  <a:pt x="5312" y="3896"/>
                </a:lnTo>
                <a:lnTo>
                  <a:pt x="5324" y="3891"/>
                </a:lnTo>
                <a:lnTo>
                  <a:pt x="5336" y="3887"/>
                </a:lnTo>
                <a:lnTo>
                  <a:pt x="5349" y="3885"/>
                </a:lnTo>
                <a:lnTo>
                  <a:pt x="5363" y="3882"/>
                </a:lnTo>
                <a:lnTo>
                  <a:pt x="5376" y="3880"/>
                </a:lnTo>
                <a:lnTo>
                  <a:pt x="5399" y="3878"/>
                </a:lnTo>
                <a:lnTo>
                  <a:pt x="5419" y="3878"/>
                </a:lnTo>
                <a:lnTo>
                  <a:pt x="5432" y="3878"/>
                </a:lnTo>
                <a:lnTo>
                  <a:pt x="5445" y="3879"/>
                </a:lnTo>
                <a:lnTo>
                  <a:pt x="5458" y="3879"/>
                </a:lnTo>
                <a:lnTo>
                  <a:pt x="5471" y="3879"/>
                </a:lnTo>
                <a:lnTo>
                  <a:pt x="5471" y="3919"/>
                </a:lnTo>
                <a:close/>
                <a:moveTo>
                  <a:pt x="3302" y="3826"/>
                </a:moveTo>
                <a:lnTo>
                  <a:pt x="3303" y="3815"/>
                </a:lnTo>
                <a:lnTo>
                  <a:pt x="3306" y="3804"/>
                </a:lnTo>
                <a:lnTo>
                  <a:pt x="3309" y="3793"/>
                </a:lnTo>
                <a:lnTo>
                  <a:pt x="3312" y="3782"/>
                </a:lnTo>
                <a:lnTo>
                  <a:pt x="3317" y="3771"/>
                </a:lnTo>
                <a:lnTo>
                  <a:pt x="3322" y="3761"/>
                </a:lnTo>
                <a:lnTo>
                  <a:pt x="3328" y="3751"/>
                </a:lnTo>
                <a:lnTo>
                  <a:pt x="3334" y="3741"/>
                </a:lnTo>
                <a:lnTo>
                  <a:pt x="3342" y="3732"/>
                </a:lnTo>
                <a:lnTo>
                  <a:pt x="3351" y="3725"/>
                </a:lnTo>
                <a:lnTo>
                  <a:pt x="3361" y="3718"/>
                </a:lnTo>
                <a:lnTo>
                  <a:pt x="3372" y="3712"/>
                </a:lnTo>
                <a:lnTo>
                  <a:pt x="3383" y="3707"/>
                </a:lnTo>
                <a:lnTo>
                  <a:pt x="3395" y="3704"/>
                </a:lnTo>
                <a:lnTo>
                  <a:pt x="3409" y="3701"/>
                </a:lnTo>
                <a:lnTo>
                  <a:pt x="3423" y="3700"/>
                </a:lnTo>
                <a:lnTo>
                  <a:pt x="3436" y="3701"/>
                </a:lnTo>
                <a:lnTo>
                  <a:pt x="3449" y="3703"/>
                </a:lnTo>
                <a:lnTo>
                  <a:pt x="3461" y="3706"/>
                </a:lnTo>
                <a:lnTo>
                  <a:pt x="3471" y="3710"/>
                </a:lnTo>
                <a:lnTo>
                  <a:pt x="3482" y="3716"/>
                </a:lnTo>
                <a:lnTo>
                  <a:pt x="3490" y="3722"/>
                </a:lnTo>
                <a:lnTo>
                  <a:pt x="3499" y="3729"/>
                </a:lnTo>
                <a:lnTo>
                  <a:pt x="3506" y="3738"/>
                </a:lnTo>
                <a:lnTo>
                  <a:pt x="3513" y="3746"/>
                </a:lnTo>
                <a:lnTo>
                  <a:pt x="3519" y="3756"/>
                </a:lnTo>
                <a:lnTo>
                  <a:pt x="3523" y="3766"/>
                </a:lnTo>
                <a:lnTo>
                  <a:pt x="3528" y="3777"/>
                </a:lnTo>
                <a:lnTo>
                  <a:pt x="3531" y="3788"/>
                </a:lnTo>
                <a:lnTo>
                  <a:pt x="3533" y="3800"/>
                </a:lnTo>
                <a:lnTo>
                  <a:pt x="3535" y="3813"/>
                </a:lnTo>
                <a:lnTo>
                  <a:pt x="3535" y="3826"/>
                </a:lnTo>
                <a:lnTo>
                  <a:pt x="3302" y="3826"/>
                </a:lnTo>
                <a:close/>
                <a:moveTo>
                  <a:pt x="2254" y="3866"/>
                </a:moveTo>
                <a:lnTo>
                  <a:pt x="2009" y="3866"/>
                </a:lnTo>
                <a:lnTo>
                  <a:pt x="2131" y="3561"/>
                </a:lnTo>
                <a:lnTo>
                  <a:pt x="2254" y="3866"/>
                </a:lnTo>
                <a:close/>
                <a:moveTo>
                  <a:pt x="17460" y="1969"/>
                </a:moveTo>
                <a:lnTo>
                  <a:pt x="17459" y="1994"/>
                </a:lnTo>
                <a:lnTo>
                  <a:pt x="17457" y="2020"/>
                </a:lnTo>
                <a:lnTo>
                  <a:pt x="17452" y="2046"/>
                </a:lnTo>
                <a:lnTo>
                  <a:pt x="17444" y="2071"/>
                </a:lnTo>
                <a:lnTo>
                  <a:pt x="17439" y="2084"/>
                </a:lnTo>
                <a:lnTo>
                  <a:pt x="17434" y="2096"/>
                </a:lnTo>
                <a:lnTo>
                  <a:pt x="17428" y="2108"/>
                </a:lnTo>
                <a:lnTo>
                  <a:pt x="17422" y="2120"/>
                </a:lnTo>
                <a:lnTo>
                  <a:pt x="17415" y="2132"/>
                </a:lnTo>
                <a:lnTo>
                  <a:pt x="17408" y="2143"/>
                </a:lnTo>
                <a:lnTo>
                  <a:pt x="17400" y="2155"/>
                </a:lnTo>
                <a:lnTo>
                  <a:pt x="17390" y="2165"/>
                </a:lnTo>
                <a:lnTo>
                  <a:pt x="17381" y="2176"/>
                </a:lnTo>
                <a:lnTo>
                  <a:pt x="17370" y="2186"/>
                </a:lnTo>
                <a:lnTo>
                  <a:pt x="17359" y="2196"/>
                </a:lnTo>
                <a:lnTo>
                  <a:pt x="17347" y="2205"/>
                </a:lnTo>
                <a:lnTo>
                  <a:pt x="17335" y="2213"/>
                </a:lnTo>
                <a:lnTo>
                  <a:pt x="17322" y="2221"/>
                </a:lnTo>
                <a:lnTo>
                  <a:pt x="17307" y="2228"/>
                </a:lnTo>
                <a:lnTo>
                  <a:pt x="17293" y="2234"/>
                </a:lnTo>
                <a:lnTo>
                  <a:pt x="17278" y="2241"/>
                </a:lnTo>
                <a:lnTo>
                  <a:pt x="17261" y="2247"/>
                </a:lnTo>
                <a:lnTo>
                  <a:pt x="17244" y="2251"/>
                </a:lnTo>
                <a:lnTo>
                  <a:pt x="17226" y="2254"/>
                </a:lnTo>
                <a:lnTo>
                  <a:pt x="17207" y="2258"/>
                </a:lnTo>
                <a:lnTo>
                  <a:pt x="17188" y="2260"/>
                </a:lnTo>
                <a:lnTo>
                  <a:pt x="17167" y="2261"/>
                </a:lnTo>
                <a:lnTo>
                  <a:pt x="17146" y="2262"/>
                </a:lnTo>
                <a:lnTo>
                  <a:pt x="17125" y="2261"/>
                </a:lnTo>
                <a:lnTo>
                  <a:pt x="17106" y="2260"/>
                </a:lnTo>
                <a:lnTo>
                  <a:pt x="17087" y="2258"/>
                </a:lnTo>
                <a:lnTo>
                  <a:pt x="17069" y="2255"/>
                </a:lnTo>
                <a:lnTo>
                  <a:pt x="17052" y="2251"/>
                </a:lnTo>
                <a:lnTo>
                  <a:pt x="17036" y="2247"/>
                </a:lnTo>
                <a:lnTo>
                  <a:pt x="17020" y="2242"/>
                </a:lnTo>
                <a:lnTo>
                  <a:pt x="17005" y="2236"/>
                </a:lnTo>
                <a:lnTo>
                  <a:pt x="16992" y="2230"/>
                </a:lnTo>
                <a:lnTo>
                  <a:pt x="16979" y="2222"/>
                </a:lnTo>
                <a:lnTo>
                  <a:pt x="16965" y="2215"/>
                </a:lnTo>
                <a:lnTo>
                  <a:pt x="16954" y="2207"/>
                </a:lnTo>
                <a:lnTo>
                  <a:pt x="16942" y="2198"/>
                </a:lnTo>
                <a:lnTo>
                  <a:pt x="16932" y="2188"/>
                </a:lnTo>
                <a:lnTo>
                  <a:pt x="16922" y="2178"/>
                </a:lnTo>
                <a:lnTo>
                  <a:pt x="16914" y="2169"/>
                </a:lnTo>
                <a:lnTo>
                  <a:pt x="16905" y="2159"/>
                </a:lnTo>
                <a:lnTo>
                  <a:pt x="16897" y="2148"/>
                </a:lnTo>
                <a:lnTo>
                  <a:pt x="16889" y="2136"/>
                </a:lnTo>
                <a:lnTo>
                  <a:pt x="16883" y="2125"/>
                </a:lnTo>
                <a:lnTo>
                  <a:pt x="16877" y="2113"/>
                </a:lnTo>
                <a:lnTo>
                  <a:pt x="16872" y="2101"/>
                </a:lnTo>
                <a:lnTo>
                  <a:pt x="16867" y="2087"/>
                </a:lnTo>
                <a:lnTo>
                  <a:pt x="16863" y="2075"/>
                </a:lnTo>
                <a:lnTo>
                  <a:pt x="16859" y="2062"/>
                </a:lnTo>
                <a:lnTo>
                  <a:pt x="16856" y="2049"/>
                </a:lnTo>
                <a:lnTo>
                  <a:pt x="16853" y="2036"/>
                </a:lnTo>
                <a:lnTo>
                  <a:pt x="16851" y="2023"/>
                </a:lnTo>
                <a:lnTo>
                  <a:pt x="16849" y="1996"/>
                </a:lnTo>
                <a:lnTo>
                  <a:pt x="16848" y="1969"/>
                </a:lnTo>
                <a:lnTo>
                  <a:pt x="16848" y="1947"/>
                </a:lnTo>
                <a:lnTo>
                  <a:pt x="16850" y="1923"/>
                </a:lnTo>
                <a:lnTo>
                  <a:pt x="16853" y="1897"/>
                </a:lnTo>
                <a:lnTo>
                  <a:pt x="16858" y="1872"/>
                </a:lnTo>
                <a:lnTo>
                  <a:pt x="16861" y="1859"/>
                </a:lnTo>
                <a:lnTo>
                  <a:pt x="16864" y="1846"/>
                </a:lnTo>
                <a:lnTo>
                  <a:pt x="16869" y="1833"/>
                </a:lnTo>
                <a:lnTo>
                  <a:pt x="16874" y="1821"/>
                </a:lnTo>
                <a:lnTo>
                  <a:pt x="16880" y="1807"/>
                </a:lnTo>
                <a:lnTo>
                  <a:pt x="16885" y="1795"/>
                </a:lnTo>
                <a:lnTo>
                  <a:pt x="16893" y="1782"/>
                </a:lnTo>
                <a:lnTo>
                  <a:pt x="16900" y="1770"/>
                </a:lnTo>
                <a:lnTo>
                  <a:pt x="16908" y="1759"/>
                </a:lnTo>
                <a:lnTo>
                  <a:pt x="16918" y="1747"/>
                </a:lnTo>
                <a:lnTo>
                  <a:pt x="16928" y="1736"/>
                </a:lnTo>
                <a:lnTo>
                  <a:pt x="16939" y="1726"/>
                </a:lnTo>
                <a:lnTo>
                  <a:pt x="16951" y="1716"/>
                </a:lnTo>
                <a:lnTo>
                  <a:pt x="16964" y="1706"/>
                </a:lnTo>
                <a:lnTo>
                  <a:pt x="16977" y="1699"/>
                </a:lnTo>
                <a:lnTo>
                  <a:pt x="16993" y="1690"/>
                </a:lnTo>
                <a:lnTo>
                  <a:pt x="17008" y="1683"/>
                </a:lnTo>
                <a:lnTo>
                  <a:pt x="17026" y="1677"/>
                </a:lnTo>
                <a:lnTo>
                  <a:pt x="17045" y="1671"/>
                </a:lnTo>
                <a:lnTo>
                  <a:pt x="17063" y="1667"/>
                </a:lnTo>
                <a:lnTo>
                  <a:pt x="17084" y="1662"/>
                </a:lnTo>
                <a:lnTo>
                  <a:pt x="17106" y="1660"/>
                </a:lnTo>
                <a:lnTo>
                  <a:pt x="17129" y="1658"/>
                </a:lnTo>
                <a:lnTo>
                  <a:pt x="17153" y="1658"/>
                </a:lnTo>
                <a:lnTo>
                  <a:pt x="17173" y="1658"/>
                </a:lnTo>
                <a:lnTo>
                  <a:pt x="17192" y="1659"/>
                </a:lnTo>
                <a:lnTo>
                  <a:pt x="17210" y="1660"/>
                </a:lnTo>
                <a:lnTo>
                  <a:pt x="17227" y="1662"/>
                </a:lnTo>
                <a:lnTo>
                  <a:pt x="17244" y="1666"/>
                </a:lnTo>
                <a:lnTo>
                  <a:pt x="17259" y="1669"/>
                </a:lnTo>
                <a:lnTo>
                  <a:pt x="17274" y="1672"/>
                </a:lnTo>
                <a:lnTo>
                  <a:pt x="17290" y="1677"/>
                </a:lnTo>
                <a:lnTo>
                  <a:pt x="17304" y="1682"/>
                </a:lnTo>
                <a:lnTo>
                  <a:pt x="17317" y="1688"/>
                </a:lnTo>
                <a:lnTo>
                  <a:pt x="17331" y="1694"/>
                </a:lnTo>
                <a:lnTo>
                  <a:pt x="17343" y="1701"/>
                </a:lnTo>
                <a:lnTo>
                  <a:pt x="17354" y="1709"/>
                </a:lnTo>
                <a:lnTo>
                  <a:pt x="17365" y="1717"/>
                </a:lnTo>
                <a:lnTo>
                  <a:pt x="17376" y="1726"/>
                </a:lnTo>
                <a:lnTo>
                  <a:pt x="17386" y="1735"/>
                </a:lnTo>
                <a:lnTo>
                  <a:pt x="17394" y="1746"/>
                </a:lnTo>
                <a:lnTo>
                  <a:pt x="17403" y="1756"/>
                </a:lnTo>
                <a:lnTo>
                  <a:pt x="17411" y="1768"/>
                </a:lnTo>
                <a:lnTo>
                  <a:pt x="17419" y="1779"/>
                </a:lnTo>
                <a:lnTo>
                  <a:pt x="17425" y="1792"/>
                </a:lnTo>
                <a:lnTo>
                  <a:pt x="17432" y="1805"/>
                </a:lnTo>
                <a:lnTo>
                  <a:pt x="17437" y="1818"/>
                </a:lnTo>
                <a:lnTo>
                  <a:pt x="17442" y="1833"/>
                </a:lnTo>
                <a:lnTo>
                  <a:pt x="17446" y="1848"/>
                </a:lnTo>
                <a:lnTo>
                  <a:pt x="17450" y="1863"/>
                </a:lnTo>
                <a:lnTo>
                  <a:pt x="17454" y="1880"/>
                </a:lnTo>
                <a:lnTo>
                  <a:pt x="17456" y="1896"/>
                </a:lnTo>
                <a:lnTo>
                  <a:pt x="17458" y="1914"/>
                </a:lnTo>
                <a:lnTo>
                  <a:pt x="17459" y="1931"/>
                </a:lnTo>
                <a:lnTo>
                  <a:pt x="17460" y="1950"/>
                </a:lnTo>
                <a:lnTo>
                  <a:pt x="17460" y="1969"/>
                </a:lnTo>
                <a:close/>
                <a:moveTo>
                  <a:pt x="15281" y="1396"/>
                </a:moveTo>
                <a:lnTo>
                  <a:pt x="15281" y="1264"/>
                </a:lnTo>
                <a:lnTo>
                  <a:pt x="15415" y="1264"/>
                </a:lnTo>
                <a:lnTo>
                  <a:pt x="15421" y="1264"/>
                </a:lnTo>
                <a:lnTo>
                  <a:pt x="15421" y="1396"/>
                </a:lnTo>
                <a:lnTo>
                  <a:pt x="15281" y="1396"/>
                </a:lnTo>
                <a:close/>
                <a:moveTo>
                  <a:pt x="13289" y="1912"/>
                </a:moveTo>
                <a:lnTo>
                  <a:pt x="12720" y="1912"/>
                </a:lnTo>
                <a:lnTo>
                  <a:pt x="12720" y="1901"/>
                </a:lnTo>
                <a:lnTo>
                  <a:pt x="12723" y="1889"/>
                </a:lnTo>
                <a:lnTo>
                  <a:pt x="12724" y="1878"/>
                </a:lnTo>
                <a:lnTo>
                  <a:pt x="12727" y="1866"/>
                </a:lnTo>
                <a:lnTo>
                  <a:pt x="12729" y="1855"/>
                </a:lnTo>
                <a:lnTo>
                  <a:pt x="12734" y="1842"/>
                </a:lnTo>
                <a:lnTo>
                  <a:pt x="12738" y="1832"/>
                </a:lnTo>
                <a:lnTo>
                  <a:pt x="12742" y="1821"/>
                </a:lnTo>
                <a:lnTo>
                  <a:pt x="12748" y="1810"/>
                </a:lnTo>
                <a:lnTo>
                  <a:pt x="12755" y="1799"/>
                </a:lnTo>
                <a:lnTo>
                  <a:pt x="12761" y="1788"/>
                </a:lnTo>
                <a:lnTo>
                  <a:pt x="12769" y="1778"/>
                </a:lnTo>
                <a:lnTo>
                  <a:pt x="12777" y="1767"/>
                </a:lnTo>
                <a:lnTo>
                  <a:pt x="12785" y="1757"/>
                </a:lnTo>
                <a:lnTo>
                  <a:pt x="12794" y="1748"/>
                </a:lnTo>
                <a:lnTo>
                  <a:pt x="12803" y="1738"/>
                </a:lnTo>
                <a:lnTo>
                  <a:pt x="12814" y="1729"/>
                </a:lnTo>
                <a:lnTo>
                  <a:pt x="12824" y="1722"/>
                </a:lnTo>
                <a:lnTo>
                  <a:pt x="12835" y="1713"/>
                </a:lnTo>
                <a:lnTo>
                  <a:pt x="12847" y="1705"/>
                </a:lnTo>
                <a:lnTo>
                  <a:pt x="12859" y="1699"/>
                </a:lnTo>
                <a:lnTo>
                  <a:pt x="12872" y="1692"/>
                </a:lnTo>
                <a:lnTo>
                  <a:pt x="12885" y="1685"/>
                </a:lnTo>
                <a:lnTo>
                  <a:pt x="12899" y="1680"/>
                </a:lnTo>
                <a:lnTo>
                  <a:pt x="12913" y="1674"/>
                </a:lnTo>
                <a:lnTo>
                  <a:pt x="12927" y="1670"/>
                </a:lnTo>
                <a:lnTo>
                  <a:pt x="12943" y="1667"/>
                </a:lnTo>
                <a:lnTo>
                  <a:pt x="12958" y="1664"/>
                </a:lnTo>
                <a:lnTo>
                  <a:pt x="12975" y="1661"/>
                </a:lnTo>
                <a:lnTo>
                  <a:pt x="12991" y="1659"/>
                </a:lnTo>
                <a:lnTo>
                  <a:pt x="13008" y="1658"/>
                </a:lnTo>
                <a:lnTo>
                  <a:pt x="13025" y="1658"/>
                </a:lnTo>
                <a:lnTo>
                  <a:pt x="13043" y="1658"/>
                </a:lnTo>
                <a:lnTo>
                  <a:pt x="13059" y="1659"/>
                </a:lnTo>
                <a:lnTo>
                  <a:pt x="13076" y="1661"/>
                </a:lnTo>
                <a:lnTo>
                  <a:pt x="13091" y="1664"/>
                </a:lnTo>
                <a:lnTo>
                  <a:pt x="13105" y="1667"/>
                </a:lnTo>
                <a:lnTo>
                  <a:pt x="13120" y="1670"/>
                </a:lnTo>
                <a:lnTo>
                  <a:pt x="13134" y="1674"/>
                </a:lnTo>
                <a:lnTo>
                  <a:pt x="13146" y="1680"/>
                </a:lnTo>
                <a:lnTo>
                  <a:pt x="13158" y="1685"/>
                </a:lnTo>
                <a:lnTo>
                  <a:pt x="13170" y="1692"/>
                </a:lnTo>
                <a:lnTo>
                  <a:pt x="13181" y="1699"/>
                </a:lnTo>
                <a:lnTo>
                  <a:pt x="13192" y="1705"/>
                </a:lnTo>
                <a:lnTo>
                  <a:pt x="13202" y="1713"/>
                </a:lnTo>
                <a:lnTo>
                  <a:pt x="13211" y="1722"/>
                </a:lnTo>
                <a:lnTo>
                  <a:pt x="13220" y="1729"/>
                </a:lnTo>
                <a:lnTo>
                  <a:pt x="13228" y="1738"/>
                </a:lnTo>
                <a:lnTo>
                  <a:pt x="13235" y="1748"/>
                </a:lnTo>
                <a:lnTo>
                  <a:pt x="13243" y="1757"/>
                </a:lnTo>
                <a:lnTo>
                  <a:pt x="13250" y="1767"/>
                </a:lnTo>
                <a:lnTo>
                  <a:pt x="13255" y="1778"/>
                </a:lnTo>
                <a:lnTo>
                  <a:pt x="13266" y="1799"/>
                </a:lnTo>
                <a:lnTo>
                  <a:pt x="13274" y="1821"/>
                </a:lnTo>
                <a:lnTo>
                  <a:pt x="13280" y="1842"/>
                </a:lnTo>
                <a:lnTo>
                  <a:pt x="13285" y="1866"/>
                </a:lnTo>
                <a:lnTo>
                  <a:pt x="13288" y="1889"/>
                </a:lnTo>
                <a:lnTo>
                  <a:pt x="13289" y="1912"/>
                </a:lnTo>
                <a:close/>
                <a:moveTo>
                  <a:pt x="9653" y="1844"/>
                </a:moveTo>
                <a:lnTo>
                  <a:pt x="9653" y="1824"/>
                </a:lnTo>
                <a:lnTo>
                  <a:pt x="9651" y="1806"/>
                </a:lnTo>
                <a:lnTo>
                  <a:pt x="9649" y="1788"/>
                </a:lnTo>
                <a:lnTo>
                  <a:pt x="9647" y="1770"/>
                </a:lnTo>
                <a:lnTo>
                  <a:pt x="9644" y="1754"/>
                </a:lnTo>
                <a:lnTo>
                  <a:pt x="9639" y="1737"/>
                </a:lnTo>
                <a:lnTo>
                  <a:pt x="9634" y="1722"/>
                </a:lnTo>
                <a:lnTo>
                  <a:pt x="9628" y="1707"/>
                </a:lnTo>
                <a:lnTo>
                  <a:pt x="9622" y="1692"/>
                </a:lnTo>
                <a:lnTo>
                  <a:pt x="9614" y="1679"/>
                </a:lnTo>
                <a:lnTo>
                  <a:pt x="9605" y="1666"/>
                </a:lnTo>
                <a:lnTo>
                  <a:pt x="9596" y="1653"/>
                </a:lnTo>
                <a:lnTo>
                  <a:pt x="9587" y="1640"/>
                </a:lnTo>
                <a:lnTo>
                  <a:pt x="9576" y="1629"/>
                </a:lnTo>
                <a:lnTo>
                  <a:pt x="9565" y="1618"/>
                </a:lnTo>
                <a:lnTo>
                  <a:pt x="9551" y="1609"/>
                </a:lnTo>
                <a:lnTo>
                  <a:pt x="9538" y="1599"/>
                </a:lnTo>
                <a:lnTo>
                  <a:pt x="9524" y="1590"/>
                </a:lnTo>
                <a:lnTo>
                  <a:pt x="9510" y="1581"/>
                </a:lnTo>
                <a:lnTo>
                  <a:pt x="9493" y="1573"/>
                </a:lnTo>
                <a:lnTo>
                  <a:pt x="9477" y="1567"/>
                </a:lnTo>
                <a:lnTo>
                  <a:pt x="9459" y="1560"/>
                </a:lnTo>
                <a:lnTo>
                  <a:pt x="9440" y="1554"/>
                </a:lnTo>
                <a:lnTo>
                  <a:pt x="9420" y="1548"/>
                </a:lnTo>
                <a:lnTo>
                  <a:pt x="9401" y="1544"/>
                </a:lnTo>
                <a:lnTo>
                  <a:pt x="9379" y="1539"/>
                </a:lnTo>
                <a:lnTo>
                  <a:pt x="9357" y="1536"/>
                </a:lnTo>
                <a:lnTo>
                  <a:pt x="9334" y="1534"/>
                </a:lnTo>
                <a:lnTo>
                  <a:pt x="9309" y="1532"/>
                </a:lnTo>
                <a:lnTo>
                  <a:pt x="9284" y="1530"/>
                </a:lnTo>
                <a:lnTo>
                  <a:pt x="9258" y="1528"/>
                </a:lnTo>
                <a:lnTo>
                  <a:pt x="9231" y="1528"/>
                </a:lnTo>
                <a:lnTo>
                  <a:pt x="9194" y="1528"/>
                </a:lnTo>
                <a:lnTo>
                  <a:pt x="9152" y="1531"/>
                </a:lnTo>
                <a:lnTo>
                  <a:pt x="9109" y="1534"/>
                </a:lnTo>
                <a:lnTo>
                  <a:pt x="9064" y="1537"/>
                </a:lnTo>
                <a:lnTo>
                  <a:pt x="9017" y="1544"/>
                </a:lnTo>
                <a:lnTo>
                  <a:pt x="8969" y="1552"/>
                </a:lnTo>
                <a:lnTo>
                  <a:pt x="8923" y="1560"/>
                </a:lnTo>
                <a:lnTo>
                  <a:pt x="8877" y="1571"/>
                </a:lnTo>
                <a:lnTo>
                  <a:pt x="8877" y="1732"/>
                </a:lnTo>
                <a:lnTo>
                  <a:pt x="8913" y="1721"/>
                </a:lnTo>
                <a:lnTo>
                  <a:pt x="8951" y="1710"/>
                </a:lnTo>
                <a:lnTo>
                  <a:pt x="8988" y="1701"/>
                </a:lnTo>
                <a:lnTo>
                  <a:pt x="9027" y="1694"/>
                </a:lnTo>
                <a:lnTo>
                  <a:pt x="9065" y="1689"/>
                </a:lnTo>
                <a:lnTo>
                  <a:pt x="9103" y="1684"/>
                </a:lnTo>
                <a:lnTo>
                  <a:pt x="9140" y="1682"/>
                </a:lnTo>
                <a:lnTo>
                  <a:pt x="9175" y="1681"/>
                </a:lnTo>
                <a:lnTo>
                  <a:pt x="9198" y="1681"/>
                </a:lnTo>
                <a:lnTo>
                  <a:pt x="9221" y="1682"/>
                </a:lnTo>
                <a:lnTo>
                  <a:pt x="9244" y="1683"/>
                </a:lnTo>
                <a:lnTo>
                  <a:pt x="9265" y="1687"/>
                </a:lnTo>
                <a:lnTo>
                  <a:pt x="9285" y="1690"/>
                </a:lnTo>
                <a:lnTo>
                  <a:pt x="9304" y="1695"/>
                </a:lnTo>
                <a:lnTo>
                  <a:pt x="9321" y="1702"/>
                </a:lnTo>
                <a:lnTo>
                  <a:pt x="9338" y="1710"/>
                </a:lnTo>
                <a:lnTo>
                  <a:pt x="9346" y="1714"/>
                </a:lnTo>
                <a:lnTo>
                  <a:pt x="9352" y="1720"/>
                </a:lnTo>
                <a:lnTo>
                  <a:pt x="9359" y="1725"/>
                </a:lnTo>
                <a:lnTo>
                  <a:pt x="9365" y="1732"/>
                </a:lnTo>
                <a:lnTo>
                  <a:pt x="9371" y="1739"/>
                </a:lnTo>
                <a:lnTo>
                  <a:pt x="9376" y="1746"/>
                </a:lnTo>
                <a:lnTo>
                  <a:pt x="9382" y="1755"/>
                </a:lnTo>
                <a:lnTo>
                  <a:pt x="9386" y="1763"/>
                </a:lnTo>
                <a:lnTo>
                  <a:pt x="9391" y="1772"/>
                </a:lnTo>
                <a:lnTo>
                  <a:pt x="9394" y="1783"/>
                </a:lnTo>
                <a:lnTo>
                  <a:pt x="9397" y="1793"/>
                </a:lnTo>
                <a:lnTo>
                  <a:pt x="9400" y="1805"/>
                </a:lnTo>
                <a:lnTo>
                  <a:pt x="9402" y="1817"/>
                </a:lnTo>
                <a:lnTo>
                  <a:pt x="9403" y="1830"/>
                </a:lnTo>
                <a:lnTo>
                  <a:pt x="9404" y="1845"/>
                </a:lnTo>
                <a:lnTo>
                  <a:pt x="9404" y="1859"/>
                </a:lnTo>
                <a:lnTo>
                  <a:pt x="9277" y="1859"/>
                </a:lnTo>
                <a:lnTo>
                  <a:pt x="9236" y="1859"/>
                </a:lnTo>
                <a:lnTo>
                  <a:pt x="9191" y="1861"/>
                </a:lnTo>
                <a:lnTo>
                  <a:pt x="9145" y="1863"/>
                </a:lnTo>
                <a:lnTo>
                  <a:pt x="9099" y="1868"/>
                </a:lnTo>
                <a:lnTo>
                  <a:pt x="9055" y="1873"/>
                </a:lnTo>
                <a:lnTo>
                  <a:pt x="9013" y="1879"/>
                </a:lnTo>
                <a:lnTo>
                  <a:pt x="8994" y="1883"/>
                </a:lnTo>
                <a:lnTo>
                  <a:pt x="8975" y="1886"/>
                </a:lnTo>
                <a:lnTo>
                  <a:pt x="8957" y="1892"/>
                </a:lnTo>
                <a:lnTo>
                  <a:pt x="8942" y="1896"/>
                </a:lnTo>
                <a:lnTo>
                  <a:pt x="8924" y="1903"/>
                </a:lnTo>
                <a:lnTo>
                  <a:pt x="8907" y="1909"/>
                </a:lnTo>
                <a:lnTo>
                  <a:pt x="8890" y="1917"/>
                </a:lnTo>
                <a:lnTo>
                  <a:pt x="8874" y="1926"/>
                </a:lnTo>
                <a:lnTo>
                  <a:pt x="8858" y="1936"/>
                </a:lnTo>
                <a:lnTo>
                  <a:pt x="8843" y="1947"/>
                </a:lnTo>
                <a:lnTo>
                  <a:pt x="8829" y="1959"/>
                </a:lnTo>
                <a:lnTo>
                  <a:pt x="8815" y="1971"/>
                </a:lnTo>
                <a:lnTo>
                  <a:pt x="8803" y="1985"/>
                </a:lnTo>
                <a:lnTo>
                  <a:pt x="8792" y="2000"/>
                </a:lnTo>
                <a:lnTo>
                  <a:pt x="8784" y="2016"/>
                </a:lnTo>
                <a:lnTo>
                  <a:pt x="8775" y="2032"/>
                </a:lnTo>
                <a:lnTo>
                  <a:pt x="8768" y="2050"/>
                </a:lnTo>
                <a:lnTo>
                  <a:pt x="8764" y="2070"/>
                </a:lnTo>
                <a:lnTo>
                  <a:pt x="8760" y="2090"/>
                </a:lnTo>
                <a:lnTo>
                  <a:pt x="8759" y="2110"/>
                </a:lnTo>
                <a:lnTo>
                  <a:pt x="8760" y="2128"/>
                </a:lnTo>
                <a:lnTo>
                  <a:pt x="8762" y="2146"/>
                </a:lnTo>
                <a:lnTo>
                  <a:pt x="8764" y="2161"/>
                </a:lnTo>
                <a:lnTo>
                  <a:pt x="8767" y="2176"/>
                </a:lnTo>
                <a:lnTo>
                  <a:pt x="8771" y="2191"/>
                </a:lnTo>
                <a:lnTo>
                  <a:pt x="8776" y="2205"/>
                </a:lnTo>
                <a:lnTo>
                  <a:pt x="8781" y="2218"/>
                </a:lnTo>
                <a:lnTo>
                  <a:pt x="8788" y="2231"/>
                </a:lnTo>
                <a:lnTo>
                  <a:pt x="8796" y="2243"/>
                </a:lnTo>
                <a:lnTo>
                  <a:pt x="8803" y="2254"/>
                </a:lnTo>
                <a:lnTo>
                  <a:pt x="8812" y="2265"/>
                </a:lnTo>
                <a:lnTo>
                  <a:pt x="8822" y="2275"/>
                </a:lnTo>
                <a:lnTo>
                  <a:pt x="8832" y="2285"/>
                </a:lnTo>
                <a:lnTo>
                  <a:pt x="8843" y="2294"/>
                </a:lnTo>
                <a:lnTo>
                  <a:pt x="8854" y="2303"/>
                </a:lnTo>
                <a:lnTo>
                  <a:pt x="8866" y="2310"/>
                </a:lnTo>
                <a:lnTo>
                  <a:pt x="8878" y="2318"/>
                </a:lnTo>
                <a:lnTo>
                  <a:pt x="8891" y="2325"/>
                </a:lnTo>
                <a:lnTo>
                  <a:pt x="8905" y="2331"/>
                </a:lnTo>
                <a:lnTo>
                  <a:pt x="8918" y="2337"/>
                </a:lnTo>
                <a:lnTo>
                  <a:pt x="8932" y="2342"/>
                </a:lnTo>
                <a:lnTo>
                  <a:pt x="8947" y="2346"/>
                </a:lnTo>
                <a:lnTo>
                  <a:pt x="8962" y="2351"/>
                </a:lnTo>
                <a:lnTo>
                  <a:pt x="8978" y="2354"/>
                </a:lnTo>
                <a:lnTo>
                  <a:pt x="9010" y="2361"/>
                </a:lnTo>
                <a:lnTo>
                  <a:pt x="9043" y="2364"/>
                </a:lnTo>
                <a:lnTo>
                  <a:pt x="9076" y="2367"/>
                </a:lnTo>
                <a:lnTo>
                  <a:pt x="9111" y="2367"/>
                </a:lnTo>
                <a:lnTo>
                  <a:pt x="9137" y="2367"/>
                </a:lnTo>
                <a:lnTo>
                  <a:pt x="9161" y="2366"/>
                </a:lnTo>
                <a:lnTo>
                  <a:pt x="9184" y="2364"/>
                </a:lnTo>
                <a:lnTo>
                  <a:pt x="9207" y="2362"/>
                </a:lnTo>
                <a:lnTo>
                  <a:pt x="9228" y="2359"/>
                </a:lnTo>
                <a:lnTo>
                  <a:pt x="9249" y="2354"/>
                </a:lnTo>
                <a:lnTo>
                  <a:pt x="9269" y="2350"/>
                </a:lnTo>
                <a:lnTo>
                  <a:pt x="9288" y="2344"/>
                </a:lnTo>
                <a:lnTo>
                  <a:pt x="9307" y="2338"/>
                </a:lnTo>
                <a:lnTo>
                  <a:pt x="9325" y="2330"/>
                </a:lnTo>
                <a:lnTo>
                  <a:pt x="9341" y="2322"/>
                </a:lnTo>
                <a:lnTo>
                  <a:pt x="9358" y="2312"/>
                </a:lnTo>
                <a:lnTo>
                  <a:pt x="9373" y="2303"/>
                </a:lnTo>
                <a:lnTo>
                  <a:pt x="9387" y="2293"/>
                </a:lnTo>
                <a:lnTo>
                  <a:pt x="9402" y="2281"/>
                </a:lnTo>
                <a:lnTo>
                  <a:pt x="9415" y="2269"/>
                </a:lnTo>
                <a:lnTo>
                  <a:pt x="9419" y="2269"/>
                </a:lnTo>
                <a:lnTo>
                  <a:pt x="9419" y="2349"/>
                </a:lnTo>
                <a:lnTo>
                  <a:pt x="9653" y="2349"/>
                </a:lnTo>
                <a:lnTo>
                  <a:pt x="9653" y="1844"/>
                </a:lnTo>
                <a:close/>
                <a:moveTo>
                  <a:pt x="8363" y="1545"/>
                </a:moveTo>
                <a:lnTo>
                  <a:pt x="8363" y="1622"/>
                </a:lnTo>
                <a:lnTo>
                  <a:pt x="8359" y="1622"/>
                </a:lnTo>
                <a:lnTo>
                  <a:pt x="8348" y="1612"/>
                </a:lnTo>
                <a:lnTo>
                  <a:pt x="8337" y="1602"/>
                </a:lnTo>
                <a:lnTo>
                  <a:pt x="8325" y="1593"/>
                </a:lnTo>
                <a:lnTo>
                  <a:pt x="8311" y="1584"/>
                </a:lnTo>
                <a:lnTo>
                  <a:pt x="8297" y="1576"/>
                </a:lnTo>
                <a:lnTo>
                  <a:pt x="8282" y="1568"/>
                </a:lnTo>
                <a:lnTo>
                  <a:pt x="8265" y="1561"/>
                </a:lnTo>
                <a:lnTo>
                  <a:pt x="8248" y="1555"/>
                </a:lnTo>
                <a:lnTo>
                  <a:pt x="8229" y="1548"/>
                </a:lnTo>
                <a:lnTo>
                  <a:pt x="8209" y="1544"/>
                </a:lnTo>
                <a:lnTo>
                  <a:pt x="8188" y="1539"/>
                </a:lnTo>
                <a:lnTo>
                  <a:pt x="8166" y="1535"/>
                </a:lnTo>
                <a:lnTo>
                  <a:pt x="8143" y="1533"/>
                </a:lnTo>
                <a:lnTo>
                  <a:pt x="8118" y="1531"/>
                </a:lnTo>
                <a:lnTo>
                  <a:pt x="8092" y="1528"/>
                </a:lnTo>
                <a:lnTo>
                  <a:pt x="8063" y="1528"/>
                </a:lnTo>
                <a:lnTo>
                  <a:pt x="8036" y="1528"/>
                </a:lnTo>
                <a:lnTo>
                  <a:pt x="8009" y="1531"/>
                </a:lnTo>
                <a:lnTo>
                  <a:pt x="7984" y="1534"/>
                </a:lnTo>
                <a:lnTo>
                  <a:pt x="7960" y="1538"/>
                </a:lnTo>
                <a:lnTo>
                  <a:pt x="7935" y="1544"/>
                </a:lnTo>
                <a:lnTo>
                  <a:pt x="7913" y="1549"/>
                </a:lnTo>
                <a:lnTo>
                  <a:pt x="7891" y="1557"/>
                </a:lnTo>
                <a:lnTo>
                  <a:pt x="7871" y="1566"/>
                </a:lnTo>
                <a:lnTo>
                  <a:pt x="7851" y="1575"/>
                </a:lnTo>
                <a:lnTo>
                  <a:pt x="7832" y="1584"/>
                </a:lnTo>
                <a:lnTo>
                  <a:pt x="7813" y="1595"/>
                </a:lnTo>
                <a:lnTo>
                  <a:pt x="7797" y="1608"/>
                </a:lnTo>
                <a:lnTo>
                  <a:pt x="7780" y="1620"/>
                </a:lnTo>
                <a:lnTo>
                  <a:pt x="7765" y="1633"/>
                </a:lnTo>
                <a:lnTo>
                  <a:pt x="7751" y="1647"/>
                </a:lnTo>
                <a:lnTo>
                  <a:pt x="7737" y="1661"/>
                </a:lnTo>
                <a:lnTo>
                  <a:pt x="7724" y="1677"/>
                </a:lnTo>
                <a:lnTo>
                  <a:pt x="7713" y="1692"/>
                </a:lnTo>
                <a:lnTo>
                  <a:pt x="7702" y="1709"/>
                </a:lnTo>
                <a:lnTo>
                  <a:pt x="7691" y="1725"/>
                </a:lnTo>
                <a:lnTo>
                  <a:pt x="7682" y="1741"/>
                </a:lnTo>
                <a:lnTo>
                  <a:pt x="7674" y="1759"/>
                </a:lnTo>
                <a:lnTo>
                  <a:pt x="7666" y="1777"/>
                </a:lnTo>
                <a:lnTo>
                  <a:pt x="7659" y="1794"/>
                </a:lnTo>
                <a:lnTo>
                  <a:pt x="7654" y="1813"/>
                </a:lnTo>
                <a:lnTo>
                  <a:pt x="7648" y="1830"/>
                </a:lnTo>
                <a:lnTo>
                  <a:pt x="7644" y="1849"/>
                </a:lnTo>
                <a:lnTo>
                  <a:pt x="7641" y="1868"/>
                </a:lnTo>
                <a:lnTo>
                  <a:pt x="7638" y="1886"/>
                </a:lnTo>
                <a:lnTo>
                  <a:pt x="7636" y="1905"/>
                </a:lnTo>
                <a:lnTo>
                  <a:pt x="7635" y="1924"/>
                </a:lnTo>
                <a:lnTo>
                  <a:pt x="7635" y="1942"/>
                </a:lnTo>
                <a:lnTo>
                  <a:pt x="7635" y="1963"/>
                </a:lnTo>
                <a:lnTo>
                  <a:pt x="7636" y="1985"/>
                </a:lnTo>
                <a:lnTo>
                  <a:pt x="7638" y="2006"/>
                </a:lnTo>
                <a:lnTo>
                  <a:pt x="7641" y="2026"/>
                </a:lnTo>
                <a:lnTo>
                  <a:pt x="7645" y="2046"/>
                </a:lnTo>
                <a:lnTo>
                  <a:pt x="7649" y="2065"/>
                </a:lnTo>
                <a:lnTo>
                  <a:pt x="7654" y="2085"/>
                </a:lnTo>
                <a:lnTo>
                  <a:pt x="7660" y="2104"/>
                </a:lnTo>
                <a:lnTo>
                  <a:pt x="7667" y="2121"/>
                </a:lnTo>
                <a:lnTo>
                  <a:pt x="7675" y="2139"/>
                </a:lnTo>
                <a:lnTo>
                  <a:pt x="7682" y="2157"/>
                </a:lnTo>
                <a:lnTo>
                  <a:pt x="7691" y="2173"/>
                </a:lnTo>
                <a:lnTo>
                  <a:pt x="7701" y="2188"/>
                </a:lnTo>
                <a:lnTo>
                  <a:pt x="7712" y="2204"/>
                </a:lnTo>
                <a:lnTo>
                  <a:pt x="7724" y="2219"/>
                </a:lnTo>
                <a:lnTo>
                  <a:pt x="7736" y="2233"/>
                </a:lnTo>
                <a:lnTo>
                  <a:pt x="7750" y="2247"/>
                </a:lnTo>
                <a:lnTo>
                  <a:pt x="7764" y="2259"/>
                </a:lnTo>
                <a:lnTo>
                  <a:pt x="7778" y="2272"/>
                </a:lnTo>
                <a:lnTo>
                  <a:pt x="7794" y="2283"/>
                </a:lnTo>
                <a:lnTo>
                  <a:pt x="7810" y="2294"/>
                </a:lnTo>
                <a:lnTo>
                  <a:pt x="7828" y="2304"/>
                </a:lnTo>
                <a:lnTo>
                  <a:pt x="7845" y="2312"/>
                </a:lnTo>
                <a:lnTo>
                  <a:pt x="7865" y="2321"/>
                </a:lnTo>
                <a:lnTo>
                  <a:pt x="7884" y="2329"/>
                </a:lnTo>
                <a:lnTo>
                  <a:pt x="7905" y="2336"/>
                </a:lnTo>
                <a:lnTo>
                  <a:pt x="7927" y="2341"/>
                </a:lnTo>
                <a:lnTo>
                  <a:pt x="7949" y="2346"/>
                </a:lnTo>
                <a:lnTo>
                  <a:pt x="7972" y="2350"/>
                </a:lnTo>
                <a:lnTo>
                  <a:pt x="7996" y="2353"/>
                </a:lnTo>
                <a:lnTo>
                  <a:pt x="8020" y="2356"/>
                </a:lnTo>
                <a:lnTo>
                  <a:pt x="8045" y="2357"/>
                </a:lnTo>
                <a:lnTo>
                  <a:pt x="8072" y="2357"/>
                </a:lnTo>
                <a:lnTo>
                  <a:pt x="8097" y="2356"/>
                </a:lnTo>
                <a:lnTo>
                  <a:pt x="8121" y="2354"/>
                </a:lnTo>
                <a:lnTo>
                  <a:pt x="8146" y="2350"/>
                </a:lnTo>
                <a:lnTo>
                  <a:pt x="8168" y="2345"/>
                </a:lnTo>
                <a:lnTo>
                  <a:pt x="8190" y="2340"/>
                </a:lnTo>
                <a:lnTo>
                  <a:pt x="8210" y="2333"/>
                </a:lnTo>
                <a:lnTo>
                  <a:pt x="8230" y="2326"/>
                </a:lnTo>
                <a:lnTo>
                  <a:pt x="8249" y="2318"/>
                </a:lnTo>
                <a:lnTo>
                  <a:pt x="8267" y="2309"/>
                </a:lnTo>
                <a:lnTo>
                  <a:pt x="8283" y="2299"/>
                </a:lnTo>
                <a:lnTo>
                  <a:pt x="8298" y="2290"/>
                </a:lnTo>
                <a:lnTo>
                  <a:pt x="8313" y="2281"/>
                </a:lnTo>
                <a:lnTo>
                  <a:pt x="8326" y="2272"/>
                </a:lnTo>
                <a:lnTo>
                  <a:pt x="8337" y="2262"/>
                </a:lnTo>
                <a:lnTo>
                  <a:pt x="8348" y="2253"/>
                </a:lnTo>
                <a:lnTo>
                  <a:pt x="8351" y="2253"/>
                </a:lnTo>
                <a:lnTo>
                  <a:pt x="8351" y="2255"/>
                </a:lnTo>
                <a:lnTo>
                  <a:pt x="8351" y="2263"/>
                </a:lnTo>
                <a:lnTo>
                  <a:pt x="8351" y="2274"/>
                </a:lnTo>
                <a:lnTo>
                  <a:pt x="8351" y="2286"/>
                </a:lnTo>
                <a:lnTo>
                  <a:pt x="8351" y="2309"/>
                </a:lnTo>
                <a:lnTo>
                  <a:pt x="8349" y="2332"/>
                </a:lnTo>
                <a:lnTo>
                  <a:pt x="8345" y="2355"/>
                </a:lnTo>
                <a:lnTo>
                  <a:pt x="8340" y="2377"/>
                </a:lnTo>
                <a:lnTo>
                  <a:pt x="8336" y="2388"/>
                </a:lnTo>
                <a:lnTo>
                  <a:pt x="8333" y="2398"/>
                </a:lnTo>
                <a:lnTo>
                  <a:pt x="8328" y="2408"/>
                </a:lnTo>
                <a:lnTo>
                  <a:pt x="8323" y="2418"/>
                </a:lnTo>
                <a:lnTo>
                  <a:pt x="8317" y="2428"/>
                </a:lnTo>
                <a:lnTo>
                  <a:pt x="8311" y="2438"/>
                </a:lnTo>
                <a:lnTo>
                  <a:pt x="8303" y="2446"/>
                </a:lnTo>
                <a:lnTo>
                  <a:pt x="8295" y="2455"/>
                </a:lnTo>
                <a:lnTo>
                  <a:pt x="8287" y="2464"/>
                </a:lnTo>
                <a:lnTo>
                  <a:pt x="8278" y="2472"/>
                </a:lnTo>
                <a:lnTo>
                  <a:pt x="8268" y="2479"/>
                </a:lnTo>
                <a:lnTo>
                  <a:pt x="8257" y="2486"/>
                </a:lnTo>
                <a:lnTo>
                  <a:pt x="8245" y="2493"/>
                </a:lnTo>
                <a:lnTo>
                  <a:pt x="8232" y="2499"/>
                </a:lnTo>
                <a:lnTo>
                  <a:pt x="8218" y="2505"/>
                </a:lnTo>
                <a:lnTo>
                  <a:pt x="8204" y="2510"/>
                </a:lnTo>
                <a:lnTo>
                  <a:pt x="8188" y="2514"/>
                </a:lnTo>
                <a:lnTo>
                  <a:pt x="8172" y="2519"/>
                </a:lnTo>
                <a:lnTo>
                  <a:pt x="8154" y="2522"/>
                </a:lnTo>
                <a:lnTo>
                  <a:pt x="8136" y="2525"/>
                </a:lnTo>
                <a:lnTo>
                  <a:pt x="8116" y="2528"/>
                </a:lnTo>
                <a:lnTo>
                  <a:pt x="8096" y="2530"/>
                </a:lnTo>
                <a:lnTo>
                  <a:pt x="8074" y="2531"/>
                </a:lnTo>
                <a:lnTo>
                  <a:pt x="8051" y="2531"/>
                </a:lnTo>
                <a:lnTo>
                  <a:pt x="8012" y="2530"/>
                </a:lnTo>
                <a:lnTo>
                  <a:pt x="7973" y="2528"/>
                </a:lnTo>
                <a:lnTo>
                  <a:pt x="7933" y="2523"/>
                </a:lnTo>
                <a:lnTo>
                  <a:pt x="7893" y="2517"/>
                </a:lnTo>
                <a:lnTo>
                  <a:pt x="7873" y="2512"/>
                </a:lnTo>
                <a:lnTo>
                  <a:pt x="7852" y="2507"/>
                </a:lnTo>
                <a:lnTo>
                  <a:pt x="7832" y="2501"/>
                </a:lnTo>
                <a:lnTo>
                  <a:pt x="7811" y="2495"/>
                </a:lnTo>
                <a:lnTo>
                  <a:pt x="7791" y="2488"/>
                </a:lnTo>
                <a:lnTo>
                  <a:pt x="7770" y="2480"/>
                </a:lnTo>
                <a:lnTo>
                  <a:pt x="7751" y="2472"/>
                </a:lnTo>
                <a:lnTo>
                  <a:pt x="7730" y="2463"/>
                </a:lnTo>
                <a:lnTo>
                  <a:pt x="7730" y="2648"/>
                </a:lnTo>
                <a:lnTo>
                  <a:pt x="7750" y="2655"/>
                </a:lnTo>
                <a:lnTo>
                  <a:pt x="7770" y="2662"/>
                </a:lnTo>
                <a:lnTo>
                  <a:pt x="7790" y="2666"/>
                </a:lnTo>
                <a:lnTo>
                  <a:pt x="7811" y="2672"/>
                </a:lnTo>
                <a:lnTo>
                  <a:pt x="7854" y="2679"/>
                </a:lnTo>
                <a:lnTo>
                  <a:pt x="7898" y="2686"/>
                </a:lnTo>
                <a:lnTo>
                  <a:pt x="7943" y="2691"/>
                </a:lnTo>
                <a:lnTo>
                  <a:pt x="7990" y="2695"/>
                </a:lnTo>
                <a:lnTo>
                  <a:pt x="8039" y="2697"/>
                </a:lnTo>
                <a:lnTo>
                  <a:pt x="8088" y="2697"/>
                </a:lnTo>
                <a:lnTo>
                  <a:pt x="8127" y="2697"/>
                </a:lnTo>
                <a:lnTo>
                  <a:pt x="8163" y="2695"/>
                </a:lnTo>
                <a:lnTo>
                  <a:pt x="8198" y="2691"/>
                </a:lnTo>
                <a:lnTo>
                  <a:pt x="8231" y="2687"/>
                </a:lnTo>
                <a:lnTo>
                  <a:pt x="8262" y="2681"/>
                </a:lnTo>
                <a:lnTo>
                  <a:pt x="8292" y="2675"/>
                </a:lnTo>
                <a:lnTo>
                  <a:pt x="8319" y="2667"/>
                </a:lnTo>
                <a:lnTo>
                  <a:pt x="8346" y="2658"/>
                </a:lnTo>
                <a:lnTo>
                  <a:pt x="8371" y="2648"/>
                </a:lnTo>
                <a:lnTo>
                  <a:pt x="8394" y="2637"/>
                </a:lnTo>
                <a:lnTo>
                  <a:pt x="8416" y="2626"/>
                </a:lnTo>
                <a:lnTo>
                  <a:pt x="8436" y="2614"/>
                </a:lnTo>
                <a:lnTo>
                  <a:pt x="8455" y="2601"/>
                </a:lnTo>
                <a:lnTo>
                  <a:pt x="8472" y="2587"/>
                </a:lnTo>
                <a:lnTo>
                  <a:pt x="8489" y="2572"/>
                </a:lnTo>
                <a:lnTo>
                  <a:pt x="8504" y="2556"/>
                </a:lnTo>
                <a:lnTo>
                  <a:pt x="8518" y="2541"/>
                </a:lnTo>
                <a:lnTo>
                  <a:pt x="8531" y="2524"/>
                </a:lnTo>
                <a:lnTo>
                  <a:pt x="8542" y="2507"/>
                </a:lnTo>
                <a:lnTo>
                  <a:pt x="8553" y="2489"/>
                </a:lnTo>
                <a:lnTo>
                  <a:pt x="8561" y="2472"/>
                </a:lnTo>
                <a:lnTo>
                  <a:pt x="8570" y="2453"/>
                </a:lnTo>
                <a:lnTo>
                  <a:pt x="8578" y="2433"/>
                </a:lnTo>
                <a:lnTo>
                  <a:pt x="8583" y="2415"/>
                </a:lnTo>
                <a:lnTo>
                  <a:pt x="8589" y="2395"/>
                </a:lnTo>
                <a:lnTo>
                  <a:pt x="8593" y="2375"/>
                </a:lnTo>
                <a:lnTo>
                  <a:pt x="8598" y="2355"/>
                </a:lnTo>
                <a:lnTo>
                  <a:pt x="8601" y="2336"/>
                </a:lnTo>
                <a:lnTo>
                  <a:pt x="8603" y="2315"/>
                </a:lnTo>
                <a:lnTo>
                  <a:pt x="8604" y="2295"/>
                </a:lnTo>
                <a:lnTo>
                  <a:pt x="8605" y="2274"/>
                </a:lnTo>
                <a:lnTo>
                  <a:pt x="8605" y="2254"/>
                </a:lnTo>
                <a:lnTo>
                  <a:pt x="8605" y="1545"/>
                </a:lnTo>
                <a:lnTo>
                  <a:pt x="8363" y="1545"/>
                </a:lnTo>
                <a:close/>
                <a:moveTo>
                  <a:pt x="6536" y="1946"/>
                </a:moveTo>
                <a:lnTo>
                  <a:pt x="6535" y="1975"/>
                </a:lnTo>
                <a:lnTo>
                  <a:pt x="6533" y="2003"/>
                </a:lnTo>
                <a:lnTo>
                  <a:pt x="6529" y="2029"/>
                </a:lnTo>
                <a:lnTo>
                  <a:pt x="6521" y="2053"/>
                </a:lnTo>
                <a:lnTo>
                  <a:pt x="6518" y="2065"/>
                </a:lnTo>
                <a:lnTo>
                  <a:pt x="6513" y="2077"/>
                </a:lnTo>
                <a:lnTo>
                  <a:pt x="6508" y="2088"/>
                </a:lnTo>
                <a:lnTo>
                  <a:pt x="6502" y="2098"/>
                </a:lnTo>
                <a:lnTo>
                  <a:pt x="6496" y="2109"/>
                </a:lnTo>
                <a:lnTo>
                  <a:pt x="6489" y="2119"/>
                </a:lnTo>
                <a:lnTo>
                  <a:pt x="6482" y="2128"/>
                </a:lnTo>
                <a:lnTo>
                  <a:pt x="6475" y="2137"/>
                </a:lnTo>
                <a:lnTo>
                  <a:pt x="6467" y="2146"/>
                </a:lnTo>
                <a:lnTo>
                  <a:pt x="6458" y="2153"/>
                </a:lnTo>
                <a:lnTo>
                  <a:pt x="6449" y="2161"/>
                </a:lnTo>
                <a:lnTo>
                  <a:pt x="6439" y="2168"/>
                </a:lnTo>
                <a:lnTo>
                  <a:pt x="6430" y="2174"/>
                </a:lnTo>
                <a:lnTo>
                  <a:pt x="6420" y="2181"/>
                </a:lnTo>
                <a:lnTo>
                  <a:pt x="6409" y="2186"/>
                </a:lnTo>
                <a:lnTo>
                  <a:pt x="6397" y="2191"/>
                </a:lnTo>
                <a:lnTo>
                  <a:pt x="6384" y="2195"/>
                </a:lnTo>
                <a:lnTo>
                  <a:pt x="6372" y="2199"/>
                </a:lnTo>
                <a:lnTo>
                  <a:pt x="6359" y="2203"/>
                </a:lnTo>
                <a:lnTo>
                  <a:pt x="6345" y="2205"/>
                </a:lnTo>
                <a:lnTo>
                  <a:pt x="6332" y="2207"/>
                </a:lnTo>
                <a:lnTo>
                  <a:pt x="6316" y="2209"/>
                </a:lnTo>
                <a:lnTo>
                  <a:pt x="6302" y="2210"/>
                </a:lnTo>
                <a:lnTo>
                  <a:pt x="6285" y="2210"/>
                </a:lnTo>
                <a:lnTo>
                  <a:pt x="6270" y="2210"/>
                </a:lnTo>
                <a:lnTo>
                  <a:pt x="6256" y="2209"/>
                </a:lnTo>
                <a:lnTo>
                  <a:pt x="6240" y="2207"/>
                </a:lnTo>
                <a:lnTo>
                  <a:pt x="6227" y="2205"/>
                </a:lnTo>
                <a:lnTo>
                  <a:pt x="6213" y="2203"/>
                </a:lnTo>
                <a:lnTo>
                  <a:pt x="6200" y="2199"/>
                </a:lnTo>
                <a:lnTo>
                  <a:pt x="6188" y="2195"/>
                </a:lnTo>
                <a:lnTo>
                  <a:pt x="6175" y="2191"/>
                </a:lnTo>
                <a:lnTo>
                  <a:pt x="6164" y="2186"/>
                </a:lnTo>
                <a:lnTo>
                  <a:pt x="6153" y="2181"/>
                </a:lnTo>
                <a:lnTo>
                  <a:pt x="6142" y="2174"/>
                </a:lnTo>
                <a:lnTo>
                  <a:pt x="6133" y="2168"/>
                </a:lnTo>
                <a:lnTo>
                  <a:pt x="6123" y="2161"/>
                </a:lnTo>
                <a:lnTo>
                  <a:pt x="6114" y="2153"/>
                </a:lnTo>
                <a:lnTo>
                  <a:pt x="6105" y="2146"/>
                </a:lnTo>
                <a:lnTo>
                  <a:pt x="6097" y="2137"/>
                </a:lnTo>
                <a:lnTo>
                  <a:pt x="6090" y="2128"/>
                </a:lnTo>
                <a:lnTo>
                  <a:pt x="6082" y="2119"/>
                </a:lnTo>
                <a:lnTo>
                  <a:pt x="6076" y="2109"/>
                </a:lnTo>
                <a:lnTo>
                  <a:pt x="6070" y="2098"/>
                </a:lnTo>
                <a:lnTo>
                  <a:pt x="6064" y="2088"/>
                </a:lnTo>
                <a:lnTo>
                  <a:pt x="6059" y="2077"/>
                </a:lnTo>
                <a:lnTo>
                  <a:pt x="6054" y="2065"/>
                </a:lnTo>
                <a:lnTo>
                  <a:pt x="6050" y="2053"/>
                </a:lnTo>
                <a:lnTo>
                  <a:pt x="6047" y="2041"/>
                </a:lnTo>
                <a:lnTo>
                  <a:pt x="6043" y="2029"/>
                </a:lnTo>
                <a:lnTo>
                  <a:pt x="6041" y="2016"/>
                </a:lnTo>
                <a:lnTo>
                  <a:pt x="6039" y="2003"/>
                </a:lnTo>
                <a:lnTo>
                  <a:pt x="6036" y="1975"/>
                </a:lnTo>
                <a:lnTo>
                  <a:pt x="6035" y="1946"/>
                </a:lnTo>
                <a:lnTo>
                  <a:pt x="6036" y="1917"/>
                </a:lnTo>
                <a:lnTo>
                  <a:pt x="6039" y="1890"/>
                </a:lnTo>
                <a:lnTo>
                  <a:pt x="6041" y="1877"/>
                </a:lnTo>
                <a:lnTo>
                  <a:pt x="6043" y="1863"/>
                </a:lnTo>
                <a:lnTo>
                  <a:pt x="6047" y="1851"/>
                </a:lnTo>
                <a:lnTo>
                  <a:pt x="6050" y="1838"/>
                </a:lnTo>
                <a:lnTo>
                  <a:pt x="6054" y="1827"/>
                </a:lnTo>
                <a:lnTo>
                  <a:pt x="6059" y="1815"/>
                </a:lnTo>
                <a:lnTo>
                  <a:pt x="6064" y="1804"/>
                </a:lnTo>
                <a:lnTo>
                  <a:pt x="6070" y="1793"/>
                </a:lnTo>
                <a:lnTo>
                  <a:pt x="6076" y="1783"/>
                </a:lnTo>
                <a:lnTo>
                  <a:pt x="6082" y="1773"/>
                </a:lnTo>
                <a:lnTo>
                  <a:pt x="6090" y="1763"/>
                </a:lnTo>
                <a:lnTo>
                  <a:pt x="6097" y="1755"/>
                </a:lnTo>
                <a:lnTo>
                  <a:pt x="6105" y="1746"/>
                </a:lnTo>
                <a:lnTo>
                  <a:pt x="6114" y="1738"/>
                </a:lnTo>
                <a:lnTo>
                  <a:pt x="6123" y="1730"/>
                </a:lnTo>
                <a:lnTo>
                  <a:pt x="6133" y="1724"/>
                </a:lnTo>
                <a:lnTo>
                  <a:pt x="6142" y="1717"/>
                </a:lnTo>
                <a:lnTo>
                  <a:pt x="6153" y="1711"/>
                </a:lnTo>
                <a:lnTo>
                  <a:pt x="6164" y="1705"/>
                </a:lnTo>
                <a:lnTo>
                  <a:pt x="6175" y="1701"/>
                </a:lnTo>
                <a:lnTo>
                  <a:pt x="6188" y="1696"/>
                </a:lnTo>
                <a:lnTo>
                  <a:pt x="6200" y="1692"/>
                </a:lnTo>
                <a:lnTo>
                  <a:pt x="6213" y="1689"/>
                </a:lnTo>
                <a:lnTo>
                  <a:pt x="6227" y="1687"/>
                </a:lnTo>
                <a:lnTo>
                  <a:pt x="6240" y="1684"/>
                </a:lnTo>
                <a:lnTo>
                  <a:pt x="6256" y="1682"/>
                </a:lnTo>
                <a:lnTo>
                  <a:pt x="6270" y="1681"/>
                </a:lnTo>
                <a:lnTo>
                  <a:pt x="6285" y="1681"/>
                </a:lnTo>
                <a:lnTo>
                  <a:pt x="6302" y="1681"/>
                </a:lnTo>
                <a:lnTo>
                  <a:pt x="6316" y="1682"/>
                </a:lnTo>
                <a:lnTo>
                  <a:pt x="6332" y="1684"/>
                </a:lnTo>
                <a:lnTo>
                  <a:pt x="6345" y="1687"/>
                </a:lnTo>
                <a:lnTo>
                  <a:pt x="6359" y="1689"/>
                </a:lnTo>
                <a:lnTo>
                  <a:pt x="6372" y="1692"/>
                </a:lnTo>
                <a:lnTo>
                  <a:pt x="6384" y="1696"/>
                </a:lnTo>
                <a:lnTo>
                  <a:pt x="6397" y="1701"/>
                </a:lnTo>
                <a:lnTo>
                  <a:pt x="6409" y="1705"/>
                </a:lnTo>
                <a:lnTo>
                  <a:pt x="6420" y="1711"/>
                </a:lnTo>
                <a:lnTo>
                  <a:pt x="6430" y="1717"/>
                </a:lnTo>
                <a:lnTo>
                  <a:pt x="6439" y="1724"/>
                </a:lnTo>
                <a:lnTo>
                  <a:pt x="6449" y="1730"/>
                </a:lnTo>
                <a:lnTo>
                  <a:pt x="6458" y="1738"/>
                </a:lnTo>
                <a:lnTo>
                  <a:pt x="6467" y="1746"/>
                </a:lnTo>
                <a:lnTo>
                  <a:pt x="6475" y="1755"/>
                </a:lnTo>
                <a:lnTo>
                  <a:pt x="6482" y="1763"/>
                </a:lnTo>
                <a:lnTo>
                  <a:pt x="6489" y="1773"/>
                </a:lnTo>
                <a:lnTo>
                  <a:pt x="6496" y="1783"/>
                </a:lnTo>
                <a:lnTo>
                  <a:pt x="6502" y="1793"/>
                </a:lnTo>
                <a:lnTo>
                  <a:pt x="6508" y="1804"/>
                </a:lnTo>
                <a:lnTo>
                  <a:pt x="6513" y="1815"/>
                </a:lnTo>
                <a:lnTo>
                  <a:pt x="6518" y="1827"/>
                </a:lnTo>
                <a:lnTo>
                  <a:pt x="6521" y="1838"/>
                </a:lnTo>
                <a:lnTo>
                  <a:pt x="6529" y="1863"/>
                </a:lnTo>
                <a:lnTo>
                  <a:pt x="6533" y="1890"/>
                </a:lnTo>
                <a:lnTo>
                  <a:pt x="6535" y="1917"/>
                </a:lnTo>
                <a:lnTo>
                  <a:pt x="6536" y="1946"/>
                </a:lnTo>
                <a:close/>
                <a:moveTo>
                  <a:pt x="1833" y="624"/>
                </a:moveTo>
                <a:lnTo>
                  <a:pt x="1313" y="624"/>
                </a:lnTo>
                <a:lnTo>
                  <a:pt x="1313" y="1829"/>
                </a:lnTo>
                <a:lnTo>
                  <a:pt x="1833" y="1311"/>
                </a:lnTo>
                <a:lnTo>
                  <a:pt x="1833" y="624"/>
                </a:lnTo>
                <a:close/>
                <a:moveTo>
                  <a:pt x="9904" y="3711"/>
                </a:moveTo>
                <a:lnTo>
                  <a:pt x="9786" y="3711"/>
                </a:lnTo>
                <a:lnTo>
                  <a:pt x="9786" y="3957"/>
                </a:lnTo>
                <a:lnTo>
                  <a:pt x="9786" y="3967"/>
                </a:lnTo>
                <a:lnTo>
                  <a:pt x="9787" y="3976"/>
                </a:lnTo>
                <a:lnTo>
                  <a:pt x="9789" y="3984"/>
                </a:lnTo>
                <a:lnTo>
                  <a:pt x="9791" y="3991"/>
                </a:lnTo>
                <a:lnTo>
                  <a:pt x="9794" y="3999"/>
                </a:lnTo>
                <a:lnTo>
                  <a:pt x="9798" y="4006"/>
                </a:lnTo>
                <a:lnTo>
                  <a:pt x="9801" y="4011"/>
                </a:lnTo>
                <a:lnTo>
                  <a:pt x="9807" y="4017"/>
                </a:lnTo>
                <a:lnTo>
                  <a:pt x="9811" y="4022"/>
                </a:lnTo>
                <a:lnTo>
                  <a:pt x="9816" y="4025"/>
                </a:lnTo>
                <a:lnTo>
                  <a:pt x="9822" y="4030"/>
                </a:lnTo>
                <a:lnTo>
                  <a:pt x="9829" y="4032"/>
                </a:lnTo>
                <a:lnTo>
                  <a:pt x="9835" y="4034"/>
                </a:lnTo>
                <a:lnTo>
                  <a:pt x="9842" y="4036"/>
                </a:lnTo>
                <a:lnTo>
                  <a:pt x="9848" y="4037"/>
                </a:lnTo>
                <a:lnTo>
                  <a:pt x="9855" y="4037"/>
                </a:lnTo>
                <a:lnTo>
                  <a:pt x="9865" y="4037"/>
                </a:lnTo>
                <a:lnTo>
                  <a:pt x="9874" y="4036"/>
                </a:lnTo>
                <a:lnTo>
                  <a:pt x="9881" y="4034"/>
                </a:lnTo>
                <a:lnTo>
                  <a:pt x="9889" y="4033"/>
                </a:lnTo>
                <a:lnTo>
                  <a:pt x="9901" y="4028"/>
                </a:lnTo>
                <a:lnTo>
                  <a:pt x="9912" y="4022"/>
                </a:lnTo>
                <a:lnTo>
                  <a:pt x="9912" y="4092"/>
                </a:lnTo>
                <a:lnTo>
                  <a:pt x="9897" y="4097"/>
                </a:lnTo>
                <a:lnTo>
                  <a:pt x="9879" y="4100"/>
                </a:lnTo>
                <a:lnTo>
                  <a:pt x="9860" y="4103"/>
                </a:lnTo>
                <a:lnTo>
                  <a:pt x="9842" y="4104"/>
                </a:lnTo>
                <a:lnTo>
                  <a:pt x="9825" y="4104"/>
                </a:lnTo>
                <a:lnTo>
                  <a:pt x="9811" y="4103"/>
                </a:lnTo>
                <a:lnTo>
                  <a:pt x="9797" y="4100"/>
                </a:lnTo>
                <a:lnTo>
                  <a:pt x="9783" y="4097"/>
                </a:lnTo>
                <a:lnTo>
                  <a:pt x="9771" y="4092"/>
                </a:lnTo>
                <a:lnTo>
                  <a:pt x="9759" y="4087"/>
                </a:lnTo>
                <a:lnTo>
                  <a:pt x="9749" y="4080"/>
                </a:lnTo>
                <a:lnTo>
                  <a:pt x="9739" y="4073"/>
                </a:lnTo>
                <a:lnTo>
                  <a:pt x="9731" y="4065"/>
                </a:lnTo>
                <a:lnTo>
                  <a:pt x="9724" y="4055"/>
                </a:lnTo>
                <a:lnTo>
                  <a:pt x="9717" y="4044"/>
                </a:lnTo>
                <a:lnTo>
                  <a:pt x="9712" y="4032"/>
                </a:lnTo>
                <a:lnTo>
                  <a:pt x="9708" y="4020"/>
                </a:lnTo>
                <a:lnTo>
                  <a:pt x="9704" y="4006"/>
                </a:lnTo>
                <a:lnTo>
                  <a:pt x="9703" y="3990"/>
                </a:lnTo>
                <a:lnTo>
                  <a:pt x="9702" y="3974"/>
                </a:lnTo>
                <a:lnTo>
                  <a:pt x="9702" y="3711"/>
                </a:lnTo>
                <a:lnTo>
                  <a:pt x="9601" y="3711"/>
                </a:lnTo>
                <a:lnTo>
                  <a:pt x="9601" y="3644"/>
                </a:lnTo>
                <a:lnTo>
                  <a:pt x="9702" y="3644"/>
                </a:lnTo>
                <a:lnTo>
                  <a:pt x="9702" y="3540"/>
                </a:lnTo>
                <a:lnTo>
                  <a:pt x="9786" y="3514"/>
                </a:lnTo>
                <a:lnTo>
                  <a:pt x="9786" y="3644"/>
                </a:lnTo>
                <a:lnTo>
                  <a:pt x="9904" y="3644"/>
                </a:lnTo>
                <a:lnTo>
                  <a:pt x="9904" y="3711"/>
                </a:lnTo>
                <a:close/>
                <a:moveTo>
                  <a:pt x="9115" y="3644"/>
                </a:moveTo>
                <a:lnTo>
                  <a:pt x="9194" y="3644"/>
                </a:lnTo>
                <a:lnTo>
                  <a:pt x="9194" y="3716"/>
                </a:lnTo>
                <a:lnTo>
                  <a:pt x="9196" y="3716"/>
                </a:lnTo>
                <a:lnTo>
                  <a:pt x="9202" y="3706"/>
                </a:lnTo>
                <a:lnTo>
                  <a:pt x="9207" y="3697"/>
                </a:lnTo>
                <a:lnTo>
                  <a:pt x="9214" y="3689"/>
                </a:lnTo>
                <a:lnTo>
                  <a:pt x="9221" y="3681"/>
                </a:lnTo>
                <a:lnTo>
                  <a:pt x="9229" y="3674"/>
                </a:lnTo>
                <a:lnTo>
                  <a:pt x="9238" y="3667"/>
                </a:lnTo>
                <a:lnTo>
                  <a:pt x="9247" y="3661"/>
                </a:lnTo>
                <a:lnTo>
                  <a:pt x="9255" y="3655"/>
                </a:lnTo>
                <a:lnTo>
                  <a:pt x="9265" y="3650"/>
                </a:lnTo>
                <a:lnTo>
                  <a:pt x="9276" y="3645"/>
                </a:lnTo>
                <a:lnTo>
                  <a:pt x="9287" y="3642"/>
                </a:lnTo>
                <a:lnTo>
                  <a:pt x="9298" y="3639"/>
                </a:lnTo>
                <a:lnTo>
                  <a:pt x="9309" y="3637"/>
                </a:lnTo>
                <a:lnTo>
                  <a:pt x="9320" y="3634"/>
                </a:lnTo>
                <a:lnTo>
                  <a:pt x="9332" y="3633"/>
                </a:lnTo>
                <a:lnTo>
                  <a:pt x="9345" y="3633"/>
                </a:lnTo>
                <a:lnTo>
                  <a:pt x="9365" y="3634"/>
                </a:lnTo>
                <a:lnTo>
                  <a:pt x="9385" y="3637"/>
                </a:lnTo>
                <a:lnTo>
                  <a:pt x="9403" y="3641"/>
                </a:lnTo>
                <a:lnTo>
                  <a:pt x="9419" y="3647"/>
                </a:lnTo>
                <a:lnTo>
                  <a:pt x="9435" y="3654"/>
                </a:lnTo>
                <a:lnTo>
                  <a:pt x="9449" y="3663"/>
                </a:lnTo>
                <a:lnTo>
                  <a:pt x="9461" y="3673"/>
                </a:lnTo>
                <a:lnTo>
                  <a:pt x="9472" y="3685"/>
                </a:lnTo>
                <a:lnTo>
                  <a:pt x="9482" y="3698"/>
                </a:lnTo>
                <a:lnTo>
                  <a:pt x="9490" y="3712"/>
                </a:lnTo>
                <a:lnTo>
                  <a:pt x="9497" y="3728"/>
                </a:lnTo>
                <a:lnTo>
                  <a:pt x="9503" y="3745"/>
                </a:lnTo>
                <a:lnTo>
                  <a:pt x="9507" y="3764"/>
                </a:lnTo>
                <a:lnTo>
                  <a:pt x="9511" y="3784"/>
                </a:lnTo>
                <a:lnTo>
                  <a:pt x="9512" y="3805"/>
                </a:lnTo>
                <a:lnTo>
                  <a:pt x="9513" y="3827"/>
                </a:lnTo>
                <a:lnTo>
                  <a:pt x="9513" y="4095"/>
                </a:lnTo>
                <a:lnTo>
                  <a:pt x="9429" y="4095"/>
                </a:lnTo>
                <a:lnTo>
                  <a:pt x="9429" y="3861"/>
                </a:lnTo>
                <a:lnTo>
                  <a:pt x="9429" y="3842"/>
                </a:lnTo>
                <a:lnTo>
                  <a:pt x="9428" y="3824"/>
                </a:lnTo>
                <a:lnTo>
                  <a:pt x="9427" y="3808"/>
                </a:lnTo>
                <a:lnTo>
                  <a:pt x="9425" y="3793"/>
                </a:lnTo>
                <a:lnTo>
                  <a:pt x="9423" y="3778"/>
                </a:lnTo>
                <a:lnTo>
                  <a:pt x="9418" y="3765"/>
                </a:lnTo>
                <a:lnTo>
                  <a:pt x="9414" y="3753"/>
                </a:lnTo>
                <a:lnTo>
                  <a:pt x="9409" y="3743"/>
                </a:lnTo>
                <a:lnTo>
                  <a:pt x="9403" y="3733"/>
                </a:lnTo>
                <a:lnTo>
                  <a:pt x="9396" y="3726"/>
                </a:lnTo>
                <a:lnTo>
                  <a:pt x="9389" y="3719"/>
                </a:lnTo>
                <a:lnTo>
                  <a:pt x="9380" y="3712"/>
                </a:lnTo>
                <a:lnTo>
                  <a:pt x="9370" y="3708"/>
                </a:lnTo>
                <a:lnTo>
                  <a:pt x="9359" y="3705"/>
                </a:lnTo>
                <a:lnTo>
                  <a:pt x="9347" y="3701"/>
                </a:lnTo>
                <a:lnTo>
                  <a:pt x="9335" y="3700"/>
                </a:lnTo>
                <a:lnTo>
                  <a:pt x="9317" y="3701"/>
                </a:lnTo>
                <a:lnTo>
                  <a:pt x="9302" y="3704"/>
                </a:lnTo>
                <a:lnTo>
                  <a:pt x="9286" y="3708"/>
                </a:lnTo>
                <a:lnTo>
                  <a:pt x="9273" y="3714"/>
                </a:lnTo>
                <a:lnTo>
                  <a:pt x="9261" y="3721"/>
                </a:lnTo>
                <a:lnTo>
                  <a:pt x="9249" y="3730"/>
                </a:lnTo>
                <a:lnTo>
                  <a:pt x="9239" y="3741"/>
                </a:lnTo>
                <a:lnTo>
                  <a:pt x="9230" y="3752"/>
                </a:lnTo>
                <a:lnTo>
                  <a:pt x="9222" y="3765"/>
                </a:lnTo>
                <a:lnTo>
                  <a:pt x="9216" y="3779"/>
                </a:lnTo>
                <a:lnTo>
                  <a:pt x="9210" y="3795"/>
                </a:lnTo>
                <a:lnTo>
                  <a:pt x="9205" y="3810"/>
                </a:lnTo>
                <a:lnTo>
                  <a:pt x="9202" y="3828"/>
                </a:lnTo>
                <a:lnTo>
                  <a:pt x="9199" y="3846"/>
                </a:lnTo>
                <a:lnTo>
                  <a:pt x="9198" y="3865"/>
                </a:lnTo>
                <a:lnTo>
                  <a:pt x="9197" y="3886"/>
                </a:lnTo>
                <a:lnTo>
                  <a:pt x="9197" y="4095"/>
                </a:lnTo>
                <a:lnTo>
                  <a:pt x="9115" y="4095"/>
                </a:lnTo>
                <a:lnTo>
                  <a:pt x="9115" y="3644"/>
                </a:lnTo>
                <a:close/>
                <a:moveTo>
                  <a:pt x="8957" y="3992"/>
                </a:moveTo>
                <a:lnTo>
                  <a:pt x="8947" y="3999"/>
                </a:lnTo>
                <a:lnTo>
                  <a:pt x="8934" y="4007"/>
                </a:lnTo>
                <a:lnTo>
                  <a:pt x="8919" y="4014"/>
                </a:lnTo>
                <a:lnTo>
                  <a:pt x="8900" y="4021"/>
                </a:lnTo>
                <a:lnTo>
                  <a:pt x="8880" y="4028"/>
                </a:lnTo>
                <a:lnTo>
                  <a:pt x="8861" y="4033"/>
                </a:lnTo>
                <a:lnTo>
                  <a:pt x="8839" y="4036"/>
                </a:lnTo>
                <a:lnTo>
                  <a:pt x="8819" y="4037"/>
                </a:lnTo>
                <a:lnTo>
                  <a:pt x="8803" y="4036"/>
                </a:lnTo>
                <a:lnTo>
                  <a:pt x="8789" y="4035"/>
                </a:lnTo>
                <a:lnTo>
                  <a:pt x="8776" y="4031"/>
                </a:lnTo>
                <a:lnTo>
                  <a:pt x="8762" y="4026"/>
                </a:lnTo>
                <a:lnTo>
                  <a:pt x="8749" y="4021"/>
                </a:lnTo>
                <a:lnTo>
                  <a:pt x="8736" y="4013"/>
                </a:lnTo>
                <a:lnTo>
                  <a:pt x="8725" y="4006"/>
                </a:lnTo>
                <a:lnTo>
                  <a:pt x="8714" y="3996"/>
                </a:lnTo>
                <a:lnTo>
                  <a:pt x="8704" y="3986"/>
                </a:lnTo>
                <a:lnTo>
                  <a:pt x="8696" y="3974"/>
                </a:lnTo>
                <a:lnTo>
                  <a:pt x="8688" y="3962"/>
                </a:lnTo>
                <a:lnTo>
                  <a:pt x="8682" y="3949"/>
                </a:lnTo>
                <a:lnTo>
                  <a:pt x="8677" y="3934"/>
                </a:lnTo>
                <a:lnTo>
                  <a:pt x="8672" y="3920"/>
                </a:lnTo>
                <a:lnTo>
                  <a:pt x="8670" y="3903"/>
                </a:lnTo>
                <a:lnTo>
                  <a:pt x="8670" y="3887"/>
                </a:lnTo>
                <a:lnTo>
                  <a:pt x="8991" y="3887"/>
                </a:lnTo>
                <a:lnTo>
                  <a:pt x="8991" y="3861"/>
                </a:lnTo>
                <a:lnTo>
                  <a:pt x="8989" y="3835"/>
                </a:lnTo>
                <a:lnTo>
                  <a:pt x="8986" y="3810"/>
                </a:lnTo>
                <a:lnTo>
                  <a:pt x="8982" y="3787"/>
                </a:lnTo>
                <a:lnTo>
                  <a:pt x="8976" y="3764"/>
                </a:lnTo>
                <a:lnTo>
                  <a:pt x="8968" y="3743"/>
                </a:lnTo>
                <a:lnTo>
                  <a:pt x="8960" y="3725"/>
                </a:lnTo>
                <a:lnTo>
                  <a:pt x="8949" y="3706"/>
                </a:lnTo>
                <a:lnTo>
                  <a:pt x="8942" y="3698"/>
                </a:lnTo>
                <a:lnTo>
                  <a:pt x="8936" y="3690"/>
                </a:lnTo>
                <a:lnTo>
                  <a:pt x="8929" y="3683"/>
                </a:lnTo>
                <a:lnTo>
                  <a:pt x="8922" y="3676"/>
                </a:lnTo>
                <a:lnTo>
                  <a:pt x="8913" y="3670"/>
                </a:lnTo>
                <a:lnTo>
                  <a:pt x="8906" y="3663"/>
                </a:lnTo>
                <a:lnTo>
                  <a:pt x="8897" y="3658"/>
                </a:lnTo>
                <a:lnTo>
                  <a:pt x="8887" y="3653"/>
                </a:lnTo>
                <a:lnTo>
                  <a:pt x="8877" y="3649"/>
                </a:lnTo>
                <a:lnTo>
                  <a:pt x="8867" y="3644"/>
                </a:lnTo>
                <a:lnTo>
                  <a:pt x="8856" y="3641"/>
                </a:lnTo>
                <a:lnTo>
                  <a:pt x="8844" y="3639"/>
                </a:lnTo>
                <a:lnTo>
                  <a:pt x="8832" y="3637"/>
                </a:lnTo>
                <a:lnTo>
                  <a:pt x="8820" y="3634"/>
                </a:lnTo>
                <a:lnTo>
                  <a:pt x="8807" y="3633"/>
                </a:lnTo>
                <a:lnTo>
                  <a:pt x="8792" y="3633"/>
                </a:lnTo>
                <a:lnTo>
                  <a:pt x="8769" y="3634"/>
                </a:lnTo>
                <a:lnTo>
                  <a:pt x="8747" y="3638"/>
                </a:lnTo>
                <a:lnTo>
                  <a:pt x="8725" y="3643"/>
                </a:lnTo>
                <a:lnTo>
                  <a:pt x="8705" y="3650"/>
                </a:lnTo>
                <a:lnTo>
                  <a:pt x="8687" y="3660"/>
                </a:lnTo>
                <a:lnTo>
                  <a:pt x="8670" y="3671"/>
                </a:lnTo>
                <a:lnTo>
                  <a:pt x="8654" y="3683"/>
                </a:lnTo>
                <a:lnTo>
                  <a:pt x="8639" y="3697"/>
                </a:lnTo>
                <a:lnTo>
                  <a:pt x="8626" y="3714"/>
                </a:lnTo>
                <a:lnTo>
                  <a:pt x="8614" y="3730"/>
                </a:lnTo>
                <a:lnTo>
                  <a:pt x="8604" y="3750"/>
                </a:lnTo>
                <a:lnTo>
                  <a:pt x="8597" y="3770"/>
                </a:lnTo>
                <a:lnTo>
                  <a:pt x="8590" y="3790"/>
                </a:lnTo>
                <a:lnTo>
                  <a:pt x="8586" y="3813"/>
                </a:lnTo>
                <a:lnTo>
                  <a:pt x="8582" y="3837"/>
                </a:lnTo>
                <a:lnTo>
                  <a:pt x="8581" y="3861"/>
                </a:lnTo>
                <a:lnTo>
                  <a:pt x="8582" y="3888"/>
                </a:lnTo>
                <a:lnTo>
                  <a:pt x="8584" y="3913"/>
                </a:lnTo>
                <a:lnTo>
                  <a:pt x="8589" y="3938"/>
                </a:lnTo>
                <a:lnTo>
                  <a:pt x="8595" y="3961"/>
                </a:lnTo>
                <a:lnTo>
                  <a:pt x="8599" y="3972"/>
                </a:lnTo>
                <a:lnTo>
                  <a:pt x="8603" y="3983"/>
                </a:lnTo>
                <a:lnTo>
                  <a:pt x="8608" y="3992"/>
                </a:lnTo>
                <a:lnTo>
                  <a:pt x="8613" y="4002"/>
                </a:lnTo>
                <a:lnTo>
                  <a:pt x="8619" y="4012"/>
                </a:lnTo>
                <a:lnTo>
                  <a:pt x="8625" y="4021"/>
                </a:lnTo>
                <a:lnTo>
                  <a:pt x="8631" y="4030"/>
                </a:lnTo>
                <a:lnTo>
                  <a:pt x="8638" y="4037"/>
                </a:lnTo>
                <a:lnTo>
                  <a:pt x="8646" y="4045"/>
                </a:lnTo>
                <a:lnTo>
                  <a:pt x="8654" y="4053"/>
                </a:lnTo>
                <a:lnTo>
                  <a:pt x="8661" y="4059"/>
                </a:lnTo>
                <a:lnTo>
                  <a:pt x="8670" y="4066"/>
                </a:lnTo>
                <a:lnTo>
                  <a:pt x="8680" y="4073"/>
                </a:lnTo>
                <a:lnTo>
                  <a:pt x="8690" y="4078"/>
                </a:lnTo>
                <a:lnTo>
                  <a:pt x="8700" y="4082"/>
                </a:lnTo>
                <a:lnTo>
                  <a:pt x="8711" y="4087"/>
                </a:lnTo>
                <a:lnTo>
                  <a:pt x="8722" y="4091"/>
                </a:lnTo>
                <a:lnTo>
                  <a:pt x="8734" y="4095"/>
                </a:lnTo>
                <a:lnTo>
                  <a:pt x="8746" y="4098"/>
                </a:lnTo>
                <a:lnTo>
                  <a:pt x="8759" y="4100"/>
                </a:lnTo>
                <a:lnTo>
                  <a:pt x="8773" y="4102"/>
                </a:lnTo>
                <a:lnTo>
                  <a:pt x="8786" y="4103"/>
                </a:lnTo>
                <a:lnTo>
                  <a:pt x="8800" y="4104"/>
                </a:lnTo>
                <a:lnTo>
                  <a:pt x="8815" y="4104"/>
                </a:lnTo>
                <a:lnTo>
                  <a:pt x="8841" y="4104"/>
                </a:lnTo>
                <a:lnTo>
                  <a:pt x="8864" y="4102"/>
                </a:lnTo>
                <a:lnTo>
                  <a:pt x="8884" y="4099"/>
                </a:lnTo>
                <a:lnTo>
                  <a:pt x="8902" y="4095"/>
                </a:lnTo>
                <a:lnTo>
                  <a:pt x="8932" y="4085"/>
                </a:lnTo>
                <a:lnTo>
                  <a:pt x="8957" y="4076"/>
                </a:lnTo>
                <a:lnTo>
                  <a:pt x="8957" y="3992"/>
                </a:lnTo>
                <a:close/>
                <a:moveTo>
                  <a:pt x="7813" y="3644"/>
                </a:moveTo>
                <a:lnTo>
                  <a:pt x="7891" y="3644"/>
                </a:lnTo>
                <a:lnTo>
                  <a:pt x="7891" y="3709"/>
                </a:lnTo>
                <a:lnTo>
                  <a:pt x="7893" y="3709"/>
                </a:lnTo>
                <a:lnTo>
                  <a:pt x="7899" y="3700"/>
                </a:lnTo>
                <a:lnTo>
                  <a:pt x="7906" y="3692"/>
                </a:lnTo>
                <a:lnTo>
                  <a:pt x="7912" y="3683"/>
                </a:lnTo>
                <a:lnTo>
                  <a:pt x="7920" y="3675"/>
                </a:lnTo>
                <a:lnTo>
                  <a:pt x="7927" y="3669"/>
                </a:lnTo>
                <a:lnTo>
                  <a:pt x="7934" y="3663"/>
                </a:lnTo>
                <a:lnTo>
                  <a:pt x="7943" y="3656"/>
                </a:lnTo>
                <a:lnTo>
                  <a:pt x="7952" y="3652"/>
                </a:lnTo>
                <a:lnTo>
                  <a:pt x="7961" y="3648"/>
                </a:lnTo>
                <a:lnTo>
                  <a:pt x="7971" y="3643"/>
                </a:lnTo>
                <a:lnTo>
                  <a:pt x="7981" y="3641"/>
                </a:lnTo>
                <a:lnTo>
                  <a:pt x="7990" y="3638"/>
                </a:lnTo>
                <a:lnTo>
                  <a:pt x="8001" y="3636"/>
                </a:lnTo>
                <a:lnTo>
                  <a:pt x="8012" y="3634"/>
                </a:lnTo>
                <a:lnTo>
                  <a:pt x="8025" y="3633"/>
                </a:lnTo>
                <a:lnTo>
                  <a:pt x="8037" y="3633"/>
                </a:lnTo>
                <a:lnTo>
                  <a:pt x="8047" y="3633"/>
                </a:lnTo>
                <a:lnTo>
                  <a:pt x="8055" y="3634"/>
                </a:lnTo>
                <a:lnTo>
                  <a:pt x="8065" y="3637"/>
                </a:lnTo>
                <a:lnTo>
                  <a:pt x="8075" y="3639"/>
                </a:lnTo>
                <a:lnTo>
                  <a:pt x="8084" y="3641"/>
                </a:lnTo>
                <a:lnTo>
                  <a:pt x="8094" y="3645"/>
                </a:lnTo>
                <a:lnTo>
                  <a:pt x="8103" y="3649"/>
                </a:lnTo>
                <a:lnTo>
                  <a:pt x="8111" y="3654"/>
                </a:lnTo>
                <a:lnTo>
                  <a:pt x="8119" y="3660"/>
                </a:lnTo>
                <a:lnTo>
                  <a:pt x="8127" y="3666"/>
                </a:lnTo>
                <a:lnTo>
                  <a:pt x="8135" y="3674"/>
                </a:lnTo>
                <a:lnTo>
                  <a:pt x="8142" y="3682"/>
                </a:lnTo>
                <a:lnTo>
                  <a:pt x="8148" y="3690"/>
                </a:lnTo>
                <a:lnTo>
                  <a:pt x="8154" y="3699"/>
                </a:lnTo>
                <a:lnTo>
                  <a:pt x="8160" y="3710"/>
                </a:lnTo>
                <a:lnTo>
                  <a:pt x="8164" y="3721"/>
                </a:lnTo>
                <a:lnTo>
                  <a:pt x="8171" y="3709"/>
                </a:lnTo>
                <a:lnTo>
                  <a:pt x="8177" y="3698"/>
                </a:lnTo>
                <a:lnTo>
                  <a:pt x="8185" y="3688"/>
                </a:lnTo>
                <a:lnTo>
                  <a:pt x="8194" y="3679"/>
                </a:lnTo>
                <a:lnTo>
                  <a:pt x="8203" y="3672"/>
                </a:lnTo>
                <a:lnTo>
                  <a:pt x="8212" y="3665"/>
                </a:lnTo>
                <a:lnTo>
                  <a:pt x="8221" y="3659"/>
                </a:lnTo>
                <a:lnTo>
                  <a:pt x="8230" y="3653"/>
                </a:lnTo>
                <a:lnTo>
                  <a:pt x="8240" y="3648"/>
                </a:lnTo>
                <a:lnTo>
                  <a:pt x="8250" y="3644"/>
                </a:lnTo>
                <a:lnTo>
                  <a:pt x="8260" y="3641"/>
                </a:lnTo>
                <a:lnTo>
                  <a:pt x="8270" y="3638"/>
                </a:lnTo>
                <a:lnTo>
                  <a:pt x="8287" y="3634"/>
                </a:lnTo>
                <a:lnTo>
                  <a:pt x="8304" y="3633"/>
                </a:lnTo>
                <a:lnTo>
                  <a:pt x="8325" y="3634"/>
                </a:lnTo>
                <a:lnTo>
                  <a:pt x="8344" y="3637"/>
                </a:lnTo>
                <a:lnTo>
                  <a:pt x="8361" y="3641"/>
                </a:lnTo>
                <a:lnTo>
                  <a:pt x="8378" y="3647"/>
                </a:lnTo>
                <a:lnTo>
                  <a:pt x="8392" y="3653"/>
                </a:lnTo>
                <a:lnTo>
                  <a:pt x="8404" y="3662"/>
                </a:lnTo>
                <a:lnTo>
                  <a:pt x="8415" y="3672"/>
                </a:lnTo>
                <a:lnTo>
                  <a:pt x="8426" y="3683"/>
                </a:lnTo>
                <a:lnTo>
                  <a:pt x="8434" y="3695"/>
                </a:lnTo>
                <a:lnTo>
                  <a:pt x="8441" y="3708"/>
                </a:lnTo>
                <a:lnTo>
                  <a:pt x="8448" y="3722"/>
                </a:lnTo>
                <a:lnTo>
                  <a:pt x="8452" y="3738"/>
                </a:lnTo>
                <a:lnTo>
                  <a:pt x="8456" y="3753"/>
                </a:lnTo>
                <a:lnTo>
                  <a:pt x="8459" y="3770"/>
                </a:lnTo>
                <a:lnTo>
                  <a:pt x="8460" y="3787"/>
                </a:lnTo>
                <a:lnTo>
                  <a:pt x="8461" y="3806"/>
                </a:lnTo>
                <a:lnTo>
                  <a:pt x="8461" y="4095"/>
                </a:lnTo>
                <a:lnTo>
                  <a:pt x="8378" y="4095"/>
                </a:lnTo>
                <a:lnTo>
                  <a:pt x="8378" y="3826"/>
                </a:lnTo>
                <a:lnTo>
                  <a:pt x="8377" y="3805"/>
                </a:lnTo>
                <a:lnTo>
                  <a:pt x="8374" y="3783"/>
                </a:lnTo>
                <a:lnTo>
                  <a:pt x="8372" y="3772"/>
                </a:lnTo>
                <a:lnTo>
                  <a:pt x="8370" y="3762"/>
                </a:lnTo>
                <a:lnTo>
                  <a:pt x="8367" y="3752"/>
                </a:lnTo>
                <a:lnTo>
                  <a:pt x="8362" y="3742"/>
                </a:lnTo>
                <a:lnTo>
                  <a:pt x="8358" y="3733"/>
                </a:lnTo>
                <a:lnTo>
                  <a:pt x="8352" y="3726"/>
                </a:lnTo>
                <a:lnTo>
                  <a:pt x="8346" y="3718"/>
                </a:lnTo>
                <a:lnTo>
                  <a:pt x="8338" y="3712"/>
                </a:lnTo>
                <a:lnTo>
                  <a:pt x="8329" y="3707"/>
                </a:lnTo>
                <a:lnTo>
                  <a:pt x="8320" y="3704"/>
                </a:lnTo>
                <a:lnTo>
                  <a:pt x="8309" y="3701"/>
                </a:lnTo>
                <a:lnTo>
                  <a:pt x="8297" y="3700"/>
                </a:lnTo>
                <a:lnTo>
                  <a:pt x="8282" y="3701"/>
                </a:lnTo>
                <a:lnTo>
                  <a:pt x="8268" y="3705"/>
                </a:lnTo>
                <a:lnTo>
                  <a:pt x="8254" y="3709"/>
                </a:lnTo>
                <a:lnTo>
                  <a:pt x="8242" y="3715"/>
                </a:lnTo>
                <a:lnTo>
                  <a:pt x="8232" y="3722"/>
                </a:lnTo>
                <a:lnTo>
                  <a:pt x="8223" y="3731"/>
                </a:lnTo>
                <a:lnTo>
                  <a:pt x="8214" y="3741"/>
                </a:lnTo>
                <a:lnTo>
                  <a:pt x="8206" y="3752"/>
                </a:lnTo>
                <a:lnTo>
                  <a:pt x="8199" y="3764"/>
                </a:lnTo>
                <a:lnTo>
                  <a:pt x="8194" y="3777"/>
                </a:lnTo>
                <a:lnTo>
                  <a:pt x="8190" y="3791"/>
                </a:lnTo>
                <a:lnTo>
                  <a:pt x="8185" y="3806"/>
                </a:lnTo>
                <a:lnTo>
                  <a:pt x="8182" y="3821"/>
                </a:lnTo>
                <a:lnTo>
                  <a:pt x="8181" y="3835"/>
                </a:lnTo>
                <a:lnTo>
                  <a:pt x="8180" y="3852"/>
                </a:lnTo>
                <a:lnTo>
                  <a:pt x="8179" y="3867"/>
                </a:lnTo>
                <a:lnTo>
                  <a:pt x="8179" y="4095"/>
                </a:lnTo>
                <a:lnTo>
                  <a:pt x="8096" y="4095"/>
                </a:lnTo>
                <a:lnTo>
                  <a:pt x="8096" y="3826"/>
                </a:lnTo>
                <a:lnTo>
                  <a:pt x="8095" y="3805"/>
                </a:lnTo>
                <a:lnTo>
                  <a:pt x="8093" y="3783"/>
                </a:lnTo>
                <a:lnTo>
                  <a:pt x="8091" y="3772"/>
                </a:lnTo>
                <a:lnTo>
                  <a:pt x="8087" y="3762"/>
                </a:lnTo>
                <a:lnTo>
                  <a:pt x="8085" y="3752"/>
                </a:lnTo>
                <a:lnTo>
                  <a:pt x="8081" y="3742"/>
                </a:lnTo>
                <a:lnTo>
                  <a:pt x="8076" y="3733"/>
                </a:lnTo>
                <a:lnTo>
                  <a:pt x="8070" y="3726"/>
                </a:lnTo>
                <a:lnTo>
                  <a:pt x="8063" y="3718"/>
                </a:lnTo>
                <a:lnTo>
                  <a:pt x="8056" y="3712"/>
                </a:lnTo>
                <a:lnTo>
                  <a:pt x="8048" y="3707"/>
                </a:lnTo>
                <a:lnTo>
                  <a:pt x="8038" y="3704"/>
                </a:lnTo>
                <a:lnTo>
                  <a:pt x="8027" y="3701"/>
                </a:lnTo>
                <a:lnTo>
                  <a:pt x="8016" y="3700"/>
                </a:lnTo>
                <a:lnTo>
                  <a:pt x="8000" y="3701"/>
                </a:lnTo>
                <a:lnTo>
                  <a:pt x="7986" y="3705"/>
                </a:lnTo>
                <a:lnTo>
                  <a:pt x="7973" y="3709"/>
                </a:lnTo>
                <a:lnTo>
                  <a:pt x="7961" y="3715"/>
                </a:lnTo>
                <a:lnTo>
                  <a:pt x="7950" y="3722"/>
                </a:lnTo>
                <a:lnTo>
                  <a:pt x="7940" y="3731"/>
                </a:lnTo>
                <a:lnTo>
                  <a:pt x="7932" y="3741"/>
                </a:lnTo>
                <a:lnTo>
                  <a:pt x="7924" y="3752"/>
                </a:lnTo>
                <a:lnTo>
                  <a:pt x="7918" y="3764"/>
                </a:lnTo>
                <a:lnTo>
                  <a:pt x="7911" y="3777"/>
                </a:lnTo>
                <a:lnTo>
                  <a:pt x="7907" y="3791"/>
                </a:lnTo>
                <a:lnTo>
                  <a:pt x="7904" y="3806"/>
                </a:lnTo>
                <a:lnTo>
                  <a:pt x="7900" y="3821"/>
                </a:lnTo>
                <a:lnTo>
                  <a:pt x="7898" y="3835"/>
                </a:lnTo>
                <a:lnTo>
                  <a:pt x="7897" y="3852"/>
                </a:lnTo>
                <a:lnTo>
                  <a:pt x="7897" y="3867"/>
                </a:lnTo>
                <a:lnTo>
                  <a:pt x="7897" y="4095"/>
                </a:lnTo>
                <a:lnTo>
                  <a:pt x="7813" y="4095"/>
                </a:lnTo>
                <a:lnTo>
                  <a:pt x="7813" y="3644"/>
                </a:lnTo>
                <a:close/>
                <a:moveTo>
                  <a:pt x="7657" y="3992"/>
                </a:moveTo>
                <a:lnTo>
                  <a:pt x="7648" y="3999"/>
                </a:lnTo>
                <a:lnTo>
                  <a:pt x="7635" y="4007"/>
                </a:lnTo>
                <a:lnTo>
                  <a:pt x="7619" y="4014"/>
                </a:lnTo>
                <a:lnTo>
                  <a:pt x="7601" y="4021"/>
                </a:lnTo>
                <a:lnTo>
                  <a:pt x="7581" y="4028"/>
                </a:lnTo>
                <a:lnTo>
                  <a:pt x="7560" y="4033"/>
                </a:lnTo>
                <a:lnTo>
                  <a:pt x="7539" y="4036"/>
                </a:lnTo>
                <a:lnTo>
                  <a:pt x="7519" y="4037"/>
                </a:lnTo>
                <a:lnTo>
                  <a:pt x="7504" y="4036"/>
                </a:lnTo>
                <a:lnTo>
                  <a:pt x="7490" y="4035"/>
                </a:lnTo>
                <a:lnTo>
                  <a:pt x="7476" y="4031"/>
                </a:lnTo>
                <a:lnTo>
                  <a:pt x="7462" y="4026"/>
                </a:lnTo>
                <a:lnTo>
                  <a:pt x="7449" y="4021"/>
                </a:lnTo>
                <a:lnTo>
                  <a:pt x="7437" y="4013"/>
                </a:lnTo>
                <a:lnTo>
                  <a:pt x="7425" y="4006"/>
                </a:lnTo>
                <a:lnTo>
                  <a:pt x="7415" y="3996"/>
                </a:lnTo>
                <a:lnTo>
                  <a:pt x="7405" y="3986"/>
                </a:lnTo>
                <a:lnTo>
                  <a:pt x="7396" y="3974"/>
                </a:lnTo>
                <a:lnTo>
                  <a:pt x="7389" y="3962"/>
                </a:lnTo>
                <a:lnTo>
                  <a:pt x="7382" y="3949"/>
                </a:lnTo>
                <a:lnTo>
                  <a:pt x="7377" y="3934"/>
                </a:lnTo>
                <a:lnTo>
                  <a:pt x="7373" y="3920"/>
                </a:lnTo>
                <a:lnTo>
                  <a:pt x="7371" y="3903"/>
                </a:lnTo>
                <a:lnTo>
                  <a:pt x="7370" y="3887"/>
                </a:lnTo>
                <a:lnTo>
                  <a:pt x="7692" y="3887"/>
                </a:lnTo>
                <a:lnTo>
                  <a:pt x="7691" y="3861"/>
                </a:lnTo>
                <a:lnTo>
                  <a:pt x="7690" y="3835"/>
                </a:lnTo>
                <a:lnTo>
                  <a:pt x="7687" y="3810"/>
                </a:lnTo>
                <a:lnTo>
                  <a:pt x="7682" y="3787"/>
                </a:lnTo>
                <a:lnTo>
                  <a:pt x="7676" y="3764"/>
                </a:lnTo>
                <a:lnTo>
                  <a:pt x="7668" y="3743"/>
                </a:lnTo>
                <a:lnTo>
                  <a:pt x="7659" y="3725"/>
                </a:lnTo>
                <a:lnTo>
                  <a:pt x="7648" y="3706"/>
                </a:lnTo>
                <a:lnTo>
                  <a:pt x="7643" y="3698"/>
                </a:lnTo>
                <a:lnTo>
                  <a:pt x="7636" y="3690"/>
                </a:lnTo>
                <a:lnTo>
                  <a:pt x="7630" y="3683"/>
                </a:lnTo>
                <a:lnTo>
                  <a:pt x="7622" y="3676"/>
                </a:lnTo>
                <a:lnTo>
                  <a:pt x="7614" y="3670"/>
                </a:lnTo>
                <a:lnTo>
                  <a:pt x="7605" y="3663"/>
                </a:lnTo>
                <a:lnTo>
                  <a:pt x="7597" y="3658"/>
                </a:lnTo>
                <a:lnTo>
                  <a:pt x="7588" y="3653"/>
                </a:lnTo>
                <a:lnTo>
                  <a:pt x="7578" y="3649"/>
                </a:lnTo>
                <a:lnTo>
                  <a:pt x="7567" y="3644"/>
                </a:lnTo>
                <a:lnTo>
                  <a:pt x="7556" y="3641"/>
                </a:lnTo>
                <a:lnTo>
                  <a:pt x="7545" y="3639"/>
                </a:lnTo>
                <a:lnTo>
                  <a:pt x="7533" y="3637"/>
                </a:lnTo>
                <a:lnTo>
                  <a:pt x="7520" y="3634"/>
                </a:lnTo>
                <a:lnTo>
                  <a:pt x="7506" y="3633"/>
                </a:lnTo>
                <a:lnTo>
                  <a:pt x="7493" y="3633"/>
                </a:lnTo>
                <a:lnTo>
                  <a:pt x="7470" y="3634"/>
                </a:lnTo>
                <a:lnTo>
                  <a:pt x="7447" y="3638"/>
                </a:lnTo>
                <a:lnTo>
                  <a:pt x="7426" y="3643"/>
                </a:lnTo>
                <a:lnTo>
                  <a:pt x="7406" y="3650"/>
                </a:lnTo>
                <a:lnTo>
                  <a:pt x="7388" y="3660"/>
                </a:lnTo>
                <a:lnTo>
                  <a:pt x="7370" y="3671"/>
                </a:lnTo>
                <a:lnTo>
                  <a:pt x="7355" y="3683"/>
                </a:lnTo>
                <a:lnTo>
                  <a:pt x="7339" y="3697"/>
                </a:lnTo>
                <a:lnTo>
                  <a:pt x="7326" y="3714"/>
                </a:lnTo>
                <a:lnTo>
                  <a:pt x="7315" y="3730"/>
                </a:lnTo>
                <a:lnTo>
                  <a:pt x="7305" y="3750"/>
                </a:lnTo>
                <a:lnTo>
                  <a:pt x="7297" y="3770"/>
                </a:lnTo>
                <a:lnTo>
                  <a:pt x="7291" y="3790"/>
                </a:lnTo>
                <a:lnTo>
                  <a:pt x="7285" y="3813"/>
                </a:lnTo>
                <a:lnTo>
                  <a:pt x="7283" y="3837"/>
                </a:lnTo>
                <a:lnTo>
                  <a:pt x="7282" y="3861"/>
                </a:lnTo>
                <a:lnTo>
                  <a:pt x="7283" y="3888"/>
                </a:lnTo>
                <a:lnTo>
                  <a:pt x="7285" y="3913"/>
                </a:lnTo>
                <a:lnTo>
                  <a:pt x="7290" y="3938"/>
                </a:lnTo>
                <a:lnTo>
                  <a:pt x="7296" y="3961"/>
                </a:lnTo>
                <a:lnTo>
                  <a:pt x="7300" y="3972"/>
                </a:lnTo>
                <a:lnTo>
                  <a:pt x="7304" y="3983"/>
                </a:lnTo>
                <a:lnTo>
                  <a:pt x="7308" y="3992"/>
                </a:lnTo>
                <a:lnTo>
                  <a:pt x="7314" y="4002"/>
                </a:lnTo>
                <a:lnTo>
                  <a:pt x="7319" y="4012"/>
                </a:lnTo>
                <a:lnTo>
                  <a:pt x="7325" y="4021"/>
                </a:lnTo>
                <a:lnTo>
                  <a:pt x="7332" y="4030"/>
                </a:lnTo>
                <a:lnTo>
                  <a:pt x="7338" y="4037"/>
                </a:lnTo>
                <a:lnTo>
                  <a:pt x="7346" y="4045"/>
                </a:lnTo>
                <a:lnTo>
                  <a:pt x="7354" y="4053"/>
                </a:lnTo>
                <a:lnTo>
                  <a:pt x="7362" y="4059"/>
                </a:lnTo>
                <a:lnTo>
                  <a:pt x="7371" y="4066"/>
                </a:lnTo>
                <a:lnTo>
                  <a:pt x="7380" y="4073"/>
                </a:lnTo>
                <a:lnTo>
                  <a:pt x="7390" y="4078"/>
                </a:lnTo>
                <a:lnTo>
                  <a:pt x="7401" y="4082"/>
                </a:lnTo>
                <a:lnTo>
                  <a:pt x="7411" y="4087"/>
                </a:lnTo>
                <a:lnTo>
                  <a:pt x="7423" y="4091"/>
                </a:lnTo>
                <a:lnTo>
                  <a:pt x="7434" y="4095"/>
                </a:lnTo>
                <a:lnTo>
                  <a:pt x="7446" y="4098"/>
                </a:lnTo>
                <a:lnTo>
                  <a:pt x="7459" y="4100"/>
                </a:lnTo>
                <a:lnTo>
                  <a:pt x="7472" y="4102"/>
                </a:lnTo>
                <a:lnTo>
                  <a:pt x="7486" y="4103"/>
                </a:lnTo>
                <a:lnTo>
                  <a:pt x="7500" y="4104"/>
                </a:lnTo>
                <a:lnTo>
                  <a:pt x="7515" y="4104"/>
                </a:lnTo>
                <a:lnTo>
                  <a:pt x="7542" y="4104"/>
                </a:lnTo>
                <a:lnTo>
                  <a:pt x="7564" y="4102"/>
                </a:lnTo>
                <a:lnTo>
                  <a:pt x="7585" y="4099"/>
                </a:lnTo>
                <a:lnTo>
                  <a:pt x="7602" y="4095"/>
                </a:lnTo>
                <a:lnTo>
                  <a:pt x="7632" y="4085"/>
                </a:lnTo>
                <a:lnTo>
                  <a:pt x="7657" y="4076"/>
                </a:lnTo>
                <a:lnTo>
                  <a:pt x="7657" y="3992"/>
                </a:lnTo>
                <a:close/>
                <a:moveTo>
                  <a:pt x="7159" y="3644"/>
                </a:moveTo>
                <a:lnTo>
                  <a:pt x="7082" y="3644"/>
                </a:lnTo>
                <a:lnTo>
                  <a:pt x="7082" y="3711"/>
                </a:lnTo>
                <a:lnTo>
                  <a:pt x="7081" y="3711"/>
                </a:lnTo>
                <a:lnTo>
                  <a:pt x="7076" y="3703"/>
                </a:lnTo>
                <a:lnTo>
                  <a:pt x="7071" y="3694"/>
                </a:lnTo>
                <a:lnTo>
                  <a:pt x="7064" y="3686"/>
                </a:lnTo>
                <a:lnTo>
                  <a:pt x="7058" y="3678"/>
                </a:lnTo>
                <a:lnTo>
                  <a:pt x="7051" y="3672"/>
                </a:lnTo>
                <a:lnTo>
                  <a:pt x="7043" y="3665"/>
                </a:lnTo>
                <a:lnTo>
                  <a:pt x="7036" y="3660"/>
                </a:lnTo>
                <a:lnTo>
                  <a:pt x="7027" y="3654"/>
                </a:lnTo>
                <a:lnTo>
                  <a:pt x="7017" y="3650"/>
                </a:lnTo>
                <a:lnTo>
                  <a:pt x="7007" y="3645"/>
                </a:lnTo>
                <a:lnTo>
                  <a:pt x="6997" y="3642"/>
                </a:lnTo>
                <a:lnTo>
                  <a:pt x="6985" y="3639"/>
                </a:lnTo>
                <a:lnTo>
                  <a:pt x="6973" y="3637"/>
                </a:lnTo>
                <a:lnTo>
                  <a:pt x="6960" y="3634"/>
                </a:lnTo>
                <a:lnTo>
                  <a:pt x="6947" y="3633"/>
                </a:lnTo>
                <a:lnTo>
                  <a:pt x="6932" y="3633"/>
                </a:lnTo>
                <a:lnTo>
                  <a:pt x="6919" y="3633"/>
                </a:lnTo>
                <a:lnTo>
                  <a:pt x="6907" y="3634"/>
                </a:lnTo>
                <a:lnTo>
                  <a:pt x="6896" y="3637"/>
                </a:lnTo>
                <a:lnTo>
                  <a:pt x="6884" y="3639"/>
                </a:lnTo>
                <a:lnTo>
                  <a:pt x="6873" y="3642"/>
                </a:lnTo>
                <a:lnTo>
                  <a:pt x="6863" y="3645"/>
                </a:lnTo>
                <a:lnTo>
                  <a:pt x="6853" y="3650"/>
                </a:lnTo>
                <a:lnTo>
                  <a:pt x="6843" y="3654"/>
                </a:lnTo>
                <a:lnTo>
                  <a:pt x="6834" y="3660"/>
                </a:lnTo>
                <a:lnTo>
                  <a:pt x="6824" y="3665"/>
                </a:lnTo>
                <a:lnTo>
                  <a:pt x="6817" y="3672"/>
                </a:lnTo>
                <a:lnTo>
                  <a:pt x="6808" y="3678"/>
                </a:lnTo>
                <a:lnTo>
                  <a:pt x="6794" y="3694"/>
                </a:lnTo>
                <a:lnTo>
                  <a:pt x="6780" y="3709"/>
                </a:lnTo>
                <a:lnTo>
                  <a:pt x="6768" y="3728"/>
                </a:lnTo>
                <a:lnTo>
                  <a:pt x="6758" y="3746"/>
                </a:lnTo>
                <a:lnTo>
                  <a:pt x="6750" y="3766"/>
                </a:lnTo>
                <a:lnTo>
                  <a:pt x="6743" y="3786"/>
                </a:lnTo>
                <a:lnTo>
                  <a:pt x="6738" y="3808"/>
                </a:lnTo>
                <a:lnTo>
                  <a:pt x="6733" y="3829"/>
                </a:lnTo>
                <a:lnTo>
                  <a:pt x="6731" y="3851"/>
                </a:lnTo>
                <a:lnTo>
                  <a:pt x="6731" y="3873"/>
                </a:lnTo>
                <a:lnTo>
                  <a:pt x="6731" y="3894"/>
                </a:lnTo>
                <a:lnTo>
                  <a:pt x="6733" y="3916"/>
                </a:lnTo>
                <a:lnTo>
                  <a:pt x="6738" y="3936"/>
                </a:lnTo>
                <a:lnTo>
                  <a:pt x="6742" y="3956"/>
                </a:lnTo>
                <a:lnTo>
                  <a:pt x="6750" y="3976"/>
                </a:lnTo>
                <a:lnTo>
                  <a:pt x="6757" y="3994"/>
                </a:lnTo>
                <a:lnTo>
                  <a:pt x="6767" y="4011"/>
                </a:lnTo>
                <a:lnTo>
                  <a:pt x="6778" y="4026"/>
                </a:lnTo>
                <a:lnTo>
                  <a:pt x="6791" y="4042"/>
                </a:lnTo>
                <a:lnTo>
                  <a:pt x="6806" y="4055"/>
                </a:lnTo>
                <a:lnTo>
                  <a:pt x="6813" y="4061"/>
                </a:lnTo>
                <a:lnTo>
                  <a:pt x="6821" y="4066"/>
                </a:lnTo>
                <a:lnTo>
                  <a:pt x="6830" y="4071"/>
                </a:lnTo>
                <a:lnTo>
                  <a:pt x="6839" y="4076"/>
                </a:lnTo>
                <a:lnTo>
                  <a:pt x="6848" y="4080"/>
                </a:lnTo>
                <a:lnTo>
                  <a:pt x="6857" y="4084"/>
                </a:lnTo>
                <a:lnTo>
                  <a:pt x="6867" y="4087"/>
                </a:lnTo>
                <a:lnTo>
                  <a:pt x="6878" y="4089"/>
                </a:lnTo>
                <a:lnTo>
                  <a:pt x="6888" y="4091"/>
                </a:lnTo>
                <a:lnTo>
                  <a:pt x="6899" y="4093"/>
                </a:lnTo>
                <a:lnTo>
                  <a:pt x="6911" y="4093"/>
                </a:lnTo>
                <a:lnTo>
                  <a:pt x="6923" y="4095"/>
                </a:lnTo>
                <a:lnTo>
                  <a:pt x="6944" y="4093"/>
                </a:lnTo>
                <a:lnTo>
                  <a:pt x="6966" y="4090"/>
                </a:lnTo>
                <a:lnTo>
                  <a:pt x="6976" y="4088"/>
                </a:lnTo>
                <a:lnTo>
                  <a:pt x="6987" y="4085"/>
                </a:lnTo>
                <a:lnTo>
                  <a:pt x="6997" y="4081"/>
                </a:lnTo>
                <a:lnTo>
                  <a:pt x="7007" y="4077"/>
                </a:lnTo>
                <a:lnTo>
                  <a:pt x="7017" y="4073"/>
                </a:lnTo>
                <a:lnTo>
                  <a:pt x="7026" y="4067"/>
                </a:lnTo>
                <a:lnTo>
                  <a:pt x="7036" y="4062"/>
                </a:lnTo>
                <a:lnTo>
                  <a:pt x="7044" y="4055"/>
                </a:lnTo>
                <a:lnTo>
                  <a:pt x="7052" y="4048"/>
                </a:lnTo>
                <a:lnTo>
                  <a:pt x="7060" y="4041"/>
                </a:lnTo>
                <a:lnTo>
                  <a:pt x="7068" y="4033"/>
                </a:lnTo>
                <a:lnTo>
                  <a:pt x="7074" y="4024"/>
                </a:lnTo>
                <a:lnTo>
                  <a:pt x="7076" y="4024"/>
                </a:lnTo>
                <a:lnTo>
                  <a:pt x="7076" y="4068"/>
                </a:lnTo>
                <a:lnTo>
                  <a:pt x="7075" y="4086"/>
                </a:lnTo>
                <a:lnTo>
                  <a:pt x="7074" y="4102"/>
                </a:lnTo>
                <a:lnTo>
                  <a:pt x="7071" y="4118"/>
                </a:lnTo>
                <a:lnTo>
                  <a:pt x="7066" y="4133"/>
                </a:lnTo>
                <a:lnTo>
                  <a:pt x="7061" y="4146"/>
                </a:lnTo>
                <a:lnTo>
                  <a:pt x="7055" y="4159"/>
                </a:lnTo>
                <a:lnTo>
                  <a:pt x="7048" y="4170"/>
                </a:lnTo>
                <a:lnTo>
                  <a:pt x="7039" y="4181"/>
                </a:lnTo>
                <a:lnTo>
                  <a:pt x="7030" y="4191"/>
                </a:lnTo>
                <a:lnTo>
                  <a:pt x="7019" y="4199"/>
                </a:lnTo>
                <a:lnTo>
                  <a:pt x="7008" y="4207"/>
                </a:lnTo>
                <a:lnTo>
                  <a:pt x="6995" y="4212"/>
                </a:lnTo>
                <a:lnTo>
                  <a:pt x="6982" y="4216"/>
                </a:lnTo>
                <a:lnTo>
                  <a:pt x="6967" y="4220"/>
                </a:lnTo>
                <a:lnTo>
                  <a:pt x="6952" y="4222"/>
                </a:lnTo>
                <a:lnTo>
                  <a:pt x="6937" y="4223"/>
                </a:lnTo>
                <a:lnTo>
                  <a:pt x="6915" y="4222"/>
                </a:lnTo>
                <a:lnTo>
                  <a:pt x="6895" y="4221"/>
                </a:lnTo>
                <a:lnTo>
                  <a:pt x="6875" y="4218"/>
                </a:lnTo>
                <a:lnTo>
                  <a:pt x="6856" y="4213"/>
                </a:lnTo>
                <a:lnTo>
                  <a:pt x="6838" y="4208"/>
                </a:lnTo>
                <a:lnTo>
                  <a:pt x="6818" y="4201"/>
                </a:lnTo>
                <a:lnTo>
                  <a:pt x="6797" y="4192"/>
                </a:lnTo>
                <a:lnTo>
                  <a:pt x="6774" y="4182"/>
                </a:lnTo>
                <a:lnTo>
                  <a:pt x="6765" y="4259"/>
                </a:lnTo>
                <a:lnTo>
                  <a:pt x="6790" y="4267"/>
                </a:lnTo>
                <a:lnTo>
                  <a:pt x="6815" y="4275"/>
                </a:lnTo>
                <a:lnTo>
                  <a:pt x="6835" y="4280"/>
                </a:lnTo>
                <a:lnTo>
                  <a:pt x="6855" y="4283"/>
                </a:lnTo>
                <a:lnTo>
                  <a:pt x="6874" y="4287"/>
                </a:lnTo>
                <a:lnTo>
                  <a:pt x="6892" y="4289"/>
                </a:lnTo>
                <a:lnTo>
                  <a:pt x="6909" y="4290"/>
                </a:lnTo>
                <a:lnTo>
                  <a:pt x="6927" y="4290"/>
                </a:lnTo>
                <a:lnTo>
                  <a:pt x="6956" y="4289"/>
                </a:lnTo>
                <a:lnTo>
                  <a:pt x="6983" y="4287"/>
                </a:lnTo>
                <a:lnTo>
                  <a:pt x="7008" y="4282"/>
                </a:lnTo>
                <a:lnTo>
                  <a:pt x="7031" y="4276"/>
                </a:lnTo>
                <a:lnTo>
                  <a:pt x="7042" y="4271"/>
                </a:lnTo>
                <a:lnTo>
                  <a:pt x="7052" y="4268"/>
                </a:lnTo>
                <a:lnTo>
                  <a:pt x="7062" y="4263"/>
                </a:lnTo>
                <a:lnTo>
                  <a:pt x="7072" y="4258"/>
                </a:lnTo>
                <a:lnTo>
                  <a:pt x="7080" y="4253"/>
                </a:lnTo>
                <a:lnTo>
                  <a:pt x="7088" y="4246"/>
                </a:lnTo>
                <a:lnTo>
                  <a:pt x="7096" y="4241"/>
                </a:lnTo>
                <a:lnTo>
                  <a:pt x="7104" y="4234"/>
                </a:lnTo>
                <a:lnTo>
                  <a:pt x="7110" y="4226"/>
                </a:lnTo>
                <a:lnTo>
                  <a:pt x="7117" y="4219"/>
                </a:lnTo>
                <a:lnTo>
                  <a:pt x="7123" y="4211"/>
                </a:lnTo>
                <a:lnTo>
                  <a:pt x="7128" y="4203"/>
                </a:lnTo>
                <a:lnTo>
                  <a:pt x="7134" y="4194"/>
                </a:lnTo>
                <a:lnTo>
                  <a:pt x="7138" y="4186"/>
                </a:lnTo>
                <a:lnTo>
                  <a:pt x="7142" y="4176"/>
                </a:lnTo>
                <a:lnTo>
                  <a:pt x="7146" y="4166"/>
                </a:lnTo>
                <a:lnTo>
                  <a:pt x="7152" y="4145"/>
                </a:lnTo>
                <a:lnTo>
                  <a:pt x="7156" y="4123"/>
                </a:lnTo>
                <a:lnTo>
                  <a:pt x="7159" y="4100"/>
                </a:lnTo>
                <a:lnTo>
                  <a:pt x="7159" y="4075"/>
                </a:lnTo>
                <a:lnTo>
                  <a:pt x="7159" y="3644"/>
                </a:lnTo>
                <a:close/>
                <a:moveTo>
                  <a:pt x="6283" y="3746"/>
                </a:moveTo>
                <a:lnTo>
                  <a:pt x="6296" y="3737"/>
                </a:lnTo>
                <a:lnTo>
                  <a:pt x="6312" y="3728"/>
                </a:lnTo>
                <a:lnTo>
                  <a:pt x="6327" y="3719"/>
                </a:lnTo>
                <a:lnTo>
                  <a:pt x="6344" y="3712"/>
                </a:lnTo>
                <a:lnTo>
                  <a:pt x="6361" y="3708"/>
                </a:lnTo>
                <a:lnTo>
                  <a:pt x="6379" y="3704"/>
                </a:lnTo>
                <a:lnTo>
                  <a:pt x="6397" y="3701"/>
                </a:lnTo>
                <a:lnTo>
                  <a:pt x="6414" y="3700"/>
                </a:lnTo>
                <a:lnTo>
                  <a:pt x="6430" y="3701"/>
                </a:lnTo>
                <a:lnTo>
                  <a:pt x="6443" y="3703"/>
                </a:lnTo>
                <a:lnTo>
                  <a:pt x="6456" y="3705"/>
                </a:lnTo>
                <a:lnTo>
                  <a:pt x="6467" y="3708"/>
                </a:lnTo>
                <a:lnTo>
                  <a:pt x="6477" y="3712"/>
                </a:lnTo>
                <a:lnTo>
                  <a:pt x="6486" y="3717"/>
                </a:lnTo>
                <a:lnTo>
                  <a:pt x="6494" y="3723"/>
                </a:lnTo>
                <a:lnTo>
                  <a:pt x="6501" y="3730"/>
                </a:lnTo>
                <a:lnTo>
                  <a:pt x="6508" y="3738"/>
                </a:lnTo>
                <a:lnTo>
                  <a:pt x="6512" y="3746"/>
                </a:lnTo>
                <a:lnTo>
                  <a:pt x="6516" y="3756"/>
                </a:lnTo>
                <a:lnTo>
                  <a:pt x="6520" y="3766"/>
                </a:lnTo>
                <a:lnTo>
                  <a:pt x="6523" y="3778"/>
                </a:lnTo>
                <a:lnTo>
                  <a:pt x="6524" y="3790"/>
                </a:lnTo>
                <a:lnTo>
                  <a:pt x="6525" y="3804"/>
                </a:lnTo>
                <a:lnTo>
                  <a:pt x="6526" y="3818"/>
                </a:lnTo>
                <a:lnTo>
                  <a:pt x="6503" y="3817"/>
                </a:lnTo>
                <a:lnTo>
                  <a:pt x="6481" y="3817"/>
                </a:lnTo>
                <a:lnTo>
                  <a:pt x="6460" y="3816"/>
                </a:lnTo>
                <a:lnTo>
                  <a:pt x="6437" y="3816"/>
                </a:lnTo>
                <a:lnTo>
                  <a:pt x="6421" y="3817"/>
                </a:lnTo>
                <a:lnTo>
                  <a:pt x="6404" y="3818"/>
                </a:lnTo>
                <a:lnTo>
                  <a:pt x="6387" y="3820"/>
                </a:lnTo>
                <a:lnTo>
                  <a:pt x="6369" y="3823"/>
                </a:lnTo>
                <a:lnTo>
                  <a:pt x="6350" y="3828"/>
                </a:lnTo>
                <a:lnTo>
                  <a:pt x="6334" y="3833"/>
                </a:lnTo>
                <a:lnTo>
                  <a:pt x="6316" y="3840"/>
                </a:lnTo>
                <a:lnTo>
                  <a:pt x="6301" y="3847"/>
                </a:lnTo>
                <a:lnTo>
                  <a:pt x="6285" y="3857"/>
                </a:lnTo>
                <a:lnTo>
                  <a:pt x="6271" y="3867"/>
                </a:lnTo>
                <a:lnTo>
                  <a:pt x="6266" y="3874"/>
                </a:lnTo>
                <a:lnTo>
                  <a:pt x="6259" y="3880"/>
                </a:lnTo>
                <a:lnTo>
                  <a:pt x="6254" y="3887"/>
                </a:lnTo>
                <a:lnTo>
                  <a:pt x="6248" y="3894"/>
                </a:lnTo>
                <a:lnTo>
                  <a:pt x="6244" y="3901"/>
                </a:lnTo>
                <a:lnTo>
                  <a:pt x="6240" y="3909"/>
                </a:lnTo>
                <a:lnTo>
                  <a:pt x="6236" y="3917"/>
                </a:lnTo>
                <a:lnTo>
                  <a:pt x="6234" y="3925"/>
                </a:lnTo>
                <a:lnTo>
                  <a:pt x="6230" y="3934"/>
                </a:lnTo>
                <a:lnTo>
                  <a:pt x="6229" y="3944"/>
                </a:lnTo>
                <a:lnTo>
                  <a:pt x="6228" y="3954"/>
                </a:lnTo>
                <a:lnTo>
                  <a:pt x="6228" y="3964"/>
                </a:lnTo>
                <a:lnTo>
                  <a:pt x="6228" y="3983"/>
                </a:lnTo>
                <a:lnTo>
                  <a:pt x="6230" y="3999"/>
                </a:lnTo>
                <a:lnTo>
                  <a:pt x="6235" y="4013"/>
                </a:lnTo>
                <a:lnTo>
                  <a:pt x="6240" y="4028"/>
                </a:lnTo>
                <a:lnTo>
                  <a:pt x="6247" y="4041"/>
                </a:lnTo>
                <a:lnTo>
                  <a:pt x="6255" y="4052"/>
                </a:lnTo>
                <a:lnTo>
                  <a:pt x="6263" y="4062"/>
                </a:lnTo>
                <a:lnTo>
                  <a:pt x="6274" y="4071"/>
                </a:lnTo>
                <a:lnTo>
                  <a:pt x="6285" y="4079"/>
                </a:lnTo>
                <a:lnTo>
                  <a:pt x="6299" y="4086"/>
                </a:lnTo>
                <a:lnTo>
                  <a:pt x="6312" y="4092"/>
                </a:lnTo>
                <a:lnTo>
                  <a:pt x="6326" y="4097"/>
                </a:lnTo>
                <a:lnTo>
                  <a:pt x="6342" y="4100"/>
                </a:lnTo>
                <a:lnTo>
                  <a:pt x="6358" y="4102"/>
                </a:lnTo>
                <a:lnTo>
                  <a:pt x="6376" y="4104"/>
                </a:lnTo>
                <a:lnTo>
                  <a:pt x="6393" y="4104"/>
                </a:lnTo>
                <a:lnTo>
                  <a:pt x="6408" y="4104"/>
                </a:lnTo>
                <a:lnTo>
                  <a:pt x="6421" y="4103"/>
                </a:lnTo>
                <a:lnTo>
                  <a:pt x="6433" y="4101"/>
                </a:lnTo>
                <a:lnTo>
                  <a:pt x="6444" y="4098"/>
                </a:lnTo>
                <a:lnTo>
                  <a:pt x="6455" y="4095"/>
                </a:lnTo>
                <a:lnTo>
                  <a:pt x="6466" y="4090"/>
                </a:lnTo>
                <a:lnTo>
                  <a:pt x="6475" y="4086"/>
                </a:lnTo>
                <a:lnTo>
                  <a:pt x="6485" y="4080"/>
                </a:lnTo>
                <a:lnTo>
                  <a:pt x="6500" y="4069"/>
                </a:lnTo>
                <a:lnTo>
                  <a:pt x="6513" y="4058"/>
                </a:lnTo>
                <a:lnTo>
                  <a:pt x="6524" y="4046"/>
                </a:lnTo>
                <a:lnTo>
                  <a:pt x="6533" y="4036"/>
                </a:lnTo>
                <a:lnTo>
                  <a:pt x="6535" y="4036"/>
                </a:lnTo>
                <a:lnTo>
                  <a:pt x="6535" y="4095"/>
                </a:lnTo>
                <a:lnTo>
                  <a:pt x="6612" y="4095"/>
                </a:lnTo>
                <a:lnTo>
                  <a:pt x="6611" y="4082"/>
                </a:lnTo>
                <a:lnTo>
                  <a:pt x="6610" y="4064"/>
                </a:lnTo>
                <a:lnTo>
                  <a:pt x="6609" y="4040"/>
                </a:lnTo>
                <a:lnTo>
                  <a:pt x="6609" y="4006"/>
                </a:lnTo>
                <a:lnTo>
                  <a:pt x="6609" y="3820"/>
                </a:lnTo>
                <a:lnTo>
                  <a:pt x="6609" y="3797"/>
                </a:lnTo>
                <a:lnTo>
                  <a:pt x="6607" y="3776"/>
                </a:lnTo>
                <a:lnTo>
                  <a:pt x="6603" y="3757"/>
                </a:lnTo>
                <a:lnTo>
                  <a:pt x="6599" y="3739"/>
                </a:lnTo>
                <a:lnTo>
                  <a:pt x="6592" y="3722"/>
                </a:lnTo>
                <a:lnTo>
                  <a:pt x="6586" y="3707"/>
                </a:lnTo>
                <a:lnTo>
                  <a:pt x="6577" y="3693"/>
                </a:lnTo>
                <a:lnTo>
                  <a:pt x="6567" y="3681"/>
                </a:lnTo>
                <a:lnTo>
                  <a:pt x="6555" y="3670"/>
                </a:lnTo>
                <a:lnTo>
                  <a:pt x="6542" y="3660"/>
                </a:lnTo>
                <a:lnTo>
                  <a:pt x="6526" y="3652"/>
                </a:lnTo>
                <a:lnTo>
                  <a:pt x="6511" y="3645"/>
                </a:lnTo>
                <a:lnTo>
                  <a:pt x="6492" y="3640"/>
                </a:lnTo>
                <a:lnTo>
                  <a:pt x="6472" y="3637"/>
                </a:lnTo>
                <a:lnTo>
                  <a:pt x="6452" y="3634"/>
                </a:lnTo>
                <a:lnTo>
                  <a:pt x="6427" y="3633"/>
                </a:lnTo>
                <a:lnTo>
                  <a:pt x="6406" y="3634"/>
                </a:lnTo>
                <a:lnTo>
                  <a:pt x="6386" y="3637"/>
                </a:lnTo>
                <a:lnTo>
                  <a:pt x="6366" y="3640"/>
                </a:lnTo>
                <a:lnTo>
                  <a:pt x="6347" y="3645"/>
                </a:lnTo>
                <a:lnTo>
                  <a:pt x="6329" y="3652"/>
                </a:lnTo>
                <a:lnTo>
                  <a:pt x="6312" y="3659"/>
                </a:lnTo>
                <a:lnTo>
                  <a:pt x="6295" y="3667"/>
                </a:lnTo>
                <a:lnTo>
                  <a:pt x="6279" y="3676"/>
                </a:lnTo>
                <a:lnTo>
                  <a:pt x="6283" y="3746"/>
                </a:lnTo>
                <a:close/>
                <a:moveTo>
                  <a:pt x="5707" y="3644"/>
                </a:moveTo>
                <a:lnTo>
                  <a:pt x="5787" y="3644"/>
                </a:lnTo>
                <a:lnTo>
                  <a:pt x="5787" y="3716"/>
                </a:lnTo>
                <a:lnTo>
                  <a:pt x="5789" y="3716"/>
                </a:lnTo>
                <a:lnTo>
                  <a:pt x="5794" y="3706"/>
                </a:lnTo>
                <a:lnTo>
                  <a:pt x="5799" y="3697"/>
                </a:lnTo>
                <a:lnTo>
                  <a:pt x="5806" y="3689"/>
                </a:lnTo>
                <a:lnTo>
                  <a:pt x="5814" y="3681"/>
                </a:lnTo>
                <a:lnTo>
                  <a:pt x="5821" y="3674"/>
                </a:lnTo>
                <a:lnTo>
                  <a:pt x="5830" y="3667"/>
                </a:lnTo>
                <a:lnTo>
                  <a:pt x="5839" y="3661"/>
                </a:lnTo>
                <a:lnTo>
                  <a:pt x="5849" y="3655"/>
                </a:lnTo>
                <a:lnTo>
                  <a:pt x="5859" y="3650"/>
                </a:lnTo>
                <a:lnTo>
                  <a:pt x="5869" y="3645"/>
                </a:lnTo>
                <a:lnTo>
                  <a:pt x="5880" y="3642"/>
                </a:lnTo>
                <a:lnTo>
                  <a:pt x="5891" y="3639"/>
                </a:lnTo>
                <a:lnTo>
                  <a:pt x="5902" y="3637"/>
                </a:lnTo>
                <a:lnTo>
                  <a:pt x="5914" y="3634"/>
                </a:lnTo>
                <a:lnTo>
                  <a:pt x="5925" y="3633"/>
                </a:lnTo>
                <a:lnTo>
                  <a:pt x="5937" y="3633"/>
                </a:lnTo>
                <a:lnTo>
                  <a:pt x="5958" y="3634"/>
                </a:lnTo>
                <a:lnTo>
                  <a:pt x="5977" y="3637"/>
                </a:lnTo>
                <a:lnTo>
                  <a:pt x="5995" y="3641"/>
                </a:lnTo>
                <a:lnTo>
                  <a:pt x="6013" y="3647"/>
                </a:lnTo>
                <a:lnTo>
                  <a:pt x="6027" y="3654"/>
                </a:lnTo>
                <a:lnTo>
                  <a:pt x="6041" y="3663"/>
                </a:lnTo>
                <a:lnTo>
                  <a:pt x="6053" y="3673"/>
                </a:lnTo>
                <a:lnTo>
                  <a:pt x="6064" y="3685"/>
                </a:lnTo>
                <a:lnTo>
                  <a:pt x="6074" y="3698"/>
                </a:lnTo>
                <a:lnTo>
                  <a:pt x="6083" y="3712"/>
                </a:lnTo>
                <a:lnTo>
                  <a:pt x="6090" y="3728"/>
                </a:lnTo>
                <a:lnTo>
                  <a:pt x="6095" y="3745"/>
                </a:lnTo>
                <a:lnTo>
                  <a:pt x="6100" y="3764"/>
                </a:lnTo>
                <a:lnTo>
                  <a:pt x="6103" y="3784"/>
                </a:lnTo>
                <a:lnTo>
                  <a:pt x="6105" y="3805"/>
                </a:lnTo>
                <a:lnTo>
                  <a:pt x="6105" y="3827"/>
                </a:lnTo>
                <a:lnTo>
                  <a:pt x="6105" y="4095"/>
                </a:lnTo>
                <a:lnTo>
                  <a:pt x="6023" y="4095"/>
                </a:lnTo>
                <a:lnTo>
                  <a:pt x="6023" y="3861"/>
                </a:lnTo>
                <a:lnTo>
                  <a:pt x="6023" y="3842"/>
                </a:lnTo>
                <a:lnTo>
                  <a:pt x="6021" y="3824"/>
                </a:lnTo>
                <a:lnTo>
                  <a:pt x="6019" y="3808"/>
                </a:lnTo>
                <a:lnTo>
                  <a:pt x="6017" y="3793"/>
                </a:lnTo>
                <a:lnTo>
                  <a:pt x="6015" y="3778"/>
                </a:lnTo>
                <a:lnTo>
                  <a:pt x="6012" y="3765"/>
                </a:lnTo>
                <a:lnTo>
                  <a:pt x="6007" y="3753"/>
                </a:lnTo>
                <a:lnTo>
                  <a:pt x="6002" y="3743"/>
                </a:lnTo>
                <a:lnTo>
                  <a:pt x="5996" y="3733"/>
                </a:lnTo>
                <a:lnTo>
                  <a:pt x="5988" y="3726"/>
                </a:lnTo>
                <a:lnTo>
                  <a:pt x="5981" y="3719"/>
                </a:lnTo>
                <a:lnTo>
                  <a:pt x="5972" y="3712"/>
                </a:lnTo>
                <a:lnTo>
                  <a:pt x="5962" y="3708"/>
                </a:lnTo>
                <a:lnTo>
                  <a:pt x="5952" y="3705"/>
                </a:lnTo>
                <a:lnTo>
                  <a:pt x="5940" y="3701"/>
                </a:lnTo>
                <a:lnTo>
                  <a:pt x="5927" y="3700"/>
                </a:lnTo>
                <a:lnTo>
                  <a:pt x="5909" y="3701"/>
                </a:lnTo>
                <a:lnTo>
                  <a:pt x="5894" y="3704"/>
                </a:lnTo>
                <a:lnTo>
                  <a:pt x="5880" y="3708"/>
                </a:lnTo>
                <a:lnTo>
                  <a:pt x="5865" y="3714"/>
                </a:lnTo>
                <a:lnTo>
                  <a:pt x="5853" y="3721"/>
                </a:lnTo>
                <a:lnTo>
                  <a:pt x="5842" y="3730"/>
                </a:lnTo>
                <a:lnTo>
                  <a:pt x="5832" y="3741"/>
                </a:lnTo>
                <a:lnTo>
                  <a:pt x="5822" y="3752"/>
                </a:lnTo>
                <a:lnTo>
                  <a:pt x="5815" y="3765"/>
                </a:lnTo>
                <a:lnTo>
                  <a:pt x="5808" y="3779"/>
                </a:lnTo>
                <a:lnTo>
                  <a:pt x="5803" y="3795"/>
                </a:lnTo>
                <a:lnTo>
                  <a:pt x="5798" y="3810"/>
                </a:lnTo>
                <a:lnTo>
                  <a:pt x="5794" y="3828"/>
                </a:lnTo>
                <a:lnTo>
                  <a:pt x="5792" y="3846"/>
                </a:lnTo>
                <a:lnTo>
                  <a:pt x="5790" y="3865"/>
                </a:lnTo>
                <a:lnTo>
                  <a:pt x="5789" y="3886"/>
                </a:lnTo>
                <a:lnTo>
                  <a:pt x="5789" y="4095"/>
                </a:lnTo>
                <a:lnTo>
                  <a:pt x="5707" y="4095"/>
                </a:lnTo>
                <a:lnTo>
                  <a:pt x="5707" y="3644"/>
                </a:lnTo>
                <a:close/>
                <a:moveTo>
                  <a:pt x="5229" y="3746"/>
                </a:moveTo>
                <a:lnTo>
                  <a:pt x="5243" y="3737"/>
                </a:lnTo>
                <a:lnTo>
                  <a:pt x="5258" y="3728"/>
                </a:lnTo>
                <a:lnTo>
                  <a:pt x="5273" y="3719"/>
                </a:lnTo>
                <a:lnTo>
                  <a:pt x="5290" y="3712"/>
                </a:lnTo>
                <a:lnTo>
                  <a:pt x="5308" y="3708"/>
                </a:lnTo>
                <a:lnTo>
                  <a:pt x="5325" y="3704"/>
                </a:lnTo>
                <a:lnTo>
                  <a:pt x="5343" y="3701"/>
                </a:lnTo>
                <a:lnTo>
                  <a:pt x="5360" y="3700"/>
                </a:lnTo>
                <a:lnTo>
                  <a:pt x="5376" y="3701"/>
                </a:lnTo>
                <a:lnTo>
                  <a:pt x="5389" y="3703"/>
                </a:lnTo>
                <a:lnTo>
                  <a:pt x="5401" y="3705"/>
                </a:lnTo>
                <a:lnTo>
                  <a:pt x="5413" y="3708"/>
                </a:lnTo>
                <a:lnTo>
                  <a:pt x="5423" y="3712"/>
                </a:lnTo>
                <a:lnTo>
                  <a:pt x="5432" y="3717"/>
                </a:lnTo>
                <a:lnTo>
                  <a:pt x="5441" y="3723"/>
                </a:lnTo>
                <a:lnTo>
                  <a:pt x="5447" y="3730"/>
                </a:lnTo>
                <a:lnTo>
                  <a:pt x="5454" y="3738"/>
                </a:lnTo>
                <a:lnTo>
                  <a:pt x="5458" y="3746"/>
                </a:lnTo>
                <a:lnTo>
                  <a:pt x="5463" y="3756"/>
                </a:lnTo>
                <a:lnTo>
                  <a:pt x="5466" y="3766"/>
                </a:lnTo>
                <a:lnTo>
                  <a:pt x="5469" y="3778"/>
                </a:lnTo>
                <a:lnTo>
                  <a:pt x="5470" y="3790"/>
                </a:lnTo>
                <a:lnTo>
                  <a:pt x="5471" y="3804"/>
                </a:lnTo>
                <a:lnTo>
                  <a:pt x="5471" y="3818"/>
                </a:lnTo>
                <a:lnTo>
                  <a:pt x="5448" y="3817"/>
                </a:lnTo>
                <a:lnTo>
                  <a:pt x="5427" y="3817"/>
                </a:lnTo>
                <a:lnTo>
                  <a:pt x="5407" y="3816"/>
                </a:lnTo>
                <a:lnTo>
                  <a:pt x="5383" y="3816"/>
                </a:lnTo>
                <a:lnTo>
                  <a:pt x="5367" y="3817"/>
                </a:lnTo>
                <a:lnTo>
                  <a:pt x="5349" y="3818"/>
                </a:lnTo>
                <a:lnTo>
                  <a:pt x="5332" y="3820"/>
                </a:lnTo>
                <a:lnTo>
                  <a:pt x="5314" y="3823"/>
                </a:lnTo>
                <a:lnTo>
                  <a:pt x="5297" y="3828"/>
                </a:lnTo>
                <a:lnTo>
                  <a:pt x="5279" y="3833"/>
                </a:lnTo>
                <a:lnTo>
                  <a:pt x="5262" y="3840"/>
                </a:lnTo>
                <a:lnTo>
                  <a:pt x="5247" y="3847"/>
                </a:lnTo>
                <a:lnTo>
                  <a:pt x="5232" y="3857"/>
                </a:lnTo>
                <a:lnTo>
                  <a:pt x="5217" y="3867"/>
                </a:lnTo>
                <a:lnTo>
                  <a:pt x="5211" y="3874"/>
                </a:lnTo>
                <a:lnTo>
                  <a:pt x="5205" y="3880"/>
                </a:lnTo>
                <a:lnTo>
                  <a:pt x="5200" y="3887"/>
                </a:lnTo>
                <a:lnTo>
                  <a:pt x="5194" y="3894"/>
                </a:lnTo>
                <a:lnTo>
                  <a:pt x="5190" y="3901"/>
                </a:lnTo>
                <a:lnTo>
                  <a:pt x="5185" y="3909"/>
                </a:lnTo>
                <a:lnTo>
                  <a:pt x="5182" y="3917"/>
                </a:lnTo>
                <a:lnTo>
                  <a:pt x="5180" y="3925"/>
                </a:lnTo>
                <a:lnTo>
                  <a:pt x="5177" y="3934"/>
                </a:lnTo>
                <a:lnTo>
                  <a:pt x="5176" y="3944"/>
                </a:lnTo>
                <a:lnTo>
                  <a:pt x="5174" y="3954"/>
                </a:lnTo>
                <a:lnTo>
                  <a:pt x="5174" y="3964"/>
                </a:lnTo>
                <a:lnTo>
                  <a:pt x="5174" y="3983"/>
                </a:lnTo>
                <a:lnTo>
                  <a:pt x="5177" y="3999"/>
                </a:lnTo>
                <a:lnTo>
                  <a:pt x="5181" y="4013"/>
                </a:lnTo>
                <a:lnTo>
                  <a:pt x="5187" y="4028"/>
                </a:lnTo>
                <a:lnTo>
                  <a:pt x="5193" y="4041"/>
                </a:lnTo>
                <a:lnTo>
                  <a:pt x="5201" y="4052"/>
                </a:lnTo>
                <a:lnTo>
                  <a:pt x="5210" y="4062"/>
                </a:lnTo>
                <a:lnTo>
                  <a:pt x="5221" y="4071"/>
                </a:lnTo>
                <a:lnTo>
                  <a:pt x="5232" y="4079"/>
                </a:lnTo>
                <a:lnTo>
                  <a:pt x="5244" y="4086"/>
                </a:lnTo>
                <a:lnTo>
                  <a:pt x="5258" y="4092"/>
                </a:lnTo>
                <a:lnTo>
                  <a:pt x="5272" y="4097"/>
                </a:lnTo>
                <a:lnTo>
                  <a:pt x="5288" y="4100"/>
                </a:lnTo>
                <a:lnTo>
                  <a:pt x="5304" y="4102"/>
                </a:lnTo>
                <a:lnTo>
                  <a:pt x="5322" y="4104"/>
                </a:lnTo>
                <a:lnTo>
                  <a:pt x="5339" y="4104"/>
                </a:lnTo>
                <a:lnTo>
                  <a:pt x="5353" y="4104"/>
                </a:lnTo>
                <a:lnTo>
                  <a:pt x="5366" y="4103"/>
                </a:lnTo>
                <a:lnTo>
                  <a:pt x="5379" y="4101"/>
                </a:lnTo>
                <a:lnTo>
                  <a:pt x="5390" y="4098"/>
                </a:lnTo>
                <a:lnTo>
                  <a:pt x="5401" y="4095"/>
                </a:lnTo>
                <a:lnTo>
                  <a:pt x="5412" y="4090"/>
                </a:lnTo>
                <a:lnTo>
                  <a:pt x="5421" y="4086"/>
                </a:lnTo>
                <a:lnTo>
                  <a:pt x="5431" y="4080"/>
                </a:lnTo>
                <a:lnTo>
                  <a:pt x="5446" y="4069"/>
                </a:lnTo>
                <a:lnTo>
                  <a:pt x="5459" y="4058"/>
                </a:lnTo>
                <a:lnTo>
                  <a:pt x="5470" y="4046"/>
                </a:lnTo>
                <a:lnTo>
                  <a:pt x="5479" y="4036"/>
                </a:lnTo>
                <a:lnTo>
                  <a:pt x="5480" y="4036"/>
                </a:lnTo>
                <a:lnTo>
                  <a:pt x="5480" y="4095"/>
                </a:lnTo>
                <a:lnTo>
                  <a:pt x="5558" y="4095"/>
                </a:lnTo>
                <a:lnTo>
                  <a:pt x="5557" y="4082"/>
                </a:lnTo>
                <a:lnTo>
                  <a:pt x="5556" y="4064"/>
                </a:lnTo>
                <a:lnTo>
                  <a:pt x="5555" y="4040"/>
                </a:lnTo>
                <a:lnTo>
                  <a:pt x="5555" y="4006"/>
                </a:lnTo>
                <a:lnTo>
                  <a:pt x="5555" y="3820"/>
                </a:lnTo>
                <a:lnTo>
                  <a:pt x="5554" y="3797"/>
                </a:lnTo>
                <a:lnTo>
                  <a:pt x="5553" y="3776"/>
                </a:lnTo>
                <a:lnTo>
                  <a:pt x="5550" y="3757"/>
                </a:lnTo>
                <a:lnTo>
                  <a:pt x="5545" y="3739"/>
                </a:lnTo>
                <a:lnTo>
                  <a:pt x="5539" y="3722"/>
                </a:lnTo>
                <a:lnTo>
                  <a:pt x="5532" y="3707"/>
                </a:lnTo>
                <a:lnTo>
                  <a:pt x="5523" y="3693"/>
                </a:lnTo>
                <a:lnTo>
                  <a:pt x="5513" y="3681"/>
                </a:lnTo>
                <a:lnTo>
                  <a:pt x="5501" y="3670"/>
                </a:lnTo>
                <a:lnTo>
                  <a:pt x="5488" y="3660"/>
                </a:lnTo>
                <a:lnTo>
                  <a:pt x="5473" y="3652"/>
                </a:lnTo>
                <a:lnTo>
                  <a:pt x="5456" y="3645"/>
                </a:lnTo>
                <a:lnTo>
                  <a:pt x="5438" y="3640"/>
                </a:lnTo>
                <a:lnTo>
                  <a:pt x="5419" y="3637"/>
                </a:lnTo>
                <a:lnTo>
                  <a:pt x="5397" y="3634"/>
                </a:lnTo>
                <a:lnTo>
                  <a:pt x="5374" y="3633"/>
                </a:lnTo>
                <a:lnTo>
                  <a:pt x="5353" y="3634"/>
                </a:lnTo>
                <a:lnTo>
                  <a:pt x="5332" y="3637"/>
                </a:lnTo>
                <a:lnTo>
                  <a:pt x="5312" y="3640"/>
                </a:lnTo>
                <a:lnTo>
                  <a:pt x="5293" y="3645"/>
                </a:lnTo>
                <a:lnTo>
                  <a:pt x="5276" y="3652"/>
                </a:lnTo>
                <a:lnTo>
                  <a:pt x="5258" y="3659"/>
                </a:lnTo>
                <a:lnTo>
                  <a:pt x="5242" y="3667"/>
                </a:lnTo>
                <a:lnTo>
                  <a:pt x="5225" y="3676"/>
                </a:lnTo>
                <a:lnTo>
                  <a:pt x="5229" y="3746"/>
                </a:lnTo>
                <a:close/>
                <a:moveTo>
                  <a:pt x="4367" y="3479"/>
                </a:moveTo>
                <a:lnTo>
                  <a:pt x="4513" y="3479"/>
                </a:lnTo>
                <a:lnTo>
                  <a:pt x="4707" y="3990"/>
                </a:lnTo>
                <a:lnTo>
                  <a:pt x="4897" y="3479"/>
                </a:lnTo>
                <a:lnTo>
                  <a:pt x="5042" y="3479"/>
                </a:lnTo>
                <a:lnTo>
                  <a:pt x="5042" y="4095"/>
                </a:lnTo>
                <a:lnTo>
                  <a:pt x="4954" y="4095"/>
                </a:lnTo>
                <a:lnTo>
                  <a:pt x="4954" y="3561"/>
                </a:lnTo>
                <a:lnTo>
                  <a:pt x="4952" y="3561"/>
                </a:lnTo>
                <a:lnTo>
                  <a:pt x="4749" y="4095"/>
                </a:lnTo>
                <a:lnTo>
                  <a:pt x="4662" y="4095"/>
                </a:lnTo>
                <a:lnTo>
                  <a:pt x="4457" y="3561"/>
                </a:lnTo>
                <a:lnTo>
                  <a:pt x="4456" y="3561"/>
                </a:lnTo>
                <a:lnTo>
                  <a:pt x="4456" y="4095"/>
                </a:lnTo>
                <a:lnTo>
                  <a:pt x="4367" y="4095"/>
                </a:lnTo>
                <a:lnTo>
                  <a:pt x="4367" y="3479"/>
                </a:lnTo>
                <a:close/>
                <a:moveTo>
                  <a:pt x="3986" y="3711"/>
                </a:moveTo>
                <a:lnTo>
                  <a:pt x="3867" y="3711"/>
                </a:lnTo>
                <a:lnTo>
                  <a:pt x="3867" y="3957"/>
                </a:lnTo>
                <a:lnTo>
                  <a:pt x="3867" y="3967"/>
                </a:lnTo>
                <a:lnTo>
                  <a:pt x="3868" y="3976"/>
                </a:lnTo>
                <a:lnTo>
                  <a:pt x="3870" y="3984"/>
                </a:lnTo>
                <a:lnTo>
                  <a:pt x="3872" y="3991"/>
                </a:lnTo>
                <a:lnTo>
                  <a:pt x="3875" y="3999"/>
                </a:lnTo>
                <a:lnTo>
                  <a:pt x="3879" y="4006"/>
                </a:lnTo>
                <a:lnTo>
                  <a:pt x="3883" y="4011"/>
                </a:lnTo>
                <a:lnTo>
                  <a:pt x="3887" y="4017"/>
                </a:lnTo>
                <a:lnTo>
                  <a:pt x="3892" y="4022"/>
                </a:lnTo>
                <a:lnTo>
                  <a:pt x="3897" y="4025"/>
                </a:lnTo>
                <a:lnTo>
                  <a:pt x="3904" y="4030"/>
                </a:lnTo>
                <a:lnTo>
                  <a:pt x="3909" y="4032"/>
                </a:lnTo>
                <a:lnTo>
                  <a:pt x="3916" y="4034"/>
                </a:lnTo>
                <a:lnTo>
                  <a:pt x="3923" y="4036"/>
                </a:lnTo>
                <a:lnTo>
                  <a:pt x="3929" y="4037"/>
                </a:lnTo>
                <a:lnTo>
                  <a:pt x="3937" y="4037"/>
                </a:lnTo>
                <a:lnTo>
                  <a:pt x="3946" y="4037"/>
                </a:lnTo>
                <a:lnTo>
                  <a:pt x="3955" y="4036"/>
                </a:lnTo>
                <a:lnTo>
                  <a:pt x="3962" y="4034"/>
                </a:lnTo>
                <a:lnTo>
                  <a:pt x="3970" y="4033"/>
                </a:lnTo>
                <a:lnTo>
                  <a:pt x="3983" y="4028"/>
                </a:lnTo>
                <a:lnTo>
                  <a:pt x="3993" y="4022"/>
                </a:lnTo>
                <a:lnTo>
                  <a:pt x="3993" y="4092"/>
                </a:lnTo>
                <a:lnTo>
                  <a:pt x="3978" y="4097"/>
                </a:lnTo>
                <a:lnTo>
                  <a:pt x="3961" y="4100"/>
                </a:lnTo>
                <a:lnTo>
                  <a:pt x="3942" y="4103"/>
                </a:lnTo>
                <a:lnTo>
                  <a:pt x="3923" y="4104"/>
                </a:lnTo>
                <a:lnTo>
                  <a:pt x="3907" y="4104"/>
                </a:lnTo>
                <a:lnTo>
                  <a:pt x="3892" y="4103"/>
                </a:lnTo>
                <a:lnTo>
                  <a:pt x="3878" y="4100"/>
                </a:lnTo>
                <a:lnTo>
                  <a:pt x="3864" y="4097"/>
                </a:lnTo>
                <a:lnTo>
                  <a:pt x="3852" y="4092"/>
                </a:lnTo>
                <a:lnTo>
                  <a:pt x="3841" y="4087"/>
                </a:lnTo>
                <a:lnTo>
                  <a:pt x="3830" y="4080"/>
                </a:lnTo>
                <a:lnTo>
                  <a:pt x="3821" y="4073"/>
                </a:lnTo>
                <a:lnTo>
                  <a:pt x="3813" y="4065"/>
                </a:lnTo>
                <a:lnTo>
                  <a:pt x="3805" y="4055"/>
                </a:lnTo>
                <a:lnTo>
                  <a:pt x="3798" y="4044"/>
                </a:lnTo>
                <a:lnTo>
                  <a:pt x="3793" y="4032"/>
                </a:lnTo>
                <a:lnTo>
                  <a:pt x="3790" y="4020"/>
                </a:lnTo>
                <a:lnTo>
                  <a:pt x="3786" y="4006"/>
                </a:lnTo>
                <a:lnTo>
                  <a:pt x="3784" y="3990"/>
                </a:lnTo>
                <a:lnTo>
                  <a:pt x="3784" y="3974"/>
                </a:lnTo>
                <a:lnTo>
                  <a:pt x="3784" y="3711"/>
                </a:lnTo>
                <a:lnTo>
                  <a:pt x="3682" y="3711"/>
                </a:lnTo>
                <a:lnTo>
                  <a:pt x="3682" y="3644"/>
                </a:lnTo>
                <a:lnTo>
                  <a:pt x="3784" y="3644"/>
                </a:lnTo>
                <a:lnTo>
                  <a:pt x="3784" y="3540"/>
                </a:lnTo>
                <a:lnTo>
                  <a:pt x="3867" y="3514"/>
                </a:lnTo>
                <a:lnTo>
                  <a:pt x="3867" y="3644"/>
                </a:lnTo>
                <a:lnTo>
                  <a:pt x="3986" y="3644"/>
                </a:lnTo>
                <a:lnTo>
                  <a:pt x="3986" y="3711"/>
                </a:lnTo>
                <a:close/>
                <a:moveTo>
                  <a:pt x="3589" y="3992"/>
                </a:moveTo>
                <a:lnTo>
                  <a:pt x="3581" y="3999"/>
                </a:lnTo>
                <a:lnTo>
                  <a:pt x="3567" y="4007"/>
                </a:lnTo>
                <a:lnTo>
                  <a:pt x="3551" y="4014"/>
                </a:lnTo>
                <a:lnTo>
                  <a:pt x="3533" y="4021"/>
                </a:lnTo>
                <a:lnTo>
                  <a:pt x="3513" y="4028"/>
                </a:lnTo>
                <a:lnTo>
                  <a:pt x="3493" y="4033"/>
                </a:lnTo>
                <a:lnTo>
                  <a:pt x="3472" y="4036"/>
                </a:lnTo>
                <a:lnTo>
                  <a:pt x="3451" y="4037"/>
                </a:lnTo>
                <a:lnTo>
                  <a:pt x="3436" y="4036"/>
                </a:lnTo>
                <a:lnTo>
                  <a:pt x="3422" y="4035"/>
                </a:lnTo>
                <a:lnTo>
                  <a:pt x="3408" y="4031"/>
                </a:lnTo>
                <a:lnTo>
                  <a:pt x="3395" y="4026"/>
                </a:lnTo>
                <a:lnTo>
                  <a:pt x="3381" y="4021"/>
                </a:lnTo>
                <a:lnTo>
                  <a:pt x="3369" y="4013"/>
                </a:lnTo>
                <a:lnTo>
                  <a:pt x="3357" y="4006"/>
                </a:lnTo>
                <a:lnTo>
                  <a:pt x="3347" y="3996"/>
                </a:lnTo>
                <a:lnTo>
                  <a:pt x="3337" y="3986"/>
                </a:lnTo>
                <a:lnTo>
                  <a:pt x="3329" y="3974"/>
                </a:lnTo>
                <a:lnTo>
                  <a:pt x="3321" y="3962"/>
                </a:lnTo>
                <a:lnTo>
                  <a:pt x="3314" y="3949"/>
                </a:lnTo>
                <a:lnTo>
                  <a:pt x="3309" y="3934"/>
                </a:lnTo>
                <a:lnTo>
                  <a:pt x="3306" y="3920"/>
                </a:lnTo>
                <a:lnTo>
                  <a:pt x="3303" y="3903"/>
                </a:lnTo>
                <a:lnTo>
                  <a:pt x="3302" y="3887"/>
                </a:lnTo>
                <a:lnTo>
                  <a:pt x="3625" y="3887"/>
                </a:lnTo>
                <a:lnTo>
                  <a:pt x="3623" y="3861"/>
                </a:lnTo>
                <a:lnTo>
                  <a:pt x="3621" y="3835"/>
                </a:lnTo>
                <a:lnTo>
                  <a:pt x="3619" y="3810"/>
                </a:lnTo>
                <a:lnTo>
                  <a:pt x="3615" y="3787"/>
                </a:lnTo>
                <a:lnTo>
                  <a:pt x="3608" y="3764"/>
                </a:lnTo>
                <a:lnTo>
                  <a:pt x="3600" y="3743"/>
                </a:lnTo>
                <a:lnTo>
                  <a:pt x="3592" y="3725"/>
                </a:lnTo>
                <a:lnTo>
                  <a:pt x="3581" y="3706"/>
                </a:lnTo>
                <a:lnTo>
                  <a:pt x="3575" y="3698"/>
                </a:lnTo>
                <a:lnTo>
                  <a:pt x="3568" y="3690"/>
                </a:lnTo>
                <a:lnTo>
                  <a:pt x="3562" y="3683"/>
                </a:lnTo>
                <a:lnTo>
                  <a:pt x="3554" y="3676"/>
                </a:lnTo>
                <a:lnTo>
                  <a:pt x="3546" y="3670"/>
                </a:lnTo>
                <a:lnTo>
                  <a:pt x="3538" y="3663"/>
                </a:lnTo>
                <a:lnTo>
                  <a:pt x="3529" y="3658"/>
                </a:lnTo>
                <a:lnTo>
                  <a:pt x="3520" y="3653"/>
                </a:lnTo>
                <a:lnTo>
                  <a:pt x="3510" y="3649"/>
                </a:lnTo>
                <a:lnTo>
                  <a:pt x="3499" y="3644"/>
                </a:lnTo>
                <a:lnTo>
                  <a:pt x="3488" y="3641"/>
                </a:lnTo>
                <a:lnTo>
                  <a:pt x="3477" y="3639"/>
                </a:lnTo>
                <a:lnTo>
                  <a:pt x="3465" y="3637"/>
                </a:lnTo>
                <a:lnTo>
                  <a:pt x="3452" y="3634"/>
                </a:lnTo>
                <a:lnTo>
                  <a:pt x="3439" y="3633"/>
                </a:lnTo>
                <a:lnTo>
                  <a:pt x="3425" y="3633"/>
                </a:lnTo>
                <a:lnTo>
                  <a:pt x="3401" y="3634"/>
                </a:lnTo>
                <a:lnTo>
                  <a:pt x="3379" y="3638"/>
                </a:lnTo>
                <a:lnTo>
                  <a:pt x="3358" y="3643"/>
                </a:lnTo>
                <a:lnTo>
                  <a:pt x="3339" y="3650"/>
                </a:lnTo>
                <a:lnTo>
                  <a:pt x="3320" y="3660"/>
                </a:lnTo>
                <a:lnTo>
                  <a:pt x="3302" y="3671"/>
                </a:lnTo>
                <a:lnTo>
                  <a:pt x="3287" y="3683"/>
                </a:lnTo>
                <a:lnTo>
                  <a:pt x="3271" y="3697"/>
                </a:lnTo>
                <a:lnTo>
                  <a:pt x="3258" y="3714"/>
                </a:lnTo>
                <a:lnTo>
                  <a:pt x="3247" y="3730"/>
                </a:lnTo>
                <a:lnTo>
                  <a:pt x="3237" y="3750"/>
                </a:lnTo>
                <a:lnTo>
                  <a:pt x="3229" y="3770"/>
                </a:lnTo>
                <a:lnTo>
                  <a:pt x="3222" y="3790"/>
                </a:lnTo>
                <a:lnTo>
                  <a:pt x="3218" y="3813"/>
                </a:lnTo>
                <a:lnTo>
                  <a:pt x="3215" y="3837"/>
                </a:lnTo>
                <a:lnTo>
                  <a:pt x="3214" y="3861"/>
                </a:lnTo>
                <a:lnTo>
                  <a:pt x="3214" y="3888"/>
                </a:lnTo>
                <a:lnTo>
                  <a:pt x="3218" y="3913"/>
                </a:lnTo>
                <a:lnTo>
                  <a:pt x="3222" y="3938"/>
                </a:lnTo>
                <a:lnTo>
                  <a:pt x="3227" y="3961"/>
                </a:lnTo>
                <a:lnTo>
                  <a:pt x="3232" y="3972"/>
                </a:lnTo>
                <a:lnTo>
                  <a:pt x="3236" y="3983"/>
                </a:lnTo>
                <a:lnTo>
                  <a:pt x="3241" y="3992"/>
                </a:lnTo>
                <a:lnTo>
                  <a:pt x="3245" y="4002"/>
                </a:lnTo>
                <a:lnTo>
                  <a:pt x="3251" y="4012"/>
                </a:lnTo>
                <a:lnTo>
                  <a:pt x="3257" y="4021"/>
                </a:lnTo>
                <a:lnTo>
                  <a:pt x="3264" y="4030"/>
                </a:lnTo>
                <a:lnTo>
                  <a:pt x="3270" y="4037"/>
                </a:lnTo>
                <a:lnTo>
                  <a:pt x="3278" y="4045"/>
                </a:lnTo>
                <a:lnTo>
                  <a:pt x="3286" y="4053"/>
                </a:lnTo>
                <a:lnTo>
                  <a:pt x="3295" y="4059"/>
                </a:lnTo>
                <a:lnTo>
                  <a:pt x="3303" y="4066"/>
                </a:lnTo>
                <a:lnTo>
                  <a:pt x="3312" y="4073"/>
                </a:lnTo>
                <a:lnTo>
                  <a:pt x="3322" y="4078"/>
                </a:lnTo>
                <a:lnTo>
                  <a:pt x="3332" y="4082"/>
                </a:lnTo>
                <a:lnTo>
                  <a:pt x="3343" y="4087"/>
                </a:lnTo>
                <a:lnTo>
                  <a:pt x="3354" y="4091"/>
                </a:lnTo>
                <a:lnTo>
                  <a:pt x="3366" y="4095"/>
                </a:lnTo>
                <a:lnTo>
                  <a:pt x="3378" y="4098"/>
                </a:lnTo>
                <a:lnTo>
                  <a:pt x="3391" y="4100"/>
                </a:lnTo>
                <a:lnTo>
                  <a:pt x="3405" y="4102"/>
                </a:lnTo>
                <a:lnTo>
                  <a:pt x="3418" y="4103"/>
                </a:lnTo>
                <a:lnTo>
                  <a:pt x="3432" y="4104"/>
                </a:lnTo>
                <a:lnTo>
                  <a:pt x="3447" y="4104"/>
                </a:lnTo>
                <a:lnTo>
                  <a:pt x="3473" y="4104"/>
                </a:lnTo>
                <a:lnTo>
                  <a:pt x="3496" y="4102"/>
                </a:lnTo>
                <a:lnTo>
                  <a:pt x="3517" y="4099"/>
                </a:lnTo>
                <a:lnTo>
                  <a:pt x="3534" y="4095"/>
                </a:lnTo>
                <a:lnTo>
                  <a:pt x="3564" y="4085"/>
                </a:lnTo>
                <a:lnTo>
                  <a:pt x="3589" y="4076"/>
                </a:lnTo>
                <a:lnTo>
                  <a:pt x="3589" y="3992"/>
                </a:lnTo>
                <a:close/>
                <a:moveTo>
                  <a:pt x="2856" y="4006"/>
                </a:moveTo>
                <a:lnTo>
                  <a:pt x="2868" y="4013"/>
                </a:lnTo>
                <a:lnTo>
                  <a:pt x="2882" y="4020"/>
                </a:lnTo>
                <a:lnTo>
                  <a:pt x="2896" y="4025"/>
                </a:lnTo>
                <a:lnTo>
                  <a:pt x="2911" y="4030"/>
                </a:lnTo>
                <a:lnTo>
                  <a:pt x="2924" y="4033"/>
                </a:lnTo>
                <a:lnTo>
                  <a:pt x="2937" y="4035"/>
                </a:lnTo>
                <a:lnTo>
                  <a:pt x="2949" y="4037"/>
                </a:lnTo>
                <a:lnTo>
                  <a:pt x="2959" y="4037"/>
                </a:lnTo>
                <a:lnTo>
                  <a:pt x="2973" y="4036"/>
                </a:lnTo>
                <a:lnTo>
                  <a:pt x="2988" y="4034"/>
                </a:lnTo>
                <a:lnTo>
                  <a:pt x="2995" y="4032"/>
                </a:lnTo>
                <a:lnTo>
                  <a:pt x="3002" y="4030"/>
                </a:lnTo>
                <a:lnTo>
                  <a:pt x="3009" y="4028"/>
                </a:lnTo>
                <a:lnTo>
                  <a:pt x="3015" y="4023"/>
                </a:lnTo>
                <a:lnTo>
                  <a:pt x="3022" y="4020"/>
                </a:lnTo>
                <a:lnTo>
                  <a:pt x="3027" y="4014"/>
                </a:lnTo>
                <a:lnTo>
                  <a:pt x="3032" y="4010"/>
                </a:lnTo>
                <a:lnTo>
                  <a:pt x="3036" y="4003"/>
                </a:lnTo>
                <a:lnTo>
                  <a:pt x="3039" y="3997"/>
                </a:lnTo>
                <a:lnTo>
                  <a:pt x="3042" y="3990"/>
                </a:lnTo>
                <a:lnTo>
                  <a:pt x="3043" y="3981"/>
                </a:lnTo>
                <a:lnTo>
                  <a:pt x="3044" y="3973"/>
                </a:lnTo>
                <a:lnTo>
                  <a:pt x="3043" y="3966"/>
                </a:lnTo>
                <a:lnTo>
                  <a:pt x="3042" y="3958"/>
                </a:lnTo>
                <a:lnTo>
                  <a:pt x="3039" y="3952"/>
                </a:lnTo>
                <a:lnTo>
                  <a:pt x="3035" y="3946"/>
                </a:lnTo>
                <a:lnTo>
                  <a:pt x="3031" y="3941"/>
                </a:lnTo>
                <a:lnTo>
                  <a:pt x="3026" y="3935"/>
                </a:lnTo>
                <a:lnTo>
                  <a:pt x="3020" y="3930"/>
                </a:lnTo>
                <a:lnTo>
                  <a:pt x="3013" y="3924"/>
                </a:lnTo>
                <a:lnTo>
                  <a:pt x="2999" y="3916"/>
                </a:lnTo>
                <a:lnTo>
                  <a:pt x="2982" y="3907"/>
                </a:lnTo>
                <a:lnTo>
                  <a:pt x="2965" y="3898"/>
                </a:lnTo>
                <a:lnTo>
                  <a:pt x="2946" y="3889"/>
                </a:lnTo>
                <a:lnTo>
                  <a:pt x="2927" y="3879"/>
                </a:lnTo>
                <a:lnTo>
                  <a:pt x="2910" y="3869"/>
                </a:lnTo>
                <a:lnTo>
                  <a:pt x="2902" y="3864"/>
                </a:lnTo>
                <a:lnTo>
                  <a:pt x="2893" y="3858"/>
                </a:lnTo>
                <a:lnTo>
                  <a:pt x="2885" y="3852"/>
                </a:lnTo>
                <a:lnTo>
                  <a:pt x="2879" y="3845"/>
                </a:lnTo>
                <a:lnTo>
                  <a:pt x="2872" y="3838"/>
                </a:lnTo>
                <a:lnTo>
                  <a:pt x="2867" y="3830"/>
                </a:lnTo>
                <a:lnTo>
                  <a:pt x="2861" y="3822"/>
                </a:lnTo>
                <a:lnTo>
                  <a:pt x="2857" y="3813"/>
                </a:lnTo>
                <a:lnTo>
                  <a:pt x="2853" y="3804"/>
                </a:lnTo>
                <a:lnTo>
                  <a:pt x="2850" y="3794"/>
                </a:lnTo>
                <a:lnTo>
                  <a:pt x="2849" y="3784"/>
                </a:lnTo>
                <a:lnTo>
                  <a:pt x="2848" y="3772"/>
                </a:lnTo>
                <a:lnTo>
                  <a:pt x="2849" y="3755"/>
                </a:lnTo>
                <a:lnTo>
                  <a:pt x="2851" y="3739"/>
                </a:lnTo>
                <a:lnTo>
                  <a:pt x="2856" y="3725"/>
                </a:lnTo>
                <a:lnTo>
                  <a:pt x="2860" y="3711"/>
                </a:lnTo>
                <a:lnTo>
                  <a:pt x="2867" y="3698"/>
                </a:lnTo>
                <a:lnTo>
                  <a:pt x="2875" y="3687"/>
                </a:lnTo>
                <a:lnTo>
                  <a:pt x="2884" y="3677"/>
                </a:lnTo>
                <a:lnTo>
                  <a:pt x="2894" y="3667"/>
                </a:lnTo>
                <a:lnTo>
                  <a:pt x="2905" y="3660"/>
                </a:lnTo>
                <a:lnTo>
                  <a:pt x="2917" y="3652"/>
                </a:lnTo>
                <a:lnTo>
                  <a:pt x="2930" y="3647"/>
                </a:lnTo>
                <a:lnTo>
                  <a:pt x="2945" y="3642"/>
                </a:lnTo>
                <a:lnTo>
                  <a:pt x="2959" y="3638"/>
                </a:lnTo>
                <a:lnTo>
                  <a:pt x="2974" y="3636"/>
                </a:lnTo>
                <a:lnTo>
                  <a:pt x="2991" y="3634"/>
                </a:lnTo>
                <a:lnTo>
                  <a:pt x="3007" y="3633"/>
                </a:lnTo>
                <a:lnTo>
                  <a:pt x="3022" y="3633"/>
                </a:lnTo>
                <a:lnTo>
                  <a:pt x="3035" y="3634"/>
                </a:lnTo>
                <a:lnTo>
                  <a:pt x="3048" y="3637"/>
                </a:lnTo>
                <a:lnTo>
                  <a:pt x="3061" y="3639"/>
                </a:lnTo>
                <a:lnTo>
                  <a:pt x="3087" y="3644"/>
                </a:lnTo>
                <a:lnTo>
                  <a:pt x="3111" y="3651"/>
                </a:lnTo>
                <a:lnTo>
                  <a:pt x="3104" y="3723"/>
                </a:lnTo>
                <a:lnTo>
                  <a:pt x="3095" y="3719"/>
                </a:lnTo>
                <a:lnTo>
                  <a:pt x="3084" y="3715"/>
                </a:lnTo>
                <a:lnTo>
                  <a:pt x="3073" y="3711"/>
                </a:lnTo>
                <a:lnTo>
                  <a:pt x="3060" y="3708"/>
                </a:lnTo>
                <a:lnTo>
                  <a:pt x="3035" y="3703"/>
                </a:lnTo>
                <a:lnTo>
                  <a:pt x="3016" y="3700"/>
                </a:lnTo>
                <a:lnTo>
                  <a:pt x="3001" y="3701"/>
                </a:lnTo>
                <a:lnTo>
                  <a:pt x="2985" y="3704"/>
                </a:lnTo>
                <a:lnTo>
                  <a:pt x="2972" y="3708"/>
                </a:lnTo>
                <a:lnTo>
                  <a:pt x="2960" y="3714"/>
                </a:lnTo>
                <a:lnTo>
                  <a:pt x="2956" y="3718"/>
                </a:lnTo>
                <a:lnTo>
                  <a:pt x="2950" y="3721"/>
                </a:lnTo>
                <a:lnTo>
                  <a:pt x="2947" y="3726"/>
                </a:lnTo>
                <a:lnTo>
                  <a:pt x="2943" y="3731"/>
                </a:lnTo>
                <a:lnTo>
                  <a:pt x="2940" y="3737"/>
                </a:lnTo>
                <a:lnTo>
                  <a:pt x="2938" y="3742"/>
                </a:lnTo>
                <a:lnTo>
                  <a:pt x="2937" y="3749"/>
                </a:lnTo>
                <a:lnTo>
                  <a:pt x="2937" y="3755"/>
                </a:lnTo>
                <a:lnTo>
                  <a:pt x="2937" y="3763"/>
                </a:lnTo>
                <a:lnTo>
                  <a:pt x="2939" y="3771"/>
                </a:lnTo>
                <a:lnTo>
                  <a:pt x="2941" y="3778"/>
                </a:lnTo>
                <a:lnTo>
                  <a:pt x="2945" y="3785"/>
                </a:lnTo>
                <a:lnTo>
                  <a:pt x="2949" y="3790"/>
                </a:lnTo>
                <a:lnTo>
                  <a:pt x="2955" y="3796"/>
                </a:lnTo>
                <a:lnTo>
                  <a:pt x="2960" y="3801"/>
                </a:lnTo>
                <a:lnTo>
                  <a:pt x="2967" y="3806"/>
                </a:lnTo>
                <a:lnTo>
                  <a:pt x="2982" y="3816"/>
                </a:lnTo>
                <a:lnTo>
                  <a:pt x="2999" y="3823"/>
                </a:lnTo>
                <a:lnTo>
                  <a:pt x="3016" y="3832"/>
                </a:lnTo>
                <a:lnTo>
                  <a:pt x="3034" y="3840"/>
                </a:lnTo>
                <a:lnTo>
                  <a:pt x="3053" y="3850"/>
                </a:lnTo>
                <a:lnTo>
                  <a:pt x="3070" y="3860"/>
                </a:lnTo>
                <a:lnTo>
                  <a:pt x="3079" y="3865"/>
                </a:lnTo>
                <a:lnTo>
                  <a:pt x="3087" y="3871"/>
                </a:lnTo>
                <a:lnTo>
                  <a:pt x="3094" y="3877"/>
                </a:lnTo>
                <a:lnTo>
                  <a:pt x="3101" y="3884"/>
                </a:lnTo>
                <a:lnTo>
                  <a:pt x="3108" y="3891"/>
                </a:lnTo>
                <a:lnTo>
                  <a:pt x="3114" y="3899"/>
                </a:lnTo>
                <a:lnTo>
                  <a:pt x="3120" y="3908"/>
                </a:lnTo>
                <a:lnTo>
                  <a:pt x="3124" y="3918"/>
                </a:lnTo>
                <a:lnTo>
                  <a:pt x="3127" y="3928"/>
                </a:lnTo>
                <a:lnTo>
                  <a:pt x="3130" y="3940"/>
                </a:lnTo>
                <a:lnTo>
                  <a:pt x="3132" y="3952"/>
                </a:lnTo>
                <a:lnTo>
                  <a:pt x="3132" y="3964"/>
                </a:lnTo>
                <a:lnTo>
                  <a:pt x="3131" y="3981"/>
                </a:lnTo>
                <a:lnTo>
                  <a:pt x="3128" y="3998"/>
                </a:lnTo>
                <a:lnTo>
                  <a:pt x="3124" y="4013"/>
                </a:lnTo>
                <a:lnTo>
                  <a:pt x="3119" y="4026"/>
                </a:lnTo>
                <a:lnTo>
                  <a:pt x="3112" y="4040"/>
                </a:lnTo>
                <a:lnTo>
                  <a:pt x="3103" y="4051"/>
                </a:lnTo>
                <a:lnTo>
                  <a:pt x="3094" y="4062"/>
                </a:lnTo>
                <a:lnTo>
                  <a:pt x="3083" y="4070"/>
                </a:lnTo>
                <a:lnTo>
                  <a:pt x="3072" y="4079"/>
                </a:lnTo>
                <a:lnTo>
                  <a:pt x="3060" y="4086"/>
                </a:lnTo>
                <a:lnTo>
                  <a:pt x="3047" y="4091"/>
                </a:lnTo>
                <a:lnTo>
                  <a:pt x="3033" y="4097"/>
                </a:lnTo>
                <a:lnTo>
                  <a:pt x="3020" y="4100"/>
                </a:lnTo>
                <a:lnTo>
                  <a:pt x="3004" y="4102"/>
                </a:lnTo>
                <a:lnTo>
                  <a:pt x="2990" y="4104"/>
                </a:lnTo>
                <a:lnTo>
                  <a:pt x="2974" y="4104"/>
                </a:lnTo>
                <a:lnTo>
                  <a:pt x="2959" y="4104"/>
                </a:lnTo>
                <a:lnTo>
                  <a:pt x="2943" y="4103"/>
                </a:lnTo>
                <a:lnTo>
                  <a:pt x="2927" y="4102"/>
                </a:lnTo>
                <a:lnTo>
                  <a:pt x="2911" y="4100"/>
                </a:lnTo>
                <a:lnTo>
                  <a:pt x="2895" y="4097"/>
                </a:lnTo>
                <a:lnTo>
                  <a:pt x="2880" y="4092"/>
                </a:lnTo>
                <a:lnTo>
                  <a:pt x="2866" y="4087"/>
                </a:lnTo>
                <a:lnTo>
                  <a:pt x="2851" y="4080"/>
                </a:lnTo>
                <a:lnTo>
                  <a:pt x="2856" y="4006"/>
                </a:lnTo>
                <a:close/>
                <a:moveTo>
                  <a:pt x="2500" y="4006"/>
                </a:moveTo>
                <a:lnTo>
                  <a:pt x="2514" y="4013"/>
                </a:lnTo>
                <a:lnTo>
                  <a:pt x="2527" y="4020"/>
                </a:lnTo>
                <a:lnTo>
                  <a:pt x="2541" y="4025"/>
                </a:lnTo>
                <a:lnTo>
                  <a:pt x="2555" y="4030"/>
                </a:lnTo>
                <a:lnTo>
                  <a:pt x="2570" y="4033"/>
                </a:lnTo>
                <a:lnTo>
                  <a:pt x="2582" y="4035"/>
                </a:lnTo>
                <a:lnTo>
                  <a:pt x="2594" y="4037"/>
                </a:lnTo>
                <a:lnTo>
                  <a:pt x="2604" y="4037"/>
                </a:lnTo>
                <a:lnTo>
                  <a:pt x="2618" y="4036"/>
                </a:lnTo>
                <a:lnTo>
                  <a:pt x="2633" y="4034"/>
                </a:lnTo>
                <a:lnTo>
                  <a:pt x="2640" y="4032"/>
                </a:lnTo>
                <a:lnTo>
                  <a:pt x="2648" y="4030"/>
                </a:lnTo>
                <a:lnTo>
                  <a:pt x="2654" y="4028"/>
                </a:lnTo>
                <a:lnTo>
                  <a:pt x="2661" y="4023"/>
                </a:lnTo>
                <a:lnTo>
                  <a:pt x="2666" y="4020"/>
                </a:lnTo>
                <a:lnTo>
                  <a:pt x="2672" y="4014"/>
                </a:lnTo>
                <a:lnTo>
                  <a:pt x="2676" y="4010"/>
                </a:lnTo>
                <a:lnTo>
                  <a:pt x="2681" y="4003"/>
                </a:lnTo>
                <a:lnTo>
                  <a:pt x="2684" y="3997"/>
                </a:lnTo>
                <a:lnTo>
                  <a:pt x="2686" y="3990"/>
                </a:lnTo>
                <a:lnTo>
                  <a:pt x="2688" y="3981"/>
                </a:lnTo>
                <a:lnTo>
                  <a:pt x="2688" y="3973"/>
                </a:lnTo>
                <a:lnTo>
                  <a:pt x="2688" y="3966"/>
                </a:lnTo>
                <a:lnTo>
                  <a:pt x="2686" y="3958"/>
                </a:lnTo>
                <a:lnTo>
                  <a:pt x="2684" y="3952"/>
                </a:lnTo>
                <a:lnTo>
                  <a:pt x="2681" y="3946"/>
                </a:lnTo>
                <a:lnTo>
                  <a:pt x="2675" y="3941"/>
                </a:lnTo>
                <a:lnTo>
                  <a:pt x="2671" y="3935"/>
                </a:lnTo>
                <a:lnTo>
                  <a:pt x="2664" y="3930"/>
                </a:lnTo>
                <a:lnTo>
                  <a:pt x="2658" y="3924"/>
                </a:lnTo>
                <a:lnTo>
                  <a:pt x="2643" y="3916"/>
                </a:lnTo>
                <a:lnTo>
                  <a:pt x="2627" y="3907"/>
                </a:lnTo>
                <a:lnTo>
                  <a:pt x="2609" y="3898"/>
                </a:lnTo>
                <a:lnTo>
                  <a:pt x="2591" y="3889"/>
                </a:lnTo>
                <a:lnTo>
                  <a:pt x="2573" y="3879"/>
                </a:lnTo>
                <a:lnTo>
                  <a:pt x="2555" y="3869"/>
                </a:lnTo>
                <a:lnTo>
                  <a:pt x="2547" y="3864"/>
                </a:lnTo>
                <a:lnTo>
                  <a:pt x="2539" y="3858"/>
                </a:lnTo>
                <a:lnTo>
                  <a:pt x="2531" y="3852"/>
                </a:lnTo>
                <a:lnTo>
                  <a:pt x="2523" y="3845"/>
                </a:lnTo>
                <a:lnTo>
                  <a:pt x="2517" y="3838"/>
                </a:lnTo>
                <a:lnTo>
                  <a:pt x="2511" y="3830"/>
                </a:lnTo>
                <a:lnTo>
                  <a:pt x="2506" y="3822"/>
                </a:lnTo>
                <a:lnTo>
                  <a:pt x="2501" y="3813"/>
                </a:lnTo>
                <a:lnTo>
                  <a:pt x="2498" y="3804"/>
                </a:lnTo>
                <a:lnTo>
                  <a:pt x="2496" y="3794"/>
                </a:lnTo>
                <a:lnTo>
                  <a:pt x="2494" y="3784"/>
                </a:lnTo>
                <a:lnTo>
                  <a:pt x="2494" y="3772"/>
                </a:lnTo>
                <a:lnTo>
                  <a:pt x="2494" y="3755"/>
                </a:lnTo>
                <a:lnTo>
                  <a:pt x="2496" y="3739"/>
                </a:lnTo>
                <a:lnTo>
                  <a:pt x="2500" y="3725"/>
                </a:lnTo>
                <a:lnTo>
                  <a:pt x="2506" y="3711"/>
                </a:lnTo>
                <a:lnTo>
                  <a:pt x="2512" y="3698"/>
                </a:lnTo>
                <a:lnTo>
                  <a:pt x="2520" y="3687"/>
                </a:lnTo>
                <a:lnTo>
                  <a:pt x="2529" y="3677"/>
                </a:lnTo>
                <a:lnTo>
                  <a:pt x="2539" y="3667"/>
                </a:lnTo>
                <a:lnTo>
                  <a:pt x="2551" y="3660"/>
                </a:lnTo>
                <a:lnTo>
                  <a:pt x="2563" y="3652"/>
                </a:lnTo>
                <a:lnTo>
                  <a:pt x="2576" y="3647"/>
                </a:lnTo>
                <a:lnTo>
                  <a:pt x="2589" y="3642"/>
                </a:lnTo>
                <a:lnTo>
                  <a:pt x="2605" y="3638"/>
                </a:lnTo>
                <a:lnTo>
                  <a:pt x="2620" y="3636"/>
                </a:lnTo>
                <a:lnTo>
                  <a:pt x="2636" y="3634"/>
                </a:lnTo>
                <a:lnTo>
                  <a:pt x="2652" y="3633"/>
                </a:lnTo>
                <a:lnTo>
                  <a:pt x="2666" y="3633"/>
                </a:lnTo>
                <a:lnTo>
                  <a:pt x="2681" y="3634"/>
                </a:lnTo>
                <a:lnTo>
                  <a:pt x="2694" y="3637"/>
                </a:lnTo>
                <a:lnTo>
                  <a:pt x="2706" y="3639"/>
                </a:lnTo>
                <a:lnTo>
                  <a:pt x="2731" y="3644"/>
                </a:lnTo>
                <a:lnTo>
                  <a:pt x="2756" y="3651"/>
                </a:lnTo>
                <a:lnTo>
                  <a:pt x="2749" y="3723"/>
                </a:lnTo>
                <a:lnTo>
                  <a:pt x="2740" y="3719"/>
                </a:lnTo>
                <a:lnTo>
                  <a:pt x="2730" y="3715"/>
                </a:lnTo>
                <a:lnTo>
                  <a:pt x="2718" y="3711"/>
                </a:lnTo>
                <a:lnTo>
                  <a:pt x="2705" y="3708"/>
                </a:lnTo>
                <a:lnTo>
                  <a:pt x="2693" y="3705"/>
                </a:lnTo>
                <a:lnTo>
                  <a:pt x="2681" y="3703"/>
                </a:lnTo>
                <a:lnTo>
                  <a:pt x="2670" y="3701"/>
                </a:lnTo>
                <a:lnTo>
                  <a:pt x="2661" y="3700"/>
                </a:lnTo>
                <a:lnTo>
                  <a:pt x="2646" y="3701"/>
                </a:lnTo>
                <a:lnTo>
                  <a:pt x="2631" y="3704"/>
                </a:lnTo>
                <a:lnTo>
                  <a:pt x="2617" y="3708"/>
                </a:lnTo>
                <a:lnTo>
                  <a:pt x="2606" y="3714"/>
                </a:lnTo>
                <a:lnTo>
                  <a:pt x="2600" y="3718"/>
                </a:lnTo>
                <a:lnTo>
                  <a:pt x="2596" y="3721"/>
                </a:lnTo>
                <a:lnTo>
                  <a:pt x="2592" y="3726"/>
                </a:lnTo>
                <a:lnTo>
                  <a:pt x="2588" y="3731"/>
                </a:lnTo>
                <a:lnTo>
                  <a:pt x="2585" y="3737"/>
                </a:lnTo>
                <a:lnTo>
                  <a:pt x="2583" y="3742"/>
                </a:lnTo>
                <a:lnTo>
                  <a:pt x="2582" y="3749"/>
                </a:lnTo>
                <a:lnTo>
                  <a:pt x="2582" y="3755"/>
                </a:lnTo>
                <a:lnTo>
                  <a:pt x="2582" y="3763"/>
                </a:lnTo>
                <a:lnTo>
                  <a:pt x="2584" y="3771"/>
                </a:lnTo>
                <a:lnTo>
                  <a:pt x="2586" y="3778"/>
                </a:lnTo>
                <a:lnTo>
                  <a:pt x="2591" y="3785"/>
                </a:lnTo>
                <a:lnTo>
                  <a:pt x="2595" y="3790"/>
                </a:lnTo>
                <a:lnTo>
                  <a:pt x="2599" y="3796"/>
                </a:lnTo>
                <a:lnTo>
                  <a:pt x="2606" y="3801"/>
                </a:lnTo>
                <a:lnTo>
                  <a:pt x="2613" y="3806"/>
                </a:lnTo>
                <a:lnTo>
                  <a:pt x="2627" y="3816"/>
                </a:lnTo>
                <a:lnTo>
                  <a:pt x="2643" y="3823"/>
                </a:lnTo>
                <a:lnTo>
                  <a:pt x="2661" y="3832"/>
                </a:lnTo>
                <a:lnTo>
                  <a:pt x="2680" y="3840"/>
                </a:lnTo>
                <a:lnTo>
                  <a:pt x="2697" y="3850"/>
                </a:lnTo>
                <a:lnTo>
                  <a:pt x="2715" y="3860"/>
                </a:lnTo>
                <a:lnTo>
                  <a:pt x="2724" y="3865"/>
                </a:lnTo>
                <a:lnTo>
                  <a:pt x="2731" y="3871"/>
                </a:lnTo>
                <a:lnTo>
                  <a:pt x="2739" y="3877"/>
                </a:lnTo>
                <a:lnTo>
                  <a:pt x="2747" y="3884"/>
                </a:lnTo>
                <a:lnTo>
                  <a:pt x="2753" y="3891"/>
                </a:lnTo>
                <a:lnTo>
                  <a:pt x="2759" y="3899"/>
                </a:lnTo>
                <a:lnTo>
                  <a:pt x="2764" y="3908"/>
                </a:lnTo>
                <a:lnTo>
                  <a:pt x="2769" y="3918"/>
                </a:lnTo>
                <a:lnTo>
                  <a:pt x="2772" y="3928"/>
                </a:lnTo>
                <a:lnTo>
                  <a:pt x="2774" y="3940"/>
                </a:lnTo>
                <a:lnTo>
                  <a:pt x="2776" y="3952"/>
                </a:lnTo>
                <a:lnTo>
                  <a:pt x="2778" y="3964"/>
                </a:lnTo>
                <a:lnTo>
                  <a:pt x="2776" y="3981"/>
                </a:lnTo>
                <a:lnTo>
                  <a:pt x="2773" y="3998"/>
                </a:lnTo>
                <a:lnTo>
                  <a:pt x="2770" y="4013"/>
                </a:lnTo>
                <a:lnTo>
                  <a:pt x="2763" y="4026"/>
                </a:lnTo>
                <a:lnTo>
                  <a:pt x="2757" y="4040"/>
                </a:lnTo>
                <a:lnTo>
                  <a:pt x="2748" y="4051"/>
                </a:lnTo>
                <a:lnTo>
                  <a:pt x="2739" y="4062"/>
                </a:lnTo>
                <a:lnTo>
                  <a:pt x="2728" y="4070"/>
                </a:lnTo>
                <a:lnTo>
                  <a:pt x="2717" y="4079"/>
                </a:lnTo>
                <a:lnTo>
                  <a:pt x="2705" y="4086"/>
                </a:lnTo>
                <a:lnTo>
                  <a:pt x="2692" y="4091"/>
                </a:lnTo>
                <a:lnTo>
                  <a:pt x="2679" y="4097"/>
                </a:lnTo>
                <a:lnTo>
                  <a:pt x="2664" y="4100"/>
                </a:lnTo>
                <a:lnTo>
                  <a:pt x="2650" y="4102"/>
                </a:lnTo>
                <a:lnTo>
                  <a:pt x="2635" y="4104"/>
                </a:lnTo>
                <a:lnTo>
                  <a:pt x="2620" y="4104"/>
                </a:lnTo>
                <a:lnTo>
                  <a:pt x="2604" y="4104"/>
                </a:lnTo>
                <a:lnTo>
                  <a:pt x="2588" y="4103"/>
                </a:lnTo>
                <a:lnTo>
                  <a:pt x="2572" y="4102"/>
                </a:lnTo>
                <a:lnTo>
                  <a:pt x="2556" y="4100"/>
                </a:lnTo>
                <a:lnTo>
                  <a:pt x="2541" y="4097"/>
                </a:lnTo>
                <a:lnTo>
                  <a:pt x="2526" y="4092"/>
                </a:lnTo>
                <a:lnTo>
                  <a:pt x="2510" y="4087"/>
                </a:lnTo>
                <a:lnTo>
                  <a:pt x="2496" y="4080"/>
                </a:lnTo>
                <a:lnTo>
                  <a:pt x="2500" y="4006"/>
                </a:lnTo>
                <a:close/>
                <a:moveTo>
                  <a:pt x="1825" y="4095"/>
                </a:moveTo>
                <a:lnTo>
                  <a:pt x="1917" y="4095"/>
                </a:lnTo>
                <a:lnTo>
                  <a:pt x="1980" y="3939"/>
                </a:lnTo>
                <a:lnTo>
                  <a:pt x="2283" y="3939"/>
                </a:lnTo>
                <a:lnTo>
                  <a:pt x="2345" y="4095"/>
                </a:lnTo>
                <a:lnTo>
                  <a:pt x="2442" y="4095"/>
                </a:lnTo>
                <a:lnTo>
                  <a:pt x="2180" y="3479"/>
                </a:lnTo>
                <a:lnTo>
                  <a:pt x="2088" y="3479"/>
                </a:lnTo>
                <a:lnTo>
                  <a:pt x="1825" y="4095"/>
                </a:lnTo>
                <a:close/>
                <a:moveTo>
                  <a:pt x="17600" y="2283"/>
                </a:moveTo>
                <a:lnTo>
                  <a:pt x="17600" y="1589"/>
                </a:lnTo>
                <a:lnTo>
                  <a:pt x="17460" y="1589"/>
                </a:lnTo>
                <a:lnTo>
                  <a:pt x="17460" y="1673"/>
                </a:lnTo>
                <a:lnTo>
                  <a:pt x="17443" y="1658"/>
                </a:lnTo>
                <a:lnTo>
                  <a:pt x="17426" y="1645"/>
                </a:lnTo>
                <a:lnTo>
                  <a:pt x="17409" y="1632"/>
                </a:lnTo>
                <a:lnTo>
                  <a:pt x="17391" y="1621"/>
                </a:lnTo>
                <a:lnTo>
                  <a:pt x="17372" y="1611"/>
                </a:lnTo>
                <a:lnTo>
                  <a:pt x="17355" y="1603"/>
                </a:lnTo>
                <a:lnTo>
                  <a:pt x="17336" y="1595"/>
                </a:lnTo>
                <a:lnTo>
                  <a:pt x="17317" y="1589"/>
                </a:lnTo>
                <a:lnTo>
                  <a:pt x="17296" y="1584"/>
                </a:lnTo>
                <a:lnTo>
                  <a:pt x="17277" y="1580"/>
                </a:lnTo>
                <a:lnTo>
                  <a:pt x="17255" y="1577"/>
                </a:lnTo>
                <a:lnTo>
                  <a:pt x="17233" y="1573"/>
                </a:lnTo>
                <a:lnTo>
                  <a:pt x="17210" y="1572"/>
                </a:lnTo>
                <a:lnTo>
                  <a:pt x="17184" y="1571"/>
                </a:lnTo>
                <a:lnTo>
                  <a:pt x="17159" y="1570"/>
                </a:lnTo>
                <a:lnTo>
                  <a:pt x="17131" y="1570"/>
                </a:lnTo>
                <a:lnTo>
                  <a:pt x="17106" y="1570"/>
                </a:lnTo>
                <a:lnTo>
                  <a:pt x="17081" y="1571"/>
                </a:lnTo>
                <a:lnTo>
                  <a:pt x="17056" y="1573"/>
                </a:lnTo>
                <a:lnTo>
                  <a:pt x="17032" y="1577"/>
                </a:lnTo>
                <a:lnTo>
                  <a:pt x="17009" y="1580"/>
                </a:lnTo>
                <a:lnTo>
                  <a:pt x="16987" y="1584"/>
                </a:lnTo>
                <a:lnTo>
                  <a:pt x="16965" y="1590"/>
                </a:lnTo>
                <a:lnTo>
                  <a:pt x="16944" y="1597"/>
                </a:lnTo>
                <a:lnTo>
                  <a:pt x="16925" y="1603"/>
                </a:lnTo>
                <a:lnTo>
                  <a:pt x="16906" y="1611"/>
                </a:lnTo>
                <a:lnTo>
                  <a:pt x="16887" y="1620"/>
                </a:lnTo>
                <a:lnTo>
                  <a:pt x="16870" y="1628"/>
                </a:lnTo>
                <a:lnTo>
                  <a:pt x="16853" y="1638"/>
                </a:lnTo>
                <a:lnTo>
                  <a:pt x="16837" y="1649"/>
                </a:lnTo>
                <a:lnTo>
                  <a:pt x="16821" y="1661"/>
                </a:lnTo>
                <a:lnTo>
                  <a:pt x="16807" y="1673"/>
                </a:lnTo>
                <a:lnTo>
                  <a:pt x="16794" y="1687"/>
                </a:lnTo>
                <a:lnTo>
                  <a:pt x="16781" y="1700"/>
                </a:lnTo>
                <a:lnTo>
                  <a:pt x="16768" y="1715"/>
                </a:lnTo>
                <a:lnTo>
                  <a:pt x="16757" y="1730"/>
                </a:lnTo>
                <a:lnTo>
                  <a:pt x="16748" y="1746"/>
                </a:lnTo>
                <a:lnTo>
                  <a:pt x="16739" y="1762"/>
                </a:lnTo>
                <a:lnTo>
                  <a:pt x="16730" y="1780"/>
                </a:lnTo>
                <a:lnTo>
                  <a:pt x="16722" y="1799"/>
                </a:lnTo>
                <a:lnTo>
                  <a:pt x="16716" y="1817"/>
                </a:lnTo>
                <a:lnTo>
                  <a:pt x="16710" y="1837"/>
                </a:lnTo>
                <a:lnTo>
                  <a:pt x="16705" y="1858"/>
                </a:lnTo>
                <a:lnTo>
                  <a:pt x="16700" y="1879"/>
                </a:lnTo>
                <a:lnTo>
                  <a:pt x="16698" y="1900"/>
                </a:lnTo>
                <a:lnTo>
                  <a:pt x="16696" y="1923"/>
                </a:lnTo>
                <a:lnTo>
                  <a:pt x="16694" y="1946"/>
                </a:lnTo>
                <a:lnTo>
                  <a:pt x="16694" y="1969"/>
                </a:lnTo>
                <a:lnTo>
                  <a:pt x="16694" y="1985"/>
                </a:lnTo>
                <a:lnTo>
                  <a:pt x="16695" y="2002"/>
                </a:lnTo>
                <a:lnTo>
                  <a:pt x="16697" y="2019"/>
                </a:lnTo>
                <a:lnTo>
                  <a:pt x="16699" y="2036"/>
                </a:lnTo>
                <a:lnTo>
                  <a:pt x="16702" y="2052"/>
                </a:lnTo>
                <a:lnTo>
                  <a:pt x="16707" y="2069"/>
                </a:lnTo>
                <a:lnTo>
                  <a:pt x="16711" y="2086"/>
                </a:lnTo>
                <a:lnTo>
                  <a:pt x="16717" y="2103"/>
                </a:lnTo>
                <a:lnTo>
                  <a:pt x="16723" y="2119"/>
                </a:lnTo>
                <a:lnTo>
                  <a:pt x="16731" y="2135"/>
                </a:lnTo>
                <a:lnTo>
                  <a:pt x="16739" y="2151"/>
                </a:lnTo>
                <a:lnTo>
                  <a:pt x="16749" y="2166"/>
                </a:lnTo>
                <a:lnTo>
                  <a:pt x="16759" y="2182"/>
                </a:lnTo>
                <a:lnTo>
                  <a:pt x="16770" y="2196"/>
                </a:lnTo>
                <a:lnTo>
                  <a:pt x="16782" y="2211"/>
                </a:lnTo>
                <a:lnTo>
                  <a:pt x="16794" y="2225"/>
                </a:lnTo>
                <a:lnTo>
                  <a:pt x="16808" y="2239"/>
                </a:lnTo>
                <a:lnTo>
                  <a:pt x="16822" y="2251"/>
                </a:lnTo>
                <a:lnTo>
                  <a:pt x="16838" y="2263"/>
                </a:lnTo>
                <a:lnTo>
                  <a:pt x="16855" y="2275"/>
                </a:lnTo>
                <a:lnTo>
                  <a:pt x="16873" y="2286"/>
                </a:lnTo>
                <a:lnTo>
                  <a:pt x="16892" y="2296"/>
                </a:lnTo>
                <a:lnTo>
                  <a:pt x="16911" y="2306"/>
                </a:lnTo>
                <a:lnTo>
                  <a:pt x="16932" y="2315"/>
                </a:lnTo>
                <a:lnTo>
                  <a:pt x="16955" y="2322"/>
                </a:lnTo>
                <a:lnTo>
                  <a:pt x="16979" y="2329"/>
                </a:lnTo>
                <a:lnTo>
                  <a:pt x="17003" y="2336"/>
                </a:lnTo>
                <a:lnTo>
                  <a:pt x="17028" y="2340"/>
                </a:lnTo>
                <a:lnTo>
                  <a:pt x="17056" y="2344"/>
                </a:lnTo>
                <a:lnTo>
                  <a:pt x="17083" y="2348"/>
                </a:lnTo>
                <a:lnTo>
                  <a:pt x="17113" y="2349"/>
                </a:lnTo>
                <a:lnTo>
                  <a:pt x="17142" y="2350"/>
                </a:lnTo>
                <a:lnTo>
                  <a:pt x="17170" y="2349"/>
                </a:lnTo>
                <a:lnTo>
                  <a:pt x="17197" y="2348"/>
                </a:lnTo>
                <a:lnTo>
                  <a:pt x="17223" y="2344"/>
                </a:lnTo>
                <a:lnTo>
                  <a:pt x="17247" y="2341"/>
                </a:lnTo>
                <a:lnTo>
                  <a:pt x="17271" y="2336"/>
                </a:lnTo>
                <a:lnTo>
                  <a:pt x="17293" y="2329"/>
                </a:lnTo>
                <a:lnTo>
                  <a:pt x="17314" y="2322"/>
                </a:lnTo>
                <a:lnTo>
                  <a:pt x="17335" y="2314"/>
                </a:lnTo>
                <a:lnTo>
                  <a:pt x="17355" y="2304"/>
                </a:lnTo>
                <a:lnTo>
                  <a:pt x="17372" y="2294"/>
                </a:lnTo>
                <a:lnTo>
                  <a:pt x="17390" y="2282"/>
                </a:lnTo>
                <a:lnTo>
                  <a:pt x="17406" y="2269"/>
                </a:lnTo>
                <a:lnTo>
                  <a:pt x="17422" y="2254"/>
                </a:lnTo>
                <a:lnTo>
                  <a:pt x="17437" y="2239"/>
                </a:lnTo>
                <a:lnTo>
                  <a:pt x="17450" y="2221"/>
                </a:lnTo>
                <a:lnTo>
                  <a:pt x="17464" y="2204"/>
                </a:lnTo>
                <a:lnTo>
                  <a:pt x="17463" y="2242"/>
                </a:lnTo>
                <a:lnTo>
                  <a:pt x="17461" y="2278"/>
                </a:lnTo>
                <a:lnTo>
                  <a:pt x="17458" y="2315"/>
                </a:lnTo>
                <a:lnTo>
                  <a:pt x="17454" y="2349"/>
                </a:lnTo>
                <a:lnTo>
                  <a:pt x="17450" y="2365"/>
                </a:lnTo>
                <a:lnTo>
                  <a:pt x="17446" y="2382"/>
                </a:lnTo>
                <a:lnTo>
                  <a:pt x="17442" y="2397"/>
                </a:lnTo>
                <a:lnTo>
                  <a:pt x="17436" y="2412"/>
                </a:lnTo>
                <a:lnTo>
                  <a:pt x="17431" y="2428"/>
                </a:lnTo>
                <a:lnTo>
                  <a:pt x="17424" y="2442"/>
                </a:lnTo>
                <a:lnTo>
                  <a:pt x="17415" y="2455"/>
                </a:lnTo>
                <a:lnTo>
                  <a:pt x="17408" y="2468"/>
                </a:lnTo>
                <a:lnTo>
                  <a:pt x="17398" y="2480"/>
                </a:lnTo>
                <a:lnTo>
                  <a:pt x="17387" y="2493"/>
                </a:lnTo>
                <a:lnTo>
                  <a:pt x="17376" y="2504"/>
                </a:lnTo>
                <a:lnTo>
                  <a:pt x="17362" y="2514"/>
                </a:lnTo>
                <a:lnTo>
                  <a:pt x="17348" y="2524"/>
                </a:lnTo>
                <a:lnTo>
                  <a:pt x="17334" y="2533"/>
                </a:lnTo>
                <a:lnTo>
                  <a:pt x="17317" y="2542"/>
                </a:lnTo>
                <a:lnTo>
                  <a:pt x="17300" y="2550"/>
                </a:lnTo>
                <a:lnTo>
                  <a:pt x="17280" y="2556"/>
                </a:lnTo>
                <a:lnTo>
                  <a:pt x="17260" y="2562"/>
                </a:lnTo>
                <a:lnTo>
                  <a:pt x="17238" y="2567"/>
                </a:lnTo>
                <a:lnTo>
                  <a:pt x="17215" y="2572"/>
                </a:lnTo>
                <a:lnTo>
                  <a:pt x="17190" y="2575"/>
                </a:lnTo>
                <a:lnTo>
                  <a:pt x="17163" y="2577"/>
                </a:lnTo>
                <a:lnTo>
                  <a:pt x="17135" y="2578"/>
                </a:lnTo>
                <a:lnTo>
                  <a:pt x="17105" y="2579"/>
                </a:lnTo>
                <a:lnTo>
                  <a:pt x="17062" y="2578"/>
                </a:lnTo>
                <a:lnTo>
                  <a:pt x="17020" y="2576"/>
                </a:lnTo>
                <a:lnTo>
                  <a:pt x="16980" y="2572"/>
                </a:lnTo>
                <a:lnTo>
                  <a:pt x="16940" y="2565"/>
                </a:lnTo>
                <a:lnTo>
                  <a:pt x="16902" y="2557"/>
                </a:lnTo>
                <a:lnTo>
                  <a:pt x="16863" y="2549"/>
                </a:lnTo>
                <a:lnTo>
                  <a:pt x="16826" y="2539"/>
                </a:lnTo>
                <a:lnTo>
                  <a:pt x="16789" y="2527"/>
                </a:lnTo>
                <a:lnTo>
                  <a:pt x="16789" y="2631"/>
                </a:lnTo>
                <a:lnTo>
                  <a:pt x="16816" y="2636"/>
                </a:lnTo>
                <a:lnTo>
                  <a:pt x="16847" y="2642"/>
                </a:lnTo>
                <a:lnTo>
                  <a:pt x="16881" y="2648"/>
                </a:lnTo>
                <a:lnTo>
                  <a:pt x="16920" y="2655"/>
                </a:lnTo>
                <a:lnTo>
                  <a:pt x="16962" y="2661"/>
                </a:lnTo>
                <a:lnTo>
                  <a:pt x="17007" y="2665"/>
                </a:lnTo>
                <a:lnTo>
                  <a:pt x="17054" y="2667"/>
                </a:lnTo>
                <a:lnTo>
                  <a:pt x="17103" y="2668"/>
                </a:lnTo>
                <a:lnTo>
                  <a:pt x="17142" y="2668"/>
                </a:lnTo>
                <a:lnTo>
                  <a:pt x="17180" y="2666"/>
                </a:lnTo>
                <a:lnTo>
                  <a:pt x="17215" y="2663"/>
                </a:lnTo>
                <a:lnTo>
                  <a:pt x="17249" y="2658"/>
                </a:lnTo>
                <a:lnTo>
                  <a:pt x="17280" y="2653"/>
                </a:lnTo>
                <a:lnTo>
                  <a:pt x="17310" y="2645"/>
                </a:lnTo>
                <a:lnTo>
                  <a:pt x="17338" y="2637"/>
                </a:lnTo>
                <a:lnTo>
                  <a:pt x="17364" y="2629"/>
                </a:lnTo>
                <a:lnTo>
                  <a:pt x="17388" y="2619"/>
                </a:lnTo>
                <a:lnTo>
                  <a:pt x="17411" y="2609"/>
                </a:lnTo>
                <a:lnTo>
                  <a:pt x="17432" y="2597"/>
                </a:lnTo>
                <a:lnTo>
                  <a:pt x="17452" y="2585"/>
                </a:lnTo>
                <a:lnTo>
                  <a:pt x="17469" y="2573"/>
                </a:lnTo>
                <a:lnTo>
                  <a:pt x="17486" y="2558"/>
                </a:lnTo>
                <a:lnTo>
                  <a:pt x="17501" y="2545"/>
                </a:lnTo>
                <a:lnTo>
                  <a:pt x="17514" y="2530"/>
                </a:lnTo>
                <a:lnTo>
                  <a:pt x="17527" y="2516"/>
                </a:lnTo>
                <a:lnTo>
                  <a:pt x="17538" y="2500"/>
                </a:lnTo>
                <a:lnTo>
                  <a:pt x="17548" y="2485"/>
                </a:lnTo>
                <a:lnTo>
                  <a:pt x="17557" y="2469"/>
                </a:lnTo>
                <a:lnTo>
                  <a:pt x="17565" y="2453"/>
                </a:lnTo>
                <a:lnTo>
                  <a:pt x="17573" y="2437"/>
                </a:lnTo>
                <a:lnTo>
                  <a:pt x="17578" y="2421"/>
                </a:lnTo>
                <a:lnTo>
                  <a:pt x="17584" y="2405"/>
                </a:lnTo>
                <a:lnTo>
                  <a:pt x="17588" y="2388"/>
                </a:lnTo>
                <a:lnTo>
                  <a:pt x="17591" y="2373"/>
                </a:lnTo>
                <a:lnTo>
                  <a:pt x="17595" y="2357"/>
                </a:lnTo>
                <a:lnTo>
                  <a:pt x="17597" y="2341"/>
                </a:lnTo>
                <a:lnTo>
                  <a:pt x="17599" y="2311"/>
                </a:lnTo>
                <a:lnTo>
                  <a:pt x="17600" y="2283"/>
                </a:lnTo>
                <a:close/>
                <a:moveTo>
                  <a:pt x="16360" y="2350"/>
                </a:moveTo>
                <a:lnTo>
                  <a:pt x="16360" y="1888"/>
                </a:lnTo>
                <a:lnTo>
                  <a:pt x="16359" y="1860"/>
                </a:lnTo>
                <a:lnTo>
                  <a:pt x="16356" y="1834"/>
                </a:lnTo>
                <a:lnTo>
                  <a:pt x="16352" y="1810"/>
                </a:lnTo>
                <a:lnTo>
                  <a:pt x="16345" y="1786"/>
                </a:lnTo>
                <a:lnTo>
                  <a:pt x="16341" y="1777"/>
                </a:lnTo>
                <a:lnTo>
                  <a:pt x="16336" y="1766"/>
                </a:lnTo>
                <a:lnTo>
                  <a:pt x="16331" y="1757"/>
                </a:lnTo>
                <a:lnTo>
                  <a:pt x="16325" y="1747"/>
                </a:lnTo>
                <a:lnTo>
                  <a:pt x="16319" y="1738"/>
                </a:lnTo>
                <a:lnTo>
                  <a:pt x="16313" y="1730"/>
                </a:lnTo>
                <a:lnTo>
                  <a:pt x="16305" y="1723"/>
                </a:lnTo>
                <a:lnTo>
                  <a:pt x="16299" y="1715"/>
                </a:lnTo>
                <a:lnTo>
                  <a:pt x="16290" y="1709"/>
                </a:lnTo>
                <a:lnTo>
                  <a:pt x="16282" y="1702"/>
                </a:lnTo>
                <a:lnTo>
                  <a:pt x="16272" y="1695"/>
                </a:lnTo>
                <a:lnTo>
                  <a:pt x="16264" y="1690"/>
                </a:lnTo>
                <a:lnTo>
                  <a:pt x="16254" y="1684"/>
                </a:lnTo>
                <a:lnTo>
                  <a:pt x="16244" y="1680"/>
                </a:lnTo>
                <a:lnTo>
                  <a:pt x="16233" y="1676"/>
                </a:lnTo>
                <a:lnTo>
                  <a:pt x="16221" y="1672"/>
                </a:lnTo>
                <a:lnTo>
                  <a:pt x="16198" y="1666"/>
                </a:lnTo>
                <a:lnTo>
                  <a:pt x="16171" y="1661"/>
                </a:lnTo>
                <a:lnTo>
                  <a:pt x="16144" y="1658"/>
                </a:lnTo>
                <a:lnTo>
                  <a:pt x="16114" y="1658"/>
                </a:lnTo>
                <a:lnTo>
                  <a:pt x="16093" y="1658"/>
                </a:lnTo>
                <a:lnTo>
                  <a:pt x="16072" y="1659"/>
                </a:lnTo>
                <a:lnTo>
                  <a:pt x="16053" y="1661"/>
                </a:lnTo>
                <a:lnTo>
                  <a:pt x="16035" y="1664"/>
                </a:lnTo>
                <a:lnTo>
                  <a:pt x="16017" y="1667"/>
                </a:lnTo>
                <a:lnTo>
                  <a:pt x="16001" y="1671"/>
                </a:lnTo>
                <a:lnTo>
                  <a:pt x="15984" y="1676"/>
                </a:lnTo>
                <a:lnTo>
                  <a:pt x="15970" y="1681"/>
                </a:lnTo>
                <a:lnTo>
                  <a:pt x="15956" y="1688"/>
                </a:lnTo>
                <a:lnTo>
                  <a:pt x="15941" y="1694"/>
                </a:lnTo>
                <a:lnTo>
                  <a:pt x="15928" y="1701"/>
                </a:lnTo>
                <a:lnTo>
                  <a:pt x="15916" y="1709"/>
                </a:lnTo>
                <a:lnTo>
                  <a:pt x="15905" y="1716"/>
                </a:lnTo>
                <a:lnTo>
                  <a:pt x="15894" y="1725"/>
                </a:lnTo>
                <a:lnTo>
                  <a:pt x="15884" y="1734"/>
                </a:lnTo>
                <a:lnTo>
                  <a:pt x="15875" y="1744"/>
                </a:lnTo>
                <a:lnTo>
                  <a:pt x="15866" y="1754"/>
                </a:lnTo>
                <a:lnTo>
                  <a:pt x="15858" y="1763"/>
                </a:lnTo>
                <a:lnTo>
                  <a:pt x="15851" y="1774"/>
                </a:lnTo>
                <a:lnTo>
                  <a:pt x="15843" y="1785"/>
                </a:lnTo>
                <a:lnTo>
                  <a:pt x="15838" y="1796"/>
                </a:lnTo>
                <a:lnTo>
                  <a:pt x="15832" y="1807"/>
                </a:lnTo>
                <a:lnTo>
                  <a:pt x="15827" y="1818"/>
                </a:lnTo>
                <a:lnTo>
                  <a:pt x="15822" y="1830"/>
                </a:lnTo>
                <a:lnTo>
                  <a:pt x="15819" y="1842"/>
                </a:lnTo>
                <a:lnTo>
                  <a:pt x="15816" y="1855"/>
                </a:lnTo>
                <a:lnTo>
                  <a:pt x="15813" y="1867"/>
                </a:lnTo>
                <a:lnTo>
                  <a:pt x="15810" y="1879"/>
                </a:lnTo>
                <a:lnTo>
                  <a:pt x="15808" y="1904"/>
                </a:lnTo>
                <a:lnTo>
                  <a:pt x="15807" y="1928"/>
                </a:lnTo>
                <a:lnTo>
                  <a:pt x="15807" y="2350"/>
                </a:lnTo>
                <a:lnTo>
                  <a:pt x="15667" y="2350"/>
                </a:lnTo>
                <a:lnTo>
                  <a:pt x="15667" y="1589"/>
                </a:lnTo>
                <a:lnTo>
                  <a:pt x="15793" y="1589"/>
                </a:lnTo>
                <a:lnTo>
                  <a:pt x="15793" y="1717"/>
                </a:lnTo>
                <a:lnTo>
                  <a:pt x="15802" y="1704"/>
                </a:lnTo>
                <a:lnTo>
                  <a:pt x="15813" y="1691"/>
                </a:lnTo>
                <a:lnTo>
                  <a:pt x="15824" y="1678"/>
                </a:lnTo>
                <a:lnTo>
                  <a:pt x="15836" y="1665"/>
                </a:lnTo>
                <a:lnTo>
                  <a:pt x="15850" y="1653"/>
                </a:lnTo>
                <a:lnTo>
                  <a:pt x="15865" y="1639"/>
                </a:lnTo>
                <a:lnTo>
                  <a:pt x="15883" y="1628"/>
                </a:lnTo>
                <a:lnTo>
                  <a:pt x="15902" y="1617"/>
                </a:lnTo>
                <a:lnTo>
                  <a:pt x="15923" y="1608"/>
                </a:lnTo>
                <a:lnTo>
                  <a:pt x="15946" y="1598"/>
                </a:lnTo>
                <a:lnTo>
                  <a:pt x="15971" y="1590"/>
                </a:lnTo>
                <a:lnTo>
                  <a:pt x="15998" y="1583"/>
                </a:lnTo>
                <a:lnTo>
                  <a:pt x="16028" y="1578"/>
                </a:lnTo>
                <a:lnTo>
                  <a:pt x="16061" y="1573"/>
                </a:lnTo>
                <a:lnTo>
                  <a:pt x="16096" y="1571"/>
                </a:lnTo>
                <a:lnTo>
                  <a:pt x="16135" y="1570"/>
                </a:lnTo>
                <a:lnTo>
                  <a:pt x="16157" y="1570"/>
                </a:lnTo>
                <a:lnTo>
                  <a:pt x="16178" y="1571"/>
                </a:lnTo>
                <a:lnTo>
                  <a:pt x="16199" y="1572"/>
                </a:lnTo>
                <a:lnTo>
                  <a:pt x="16218" y="1575"/>
                </a:lnTo>
                <a:lnTo>
                  <a:pt x="16238" y="1578"/>
                </a:lnTo>
                <a:lnTo>
                  <a:pt x="16256" y="1581"/>
                </a:lnTo>
                <a:lnTo>
                  <a:pt x="16275" y="1584"/>
                </a:lnTo>
                <a:lnTo>
                  <a:pt x="16291" y="1589"/>
                </a:lnTo>
                <a:lnTo>
                  <a:pt x="16309" y="1594"/>
                </a:lnTo>
                <a:lnTo>
                  <a:pt x="16324" y="1600"/>
                </a:lnTo>
                <a:lnTo>
                  <a:pt x="16339" y="1606"/>
                </a:lnTo>
                <a:lnTo>
                  <a:pt x="16354" y="1613"/>
                </a:lnTo>
                <a:lnTo>
                  <a:pt x="16368" y="1620"/>
                </a:lnTo>
                <a:lnTo>
                  <a:pt x="16381" y="1628"/>
                </a:lnTo>
                <a:lnTo>
                  <a:pt x="16393" y="1636"/>
                </a:lnTo>
                <a:lnTo>
                  <a:pt x="16405" y="1646"/>
                </a:lnTo>
                <a:lnTo>
                  <a:pt x="16416" y="1655"/>
                </a:lnTo>
                <a:lnTo>
                  <a:pt x="16427" y="1666"/>
                </a:lnTo>
                <a:lnTo>
                  <a:pt x="16437" y="1676"/>
                </a:lnTo>
                <a:lnTo>
                  <a:pt x="16446" y="1688"/>
                </a:lnTo>
                <a:lnTo>
                  <a:pt x="16455" y="1699"/>
                </a:lnTo>
                <a:lnTo>
                  <a:pt x="16463" y="1711"/>
                </a:lnTo>
                <a:lnTo>
                  <a:pt x="16469" y="1724"/>
                </a:lnTo>
                <a:lnTo>
                  <a:pt x="16476" y="1737"/>
                </a:lnTo>
                <a:lnTo>
                  <a:pt x="16481" y="1751"/>
                </a:lnTo>
                <a:lnTo>
                  <a:pt x="16486" y="1766"/>
                </a:lnTo>
                <a:lnTo>
                  <a:pt x="16490" y="1781"/>
                </a:lnTo>
                <a:lnTo>
                  <a:pt x="16493" y="1796"/>
                </a:lnTo>
                <a:lnTo>
                  <a:pt x="16496" y="1812"/>
                </a:lnTo>
                <a:lnTo>
                  <a:pt x="16498" y="1828"/>
                </a:lnTo>
                <a:lnTo>
                  <a:pt x="16499" y="1846"/>
                </a:lnTo>
                <a:lnTo>
                  <a:pt x="16499" y="1863"/>
                </a:lnTo>
                <a:lnTo>
                  <a:pt x="16499" y="2350"/>
                </a:lnTo>
                <a:lnTo>
                  <a:pt x="16360" y="2350"/>
                </a:lnTo>
                <a:close/>
                <a:moveTo>
                  <a:pt x="15281" y="2350"/>
                </a:moveTo>
                <a:lnTo>
                  <a:pt x="15281" y="1589"/>
                </a:lnTo>
                <a:lnTo>
                  <a:pt x="15415" y="1589"/>
                </a:lnTo>
                <a:lnTo>
                  <a:pt x="15421" y="1589"/>
                </a:lnTo>
                <a:lnTo>
                  <a:pt x="15421" y="2350"/>
                </a:lnTo>
                <a:lnTo>
                  <a:pt x="15281" y="2350"/>
                </a:lnTo>
                <a:close/>
                <a:moveTo>
                  <a:pt x="14905" y="2350"/>
                </a:moveTo>
                <a:lnTo>
                  <a:pt x="14905" y="1844"/>
                </a:lnTo>
                <a:lnTo>
                  <a:pt x="14905" y="1822"/>
                </a:lnTo>
                <a:lnTo>
                  <a:pt x="14902" y="1801"/>
                </a:lnTo>
                <a:lnTo>
                  <a:pt x="14897" y="1781"/>
                </a:lnTo>
                <a:lnTo>
                  <a:pt x="14892" y="1762"/>
                </a:lnTo>
                <a:lnTo>
                  <a:pt x="14884" y="1746"/>
                </a:lnTo>
                <a:lnTo>
                  <a:pt x="14874" y="1730"/>
                </a:lnTo>
                <a:lnTo>
                  <a:pt x="14863" y="1717"/>
                </a:lnTo>
                <a:lnTo>
                  <a:pt x="14850" y="1704"/>
                </a:lnTo>
                <a:lnTo>
                  <a:pt x="14836" y="1693"/>
                </a:lnTo>
                <a:lnTo>
                  <a:pt x="14819" y="1684"/>
                </a:lnTo>
                <a:lnTo>
                  <a:pt x="14802" y="1676"/>
                </a:lnTo>
                <a:lnTo>
                  <a:pt x="14782" y="1669"/>
                </a:lnTo>
                <a:lnTo>
                  <a:pt x="14761" y="1665"/>
                </a:lnTo>
                <a:lnTo>
                  <a:pt x="14738" y="1660"/>
                </a:lnTo>
                <a:lnTo>
                  <a:pt x="14713" y="1658"/>
                </a:lnTo>
                <a:lnTo>
                  <a:pt x="14686" y="1658"/>
                </a:lnTo>
                <a:lnTo>
                  <a:pt x="14660" y="1659"/>
                </a:lnTo>
                <a:lnTo>
                  <a:pt x="14634" y="1661"/>
                </a:lnTo>
                <a:lnTo>
                  <a:pt x="14609" y="1667"/>
                </a:lnTo>
                <a:lnTo>
                  <a:pt x="14584" y="1673"/>
                </a:lnTo>
                <a:lnTo>
                  <a:pt x="14572" y="1678"/>
                </a:lnTo>
                <a:lnTo>
                  <a:pt x="14560" y="1683"/>
                </a:lnTo>
                <a:lnTo>
                  <a:pt x="14548" y="1689"/>
                </a:lnTo>
                <a:lnTo>
                  <a:pt x="14537" y="1694"/>
                </a:lnTo>
                <a:lnTo>
                  <a:pt x="14526" y="1701"/>
                </a:lnTo>
                <a:lnTo>
                  <a:pt x="14515" y="1707"/>
                </a:lnTo>
                <a:lnTo>
                  <a:pt x="14505" y="1715"/>
                </a:lnTo>
                <a:lnTo>
                  <a:pt x="14495" y="1723"/>
                </a:lnTo>
                <a:lnTo>
                  <a:pt x="14485" y="1732"/>
                </a:lnTo>
                <a:lnTo>
                  <a:pt x="14475" y="1740"/>
                </a:lnTo>
                <a:lnTo>
                  <a:pt x="14467" y="1750"/>
                </a:lnTo>
                <a:lnTo>
                  <a:pt x="14458" y="1761"/>
                </a:lnTo>
                <a:lnTo>
                  <a:pt x="14451" y="1771"/>
                </a:lnTo>
                <a:lnTo>
                  <a:pt x="14443" y="1783"/>
                </a:lnTo>
                <a:lnTo>
                  <a:pt x="14436" y="1795"/>
                </a:lnTo>
                <a:lnTo>
                  <a:pt x="14431" y="1807"/>
                </a:lnTo>
                <a:lnTo>
                  <a:pt x="14425" y="1821"/>
                </a:lnTo>
                <a:lnTo>
                  <a:pt x="14421" y="1834"/>
                </a:lnTo>
                <a:lnTo>
                  <a:pt x="14417" y="1848"/>
                </a:lnTo>
                <a:lnTo>
                  <a:pt x="14413" y="1863"/>
                </a:lnTo>
                <a:lnTo>
                  <a:pt x="14410" y="1879"/>
                </a:lnTo>
                <a:lnTo>
                  <a:pt x="14409" y="1894"/>
                </a:lnTo>
                <a:lnTo>
                  <a:pt x="14407" y="1912"/>
                </a:lnTo>
                <a:lnTo>
                  <a:pt x="14407" y="1928"/>
                </a:lnTo>
                <a:lnTo>
                  <a:pt x="14407" y="2350"/>
                </a:lnTo>
                <a:lnTo>
                  <a:pt x="14267" y="2350"/>
                </a:lnTo>
                <a:lnTo>
                  <a:pt x="14267" y="1844"/>
                </a:lnTo>
                <a:lnTo>
                  <a:pt x="14267" y="1822"/>
                </a:lnTo>
                <a:lnTo>
                  <a:pt x="14264" y="1801"/>
                </a:lnTo>
                <a:lnTo>
                  <a:pt x="14259" y="1781"/>
                </a:lnTo>
                <a:lnTo>
                  <a:pt x="14254" y="1762"/>
                </a:lnTo>
                <a:lnTo>
                  <a:pt x="14246" y="1746"/>
                </a:lnTo>
                <a:lnTo>
                  <a:pt x="14236" y="1730"/>
                </a:lnTo>
                <a:lnTo>
                  <a:pt x="14225" y="1717"/>
                </a:lnTo>
                <a:lnTo>
                  <a:pt x="14212" y="1704"/>
                </a:lnTo>
                <a:lnTo>
                  <a:pt x="14198" y="1693"/>
                </a:lnTo>
                <a:lnTo>
                  <a:pt x="14181" y="1684"/>
                </a:lnTo>
                <a:lnTo>
                  <a:pt x="14164" y="1676"/>
                </a:lnTo>
                <a:lnTo>
                  <a:pt x="14144" y="1669"/>
                </a:lnTo>
                <a:lnTo>
                  <a:pt x="14123" y="1665"/>
                </a:lnTo>
                <a:lnTo>
                  <a:pt x="14100" y="1660"/>
                </a:lnTo>
                <a:lnTo>
                  <a:pt x="14075" y="1658"/>
                </a:lnTo>
                <a:lnTo>
                  <a:pt x="14048" y="1658"/>
                </a:lnTo>
                <a:lnTo>
                  <a:pt x="14023" y="1659"/>
                </a:lnTo>
                <a:lnTo>
                  <a:pt x="13996" y="1661"/>
                </a:lnTo>
                <a:lnTo>
                  <a:pt x="13971" y="1667"/>
                </a:lnTo>
                <a:lnTo>
                  <a:pt x="13946" y="1673"/>
                </a:lnTo>
                <a:lnTo>
                  <a:pt x="13934" y="1678"/>
                </a:lnTo>
                <a:lnTo>
                  <a:pt x="13922" y="1683"/>
                </a:lnTo>
                <a:lnTo>
                  <a:pt x="13910" y="1689"/>
                </a:lnTo>
                <a:lnTo>
                  <a:pt x="13899" y="1694"/>
                </a:lnTo>
                <a:lnTo>
                  <a:pt x="13888" y="1701"/>
                </a:lnTo>
                <a:lnTo>
                  <a:pt x="13877" y="1707"/>
                </a:lnTo>
                <a:lnTo>
                  <a:pt x="13867" y="1715"/>
                </a:lnTo>
                <a:lnTo>
                  <a:pt x="13857" y="1723"/>
                </a:lnTo>
                <a:lnTo>
                  <a:pt x="13847" y="1732"/>
                </a:lnTo>
                <a:lnTo>
                  <a:pt x="13838" y="1740"/>
                </a:lnTo>
                <a:lnTo>
                  <a:pt x="13829" y="1750"/>
                </a:lnTo>
                <a:lnTo>
                  <a:pt x="13820" y="1761"/>
                </a:lnTo>
                <a:lnTo>
                  <a:pt x="13813" y="1771"/>
                </a:lnTo>
                <a:lnTo>
                  <a:pt x="13806" y="1783"/>
                </a:lnTo>
                <a:lnTo>
                  <a:pt x="13800" y="1795"/>
                </a:lnTo>
                <a:lnTo>
                  <a:pt x="13793" y="1807"/>
                </a:lnTo>
                <a:lnTo>
                  <a:pt x="13787" y="1821"/>
                </a:lnTo>
                <a:lnTo>
                  <a:pt x="13783" y="1834"/>
                </a:lnTo>
                <a:lnTo>
                  <a:pt x="13779" y="1848"/>
                </a:lnTo>
                <a:lnTo>
                  <a:pt x="13775" y="1863"/>
                </a:lnTo>
                <a:lnTo>
                  <a:pt x="13773" y="1879"/>
                </a:lnTo>
                <a:lnTo>
                  <a:pt x="13771" y="1894"/>
                </a:lnTo>
                <a:lnTo>
                  <a:pt x="13770" y="1912"/>
                </a:lnTo>
                <a:lnTo>
                  <a:pt x="13769" y="1928"/>
                </a:lnTo>
                <a:lnTo>
                  <a:pt x="13769" y="2350"/>
                </a:lnTo>
                <a:lnTo>
                  <a:pt x="13632" y="2350"/>
                </a:lnTo>
                <a:lnTo>
                  <a:pt x="13632" y="1589"/>
                </a:lnTo>
                <a:lnTo>
                  <a:pt x="13758" y="1589"/>
                </a:lnTo>
                <a:lnTo>
                  <a:pt x="13758" y="1713"/>
                </a:lnTo>
                <a:lnTo>
                  <a:pt x="13767" y="1702"/>
                </a:lnTo>
                <a:lnTo>
                  <a:pt x="13775" y="1691"/>
                </a:lnTo>
                <a:lnTo>
                  <a:pt x="13785" y="1679"/>
                </a:lnTo>
                <a:lnTo>
                  <a:pt x="13797" y="1667"/>
                </a:lnTo>
                <a:lnTo>
                  <a:pt x="13809" y="1655"/>
                </a:lnTo>
                <a:lnTo>
                  <a:pt x="13825" y="1644"/>
                </a:lnTo>
                <a:lnTo>
                  <a:pt x="13840" y="1632"/>
                </a:lnTo>
                <a:lnTo>
                  <a:pt x="13859" y="1621"/>
                </a:lnTo>
                <a:lnTo>
                  <a:pt x="13879" y="1610"/>
                </a:lnTo>
                <a:lnTo>
                  <a:pt x="13901" y="1601"/>
                </a:lnTo>
                <a:lnTo>
                  <a:pt x="13926" y="1592"/>
                </a:lnTo>
                <a:lnTo>
                  <a:pt x="13952" y="1584"/>
                </a:lnTo>
                <a:lnTo>
                  <a:pt x="13982" y="1578"/>
                </a:lnTo>
                <a:lnTo>
                  <a:pt x="14014" y="1573"/>
                </a:lnTo>
                <a:lnTo>
                  <a:pt x="14049" y="1571"/>
                </a:lnTo>
                <a:lnTo>
                  <a:pt x="14087" y="1570"/>
                </a:lnTo>
                <a:lnTo>
                  <a:pt x="14114" y="1570"/>
                </a:lnTo>
                <a:lnTo>
                  <a:pt x="14149" y="1573"/>
                </a:lnTo>
                <a:lnTo>
                  <a:pt x="14169" y="1577"/>
                </a:lnTo>
                <a:lnTo>
                  <a:pt x="14191" y="1581"/>
                </a:lnTo>
                <a:lnTo>
                  <a:pt x="14212" y="1587"/>
                </a:lnTo>
                <a:lnTo>
                  <a:pt x="14234" y="1594"/>
                </a:lnTo>
                <a:lnTo>
                  <a:pt x="14256" y="1603"/>
                </a:lnTo>
                <a:lnTo>
                  <a:pt x="14277" y="1613"/>
                </a:lnTo>
                <a:lnTo>
                  <a:pt x="14287" y="1620"/>
                </a:lnTo>
                <a:lnTo>
                  <a:pt x="14297" y="1626"/>
                </a:lnTo>
                <a:lnTo>
                  <a:pt x="14307" y="1634"/>
                </a:lnTo>
                <a:lnTo>
                  <a:pt x="14315" y="1642"/>
                </a:lnTo>
                <a:lnTo>
                  <a:pt x="14324" y="1650"/>
                </a:lnTo>
                <a:lnTo>
                  <a:pt x="14333" y="1659"/>
                </a:lnTo>
                <a:lnTo>
                  <a:pt x="14341" y="1669"/>
                </a:lnTo>
                <a:lnTo>
                  <a:pt x="14347" y="1679"/>
                </a:lnTo>
                <a:lnTo>
                  <a:pt x="14354" y="1690"/>
                </a:lnTo>
                <a:lnTo>
                  <a:pt x="14359" y="1702"/>
                </a:lnTo>
                <a:lnTo>
                  <a:pt x="14365" y="1715"/>
                </a:lnTo>
                <a:lnTo>
                  <a:pt x="14369" y="1728"/>
                </a:lnTo>
                <a:lnTo>
                  <a:pt x="14380" y="1711"/>
                </a:lnTo>
                <a:lnTo>
                  <a:pt x="14392" y="1694"/>
                </a:lnTo>
                <a:lnTo>
                  <a:pt x="14408" y="1678"/>
                </a:lnTo>
                <a:lnTo>
                  <a:pt x="14423" y="1664"/>
                </a:lnTo>
                <a:lnTo>
                  <a:pt x="14441" y="1649"/>
                </a:lnTo>
                <a:lnTo>
                  <a:pt x="14460" y="1636"/>
                </a:lnTo>
                <a:lnTo>
                  <a:pt x="14480" y="1624"/>
                </a:lnTo>
                <a:lnTo>
                  <a:pt x="14501" y="1613"/>
                </a:lnTo>
                <a:lnTo>
                  <a:pt x="14524" y="1603"/>
                </a:lnTo>
                <a:lnTo>
                  <a:pt x="14548" y="1594"/>
                </a:lnTo>
                <a:lnTo>
                  <a:pt x="14573" y="1588"/>
                </a:lnTo>
                <a:lnTo>
                  <a:pt x="14598" y="1581"/>
                </a:lnTo>
                <a:lnTo>
                  <a:pt x="14625" y="1577"/>
                </a:lnTo>
                <a:lnTo>
                  <a:pt x="14652" y="1572"/>
                </a:lnTo>
                <a:lnTo>
                  <a:pt x="14680" y="1570"/>
                </a:lnTo>
                <a:lnTo>
                  <a:pt x="14708" y="1570"/>
                </a:lnTo>
                <a:lnTo>
                  <a:pt x="14728" y="1570"/>
                </a:lnTo>
                <a:lnTo>
                  <a:pt x="14747" y="1571"/>
                </a:lnTo>
                <a:lnTo>
                  <a:pt x="14764" y="1572"/>
                </a:lnTo>
                <a:lnTo>
                  <a:pt x="14782" y="1575"/>
                </a:lnTo>
                <a:lnTo>
                  <a:pt x="14799" y="1577"/>
                </a:lnTo>
                <a:lnTo>
                  <a:pt x="14816" y="1580"/>
                </a:lnTo>
                <a:lnTo>
                  <a:pt x="14832" y="1584"/>
                </a:lnTo>
                <a:lnTo>
                  <a:pt x="14848" y="1588"/>
                </a:lnTo>
                <a:lnTo>
                  <a:pt x="14863" y="1593"/>
                </a:lnTo>
                <a:lnTo>
                  <a:pt x="14878" y="1598"/>
                </a:lnTo>
                <a:lnTo>
                  <a:pt x="14892" y="1604"/>
                </a:lnTo>
                <a:lnTo>
                  <a:pt x="14905" y="1610"/>
                </a:lnTo>
                <a:lnTo>
                  <a:pt x="14918" y="1617"/>
                </a:lnTo>
                <a:lnTo>
                  <a:pt x="14931" y="1624"/>
                </a:lnTo>
                <a:lnTo>
                  <a:pt x="14942" y="1632"/>
                </a:lnTo>
                <a:lnTo>
                  <a:pt x="14955" y="1640"/>
                </a:lnTo>
                <a:lnTo>
                  <a:pt x="14964" y="1649"/>
                </a:lnTo>
                <a:lnTo>
                  <a:pt x="14974" y="1658"/>
                </a:lnTo>
                <a:lnTo>
                  <a:pt x="14984" y="1667"/>
                </a:lnTo>
                <a:lnTo>
                  <a:pt x="14993" y="1677"/>
                </a:lnTo>
                <a:lnTo>
                  <a:pt x="15002" y="1688"/>
                </a:lnTo>
                <a:lnTo>
                  <a:pt x="15008" y="1699"/>
                </a:lnTo>
                <a:lnTo>
                  <a:pt x="15016" y="1710"/>
                </a:lnTo>
                <a:lnTo>
                  <a:pt x="15022" y="1721"/>
                </a:lnTo>
                <a:lnTo>
                  <a:pt x="15027" y="1733"/>
                </a:lnTo>
                <a:lnTo>
                  <a:pt x="15033" y="1746"/>
                </a:lnTo>
                <a:lnTo>
                  <a:pt x="15036" y="1758"/>
                </a:lnTo>
                <a:lnTo>
                  <a:pt x="15039" y="1771"/>
                </a:lnTo>
                <a:lnTo>
                  <a:pt x="15043" y="1784"/>
                </a:lnTo>
                <a:lnTo>
                  <a:pt x="15045" y="1799"/>
                </a:lnTo>
                <a:lnTo>
                  <a:pt x="15046" y="1813"/>
                </a:lnTo>
                <a:lnTo>
                  <a:pt x="15046" y="1827"/>
                </a:lnTo>
                <a:lnTo>
                  <a:pt x="15046" y="2350"/>
                </a:lnTo>
                <a:lnTo>
                  <a:pt x="14905" y="2350"/>
                </a:lnTo>
                <a:close/>
                <a:moveTo>
                  <a:pt x="13441" y="2000"/>
                </a:moveTo>
                <a:lnTo>
                  <a:pt x="13441" y="1948"/>
                </a:lnTo>
                <a:lnTo>
                  <a:pt x="13440" y="1926"/>
                </a:lnTo>
                <a:lnTo>
                  <a:pt x="13439" y="1905"/>
                </a:lnTo>
                <a:lnTo>
                  <a:pt x="13437" y="1884"/>
                </a:lnTo>
                <a:lnTo>
                  <a:pt x="13433" y="1864"/>
                </a:lnTo>
                <a:lnTo>
                  <a:pt x="13429" y="1845"/>
                </a:lnTo>
                <a:lnTo>
                  <a:pt x="13424" y="1826"/>
                </a:lnTo>
                <a:lnTo>
                  <a:pt x="13419" y="1807"/>
                </a:lnTo>
                <a:lnTo>
                  <a:pt x="13411" y="1790"/>
                </a:lnTo>
                <a:lnTo>
                  <a:pt x="13405" y="1772"/>
                </a:lnTo>
                <a:lnTo>
                  <a:pt x="13396" y="1756"/>
                </a:lnTo>
                <a:lnTo>
                  <a:pt x="13386" y="1740"/>
                </a:lnTo>
                <a:lnTo>
                  <a:pt x="13376" y="1725"/>
                </a:lnTo>
                <a:lnTo>
                  <a:pt x="13365" y="1711"/>
                </a:lnTo>
                <a:lnTo>
                  <a:pt x="13354" y="1696"/>
                </a:lnTo>
                <a:lnTo>
                  <a:pt x="13341" y="1683"/>
                </a:lnTo>
                <a:lnTo>
                  <a:pt x="13328" y="1670"/>
                </a:lnTo>
                <a:lnTo>
                  <a:pt x="13313" y="1659"/>
                </a:lnTo>
                <a:lnTo>
                  <a:pt x="13299" y="1648"/>
                </a:lnTo>
                <a:lnTo>
                  <a:pt x="13284" y="1637"/>
                </a:lnTo>
                <a:lnTo>
                  <a:pt x="13267" y="1627"/>
                </a:lnTo>
                <a:lnTo>
                  <a:pt x="13250" y="1618"/>
                </a:lnTo>
                <a:lnTo>
                  <a:pt x="13232" y="1610"/>
                </a:lnTo>
                <a:lnTo>
                  <a:pt x="13213" y="1603"/>
                </a:lnTo>
                <a:lnTo>
                  <a:pt x="13195" y="1595"/>
                </a:lnTo>
                <a:lnTo>
                  <a:pt x="13175" y="1590"/>
                </a:lnTo>
                <a:lnTo>
                  <a:pt x="13154" y="1584"/>
                </a:lnTo>
                <a:lnTo>
                  <a:pt x="13133" y="1580"/>
                </a:lnTo>
                <a:lnTo>
                  <a:pt x="13111" y="1577"/>
                </a:lnTo>
                <a:lnTo>
                  <a:pt x="13088" y="1573"/>
                </a:lnTo>
                <a:lnTo>
                  <a:pt x="13065" y="1571"/>
                </a:lnTo>
                <a:lnTo>
                  <a:pt x="13041" y="1570"/>
                </a:lnTo>
                <a:lnTo>
                  <a:pt x="13016" y="1570"/>
                </a:lnTo>
                <a:lnTo>
                  <a:pt x="12991" y="1570"/>
                </a:lnTo>
                <a:lnTo>
                  <a:pt x="12967" y="1571"/>
                </a:lnTo>
                <a:lnTo>
                  <a:pt x="12944" y="1575"/>
                </a:lnTo>
                <a:lnTo>
                  <a:pt x="12921" y="1578"/>
                </a:lnTo>
                <a:lnTo>
                  <a:pt x="12898" y="1581"/>
                </a:lnTo>
                <a:lnTo>
                  <a:pt x="12876" y="1587"/>
                </a:lnTo>
                <a:lnTo>
                  <a:pt x="12855" y="1592"/>
                </a:lnTo>
                <a:lnTo>
                  <a:pt x="12834" y="1599"/>
                </a:lnTo>
                <a:lnTo>
                  <a:pt x="12814" y="1606"/>
                </a:lnTo>
                <a:lnTo>
                  <a:pt x="12794" y="1615"/>
                </a:lnTo>
                <a:lnTo>
                  <a:pt x="12775" y="1624"/>
                </a:lnTo>
                <a:lnTo>
                  <a:pt x="12757" y="1634"/>
                </a:lnTo>
                <a:lnTo>
                  <a:pt x="12740" y="1645"/>
                </a:lnTo>
                <a:lnTo>
                  <a:pt x="12723" y="1656"/>
                </a:lnTo>
                <a:lnTo>
                  <a:pt x="12707" y="1669"/>
                </a:lnTo>
                <a:lnTo>
                  <a:pt x="12692" y="1681"/>
                </a:lnTo>
                <a:lnTo>
                  <a:pt x="12678" y="1695"/>
                </a:lnTo>
                <a:lnTo>
                  <a:pt x="12664" y="1709"/>
                </a:lnTo>
                <a:lnTo>
                  <a:pt x="12651" y="1724"/>
                </a:lnTo>
                <a:lnTo>
                  <a:pt x="12639" y="1739"/>
                </a:lnTo>
                <a:lnTo>
                  <a:pt x="12628" y="1756"/>
                </a:lnTo>
                <a:lnTo>
                  <a:pt x="12618" y="1772"/>
                </a:lnTo>
                <a:lnTo>
                  <a:pt x="12608" y="1790"/>
                </a:lnTo>
                <a:lnTo>
                  <a:pt x="12599" y="1807"/>
                </a:lnTo>
                <a:lnTo>
                  <a:pt x="12593" y="1826"/>
                </a:lnTo>
                <a:lnTo>
                  <a:pt x="12586" y="1845"/>
                </a:lnTo>
                <a:lnTo>
                  <a:pt x="12580" y="1864"/>
                </a:lnTo>
                <a:lnTo>
                  <a:pt x="12575" y="1884"/>
                </a:lnTo>
                <a:lnTo>
                  <a:pt x="12572" y="1905"/>
                </a:lnTo>
                <a:lnTo>
                  <a:pt x="12570" y="1926"/>
                </a:lnTo>
                <a:lnTo>
                  <a:pt x="12568" y="1947"/>
                </a:lnTo>
                <a:lnTo>
                  <a:pt x="12568" y="1969"/>
                </a:lnTo>
                <a:lnTo>
                  <a:pt x="12568" y="1986"/>
                </a:lnTo>
                <a:lnTo>
                  <a:pt x="12569" y="2003"/>
                </a:lnTo>
                <a:lnTo>
                  <a:pt x="12570" y="2020"/>
                </a:lnTo>
                <a:lnTo>
                  <a:pt x="12572" y="2038"/>
                </a:lnTo>
                <a:lnTo>
                  <a:pt x="12574" y="2056"/>
                </a:lnTo>
                <a:lnTo>
                  <a:pt x="12577" y="2073"/>
                </a:lnTo>
                <a:lnTo>
                  <a:pt x="12582" y="2091"/>
                </a:lnTo>
                <a:lnTo>
                  <a:pt x="12586" y="2107"/>
                </a:lnTo>
                <a:lnTo>
                  <a:pt x="12593" y="2125"/>
                </a:lnTo>
                <a:lnTo>
                  <a:pt x="12599" y="2141"/>
                </a:lnTo>
                <a:lnTo>
                  <a:pt x="12606" y="2158"/>
                </a:lnTo>
                <a:lnTo>
                  <a:pt x="12615" y="2174"/>
                </a:lnTo>
                <a:lnTo>
                  <a:pt x="12625" y="2189"/>
                </a:lnTo>
                <a:lnTo>
                  <a:pt x="12635" y="2206"/>
                </a:lnTo>
                <a:lnTo>
                  <a:pt x="12647" y="2220"/>
                </a:lnTo>
                <a:lnTo>
                  <a:pt x="12660" y="2236"/>
                </a:lnTo>
                <a:lnTo>
                  <a:pt x="12673" y="2249"/>
                </a:lnTo>
                <a:lnTo>
                  <a:pt x="12689" y="2263"/>
                </a:lnTo>
                <a:lnTo>
                  <a:pt x="12705" y="2276"/>
                </a:lnTo>
                <a:lnTo>
                  <a:pt x="12723" y="2288"/>
                </a:lnTo>
                <a:lnTo>
                  <a:pt x="12741" y="2299"/>
                </a:lnTo>
                <a:lnTo>
                  <a:pt x="12762" y="2310"/>
                </a:lnTo>
                <a:lnTo>
                  <a:pt x="12784" y="2320"/>
                </a:lnTo>
                <a:lnTo>
                  <a:pt x="12807" y="2329"/>
                </a:lnTo>
                <a:lnTo>
                  <a:pt x="12832" y="2338"/>
                </a:lnTo>
                <a:lnTo>
                  <a:pt x="12858" y="2344"/>
                </a:lnTo>
                <a:lnTo>
                  <a:pt x="12887" y="2351"/>
                </a:lnTo>
                <a:lnTo>
                  <a:pt x="12916" y="2356"/>
                </a:lnTo>
                <a:lnTo>
                  <a:pt x="12947" y="2361"/>
                </a:lnTo>
                <a:lnTo>
                  <a:pt x="12980" y="2363"/>
                </a:lnTo>
                <a:lnTo>
                  <a:pt x="13015" y="2365"/>
                </a:lnTo>
                <a:lnTo>
                  <a:pt x="13052" y="2365"/>
                </a:lnTo>
                <a:lnTo>
                  <a:pt x="13090" y="2365"/>
                </a:lnTo>
                <a:lnTo>
                  <a:pt x="13131" y="2363"/>
                </a:lnTo>
                <a:lnTo>
                  <a:pt x="13171" y="2360"/>
                </a:lnTo>
                <a:lnTo>
                  <a:pt x="13213" y="2354"/>
                </a:lnTo>
                <a:lnTo>
                  <a:pt x="13253" y="2349"/>
                </a:lnTo>
                <a:lnTo>
                  <a:pt x="13292" y="2341"/>
                </a:lnTo>
                <a:lnTo>
                  <a:pt x="13330" y="2333"/>
                </a:lnTo>
                <a:lnTo>
                  <a:pt x="13364" y="2325"/>
                </a:lnTo>
                <a:lnTo>
                  <a:pt x="13364" y="2220"/>
                </a:lnTo>
                <a:lnTo>
                  <a:pt x="13351" y="2226"/>
                </a:lnTo>
                <a:lnTo>
                  <a:pt x="13336" y="2231"/>
                </a:lnTo>
                <a:lnTo>
                  <a:pt x="13321" y="2237"/>
                </a:lnTo>
                <a:lnTo>
                  <a:pt x="13305" y="2242"/>
                </a:lnTo>
                <a:lnTo>
                  <a:pt x="13267" y="2252"/>
                </a:lnTo>
                <a:lnTo>
                  <a:pt x="13226" y="2261"/>
                </a:lnTo>
                <a:lnTo>
                  <a:pt x="13185" y="2267"/>
                </a:lnTo>
                <a:lnTo>
                  <a:pt x="13142" y="2273"/>
                </a:lnTo>
                <a:lnTo>
                  <a:pt x="13101" y="2276"/>
                </a:lnTo>
                <a:lnTo>
                  <a:pt x="13063" y="2277"/>
                </a:lnTo>
                <a:lnTo>
                  <a:pt x="13043" y="2277"/>
                </a:lnTo>
                <a:lnTo>
                  <a:pt x="13024" y="2276"/>
                </a:lnTo>
                <a:lnTo>
                  <a:pt x="13006" y="2275"/>
                </a:lnTo>
                <a:lnTo>
                  <a:pt x="12989" y="2273"/>
                </a:lnTo>
                <a:lnTo>
                  <a:pt x="12971" y="2270"/>
                </a:lnTo>
                <a:lnTo>
                  <a:pt x="12955" y="2266"/>
                </a:lnTo>
                <a:lnTo>
                  <a:pt x="12938" y="2263"/>
                </a:lnTo>
                <a:lnTo>
                  <a:pt x="12923" y="2259"/>
                </a:lnTo>
                <a:lnTo>
                  <a:pt x="12907" y="2253"/>
                </a:lnTo>
                <a:lnTo>
                  <a:pt x="12892" y="2248"/>
                </a:lnTo>
                <a:lnTo>
                  <a:pt x="12878" y="2241"/>
                </a:lnTo>
                <a:lnTo>
                  <a:pt x="12865" y="2234"/>
                </a:lnTo>
                <a:lnTo>
                  <a:pt x="12851" y="2227"/>
                </a:lnTo>
                <a:lnTo>
                  <a:pt x="12839" y="2219"/>
                </a:lnTo>
                <a:lnTo>
                  <a:pt x="12827" y="2211"/>
                </a:lnTo>
                <a:lnTo>
                  <a:pt x="12815" y="2203"/>
                </a:lnTo>
                <a:lnTo>
                  <a:pt x="12804" y="2193"/>
                </a:lnTo>
                <a:lnTo>
                  <a:pt x="12794" y="2183"/>
                </a:lnTo>
                <a:lnTo>
                  <a:pt x="12784" y="2173"/>
                </a:lnTo>
                <a:lnTo>
                  <a:pt x="12775" y="2162"/>
                </a:lnTo>
                <a:lnTo>
                  <a:pt x="12768" y="2151"/>
                </a:lnTo>
                <a:lnTo>
                  <a:pt x="12760" y="2139"/>
                </a:lnTo>
                <a:lnTo>
                  <a:pt x="12752" y="2127"/>
                </a:lnTo>
                <a:lnTo>
                  <a:pt x="12746" y="2115"/>
                </a:lnTo>
                <a:lnTo>
                  <a:pt x="12740" y="2102"/>
                </a:lnTo>
                <a:lnTo>
                  <a:pt x="12736" y="2088"/>
                </a:lnTo>
                <a:lnTo>
                  <a:pt x="12731" y="2074"/>
                </a:lnTo>
                <a:lnTo>
                  <a:pt x="12727" y="2060"/>
                </a:lnTo>
                <a:lnTo>
                  <a:pt x="12725" y="2046"/>
                </a:lnTo>
                <a:lnTo>
                  <a:pt x="12723" y="2030"/>
                </a:lnTo>
                <a:lnTo>
                  <a:pt x="12720" y="2015"/>
                </a:lnTo>
                <a:lnTo>
                  <a:pt x="12720" y="2000"/>
                </a:lnTo>
                <a:lnTo>
                  <a:pt x="12723" y="2000"/>
                </a:lnTo>
                <a:lnTo>
                  <a:pt x="12733" y="2000"/>
                </a:lnTo>
                <a:lnTo>
                  <a:pt x="12760" y="2000"/>
                </a:lnTo>
                <a:lnTo>
                  <a:pt x="12814" y="2000"/>
                </a:lnTo>
                <a:lnTo>
                  <a:pt x="12900" y="2000"/>
                </a:lnTo>
                <a:lnTo>
                  <a:pt x="13027" y="2000"/>
                </a:lnTo>
                <a:lnTo>
                  <a:pt x="13206" y="2000"/>
                </a:lnTo>
                <a:lnTo>
                  <a:pt x="13441" y="2000"/>
                </a:lnTo>
                <a:close/>
                <a:moveTo>
                  <a:pt x="12222" y="2350"/>
                </a:moveTo>
                <a:lnTo>
                  <a:pt x="12222" y="1234"/>
                </a:lnTo>
                <a:lnTo>
                  <a:pt x="12356" y="1234"/>
                </a:lnTo>
                <a:lnTo>
                  <a:pt x="12361" y="1234"/>
                </a:lnTo>
                <a:lnTo>
                  <a:pt x="12361" y="2350"/>
                </a:lnTo>
                <a:lnTo>
                  <a:pt x="12222" y="2350"/>
                </a:lnTo>
                <a:close/>
                <a:moveTo>
                  <a:pt x="11502" y="1409"/>
                </a:moveTo>
                <a:lnTo>
                  <a:pt x="11502" y="1767"/>
                </a:lnTo>
                <a:lnTo>
                  <a:pt x="11503" y="1767"/>
                </a:lnTo>
                <a:lnTo>
                  <a:pt x="11510" y="1767"/>
                </a:lnTo>
                <a:lnTo>
                  <a:pt x="11531" y="1767"/>
                </a:lnTo>
                <a:lnTo>
                  <a:pt x="11570" y="1767"/>
                </a:lnTo>
                <a:lnTo>
                  <a:pt x="11633" y="1767"/>
                </a:lnTo>
                <a:lnTo>
                  <a:pt x="11725" y="1767"/>
                </a:lnTo>
                <a:lnTo>
                  <a:pt x="11853" y="1767"/>
                </a:lnTo>
                <a:lnTo>
                  <a:pt x="12022" y="1767"/>
                </a:lnTo>
                <a:lnTo>
                  <a:pt x="12022" y="1863"/>
                </a:lnTo>
                <a:lnTo>
                  <a:pt x="11853" y="1863"/>
                </a:lnTo>
                <a:lnTo>
                  <a:pt x="11725" y="1863"/>
                </a:lnTo>
                <a:lnTo>
                  <a:pt x="11633" y="1863"/>
                </a:lnTo>
                <a:lnTo>
                  <a:pt x="11570" y="1863"/>
                </a:lnTo>
                <a:lnTo>
                  <a:pt x="11531" y="1863"/>
                </a:lnTo>
                <a:lnTo>
                  <a:pt x="11510" y="1863"/>
                </a:lnTo>
                <a:lnTo>
                  <a:pt x="11503" y="1863"/>
                </a:lnTo>
                <a:lnTo>
                  <a:pt x="11502" y="1863"/>
                </a:lnTo>
                <a:lnTo>
                  <a:pt x="11502" y="1864"/>
                </a:lnTo>
                <a:lnTo>
                  <a:pt x="11502" y="1872"/>
                </a:lnTo>
                <a:lnTo>
                  <a:pt x="11502" y="1892"/>
                </a:lnTo>
                <a:lnTo>
                  <a:pt x="11502" y="1928"/>
                </a:lnTo>
                <a:lnTo>
                  <a:pt x="11502" y="1986"/>
                </a:lnTo>
                <a:lnTo>
                  <a:pt x="11502" y="2073"/>
                </a:lnTo>
                <a:lnTo>
                  <a:pt x="11502" y="2192"/>
                </a:lnTo>
                <a:lnTo>
                  <a:pt x="11502" y="2350"/>
                </a:lnTo>
                <a:lnTo>
                  <a:pt x="11351" y="2350"/>
                </a:lnTo>
                <a:lnTo>
                  <a:pt x="11351" y="1310"/>
                </a:lnTo>
                <a:lnTo>
                  <a:pt x="12047" y="1310"/>
                </a:lnTo>
                <a:lnTo>
                  <a:pt x="12047" y="1409"/>
                </a:lnTo>
                <a:lnTo>
                  <a:pt x="11869" y="1409"/>
                </a:lnTo>
                <a:lnTo>
                  <a:pt x="11735" y="1409"/>
                </a:lnTo>
                <a:lnTo>
                  <a:pt x="11638" y="1409"/>
                </a:lnTo>
                <a:lnTo>
                  <a:pt x="11573" y="1409"/>
                </a:lnTo>
                <a:lnTo>
                  <a:pt x="11532" y="1409"/>
                </a:lnTo>
                <a:lnTo>
                  <a:pt x="11512" y="1409"/>
                </a:lnTo>
                <a:lnTo>
                  <a:pt x="11503" y="1409"/>
                </a:lnTo>
                <a:lnTo>
                  <a:pt x="11502" y="1409"/>
                </a:lnTo>
                <a:close/>
                <a:moveTo>
                  <a:pt x="7493" y="1528"/>
                </a:moveTo>
                <a:lnTo>
                  <a:pt x="7473" y="1528"/>
                </a:lnTo>
                <a:lnTo>
                  <a:pt x="7453" y="1530"/>
                </a:lnTo>
                <a:lnTo>
                  <a:pt x="7433" y="1532"/>
                </a:lnTo>
                <a:lnTo>
                  <a:pt x="7413" y="1535"/>
                </a:lnTo>
                <a:lnTo>
                  <a:pt x="7394" y="1538"/>
                </a:lnTo>
                <a:lnTo>
                  <a:pt x="7376" y="1543"/>
                </a:lnTo>
                <a:lnTo>
                  <a:pt x="7357" y="1549"/>
                </a:lnTo>
                <a:lnTo>
                  <a:pt x="7339" y="1556"/>
                </a:lnTo>
                <a:lnTo>
                  <a:pt x="7322" y="1565"/>
                </a:lnTo>
                <a:lnTo>
                  <a:pt x="7305" y="1575"/>
                </a:lnTo>
                <a:lnTo>
                  <a:pt x="7289" y="1586"/>
                </a:lnTo>
                <a:lnTo>
                  <a:pt x="7273" y="1599"/>
                </a:lnTo>
                <a:lnTo>
                  <a:pt x="7258" y="1613"/>
                </a:lnTo>
                <a:lnTo>
                  <a:pt x="7244" y="1629"/>
                </a:lnTo>
                <a:lnTo>
                  <a:pt x="7230" y="1647"/>
                </a:lnTo>
                <a:lnTo>
                  <a:pt x="7218" y="1667"/>
                </a:lnTo>
                <a:lnTo>
                  <a:pt x="7215" y="1667"/>
                </a:lnTo>
                <a:lnTo>
                  <a:pt x="7215" y="1545"/>
                </a:lnTo>
                <a:lnTo>
                  <a:pt x="6970" y="1545"/>
                </a:lnTo>
                <a:lnTo>
                  <a:pt x="6970" y="2349"/>
                </a:lnTo>
                <a:lnTo>
                  <a:pt x="7236" y="2349"/>
                </a:lnTo>
                <a:lnTo>
                  <a:pt x="7236" y="1956"/>
                </a:lnTo>
                <a:lnTo>
                  <a:pt x="7237" y="1926"/>
                </a:lnTo>
                <a:lnTo>
                  <a:pt x="7238" y="1900"/>
                </a:lnTo>
                <a:lnTo>
                  <a:pt x="7241" y="1875"/>
                </a:lnTo>
                <a:lnTo>
                  <a:pt x="7246" y="1853"/>
                </a:lnTo>
                <a:lnTo>
                  <a:pt x="7250" y="1835"/>
                </a:lnTo>
                <a:lnTo>
                  <a:pt x="7256" y="1818"/>
                </a:lnTo>
                <a:lnTo>
                  <a:pt x="7261" y="1804"/>
                </a:lnTo>
                <a:lnTo>
                  <a:pt x="7268" y="1792"/>
                </a:lnTo>
                <a:lnTo>
                  <a:pt x="7279" y="1774"/>
                </a:lnTo>
                <a:lnTo>
                  <a:pt x="7291" y="1760"/>
                </a:lnTo>
                <a:lnTo>
                  <a:pt x="7297" y="1752"/>
                </a:lnTo>
                <a:lnTo>
                  <a:pt x="7305" y="1746"/>
                </a:lnTo>
                <a:lnTo>
                  <a:pt x="7312" y="1740"/>
                </a:lnTo>
                <a:lnTo>
                  <a:pt x="7321" y="1735"/>
                </a:lnTo>
                <a:lnTo>
                  <a:pt x="7328" y="1729"/>
                </a:lnTo>
                <a:lnTo>
                  <a:pt x="7337" y="1725"/>
                </a:lnTo>
                <a:lnTo>
                  <a:pt x="7347" y="1721"/>
                </a:lnTo>
                <a:lnTo>
                  <a:pt x="7357" y="1717"/>
                </a:lnTo>
                <a:lnTo>
                  <a:pt x="7378" y="1711"/>
                </a:lnTo>
                <a:lnTo>
                  <a:pt x="7403" y="1706"/>
                </a:lnTo>
                <a:lnTo>
                  <a:pt x="7417" y="1705"/>
                </a:lnTo>
                <a:lnTo>
                  <a:pt x="7432" y="1704"/>
                </a:lnTo>
                <a:lnTo>
                  <a:pt x="7448" y="1705"/>
                </a:lnTo>
                <a:lnTo>
                  <a:pt x="7465" y="1706"/>
                </a:lnTo>
                <a:lnTo>
                  <a:pt x="7480" y="1710"/>
                </a:lnTo>
                <a:lnTo>
                  <a:pt x="7497" y="1714"/>
                </a:lnTo>
                <a:lnTo>
                  <a:pt x="7512" y="1720"/>
                </a:lnTo>
                <a:lnTo>
                  <a:pt x="7526" y="1726"/>
                </a:lnTo>
                <a:lnTo>
                  <a:pt x="7645" y="1556"/>
                </a:lnTo>
                <a:lnTo>
                  <a:pt x="7627" y="1550"/>
                </a:lnTo>
                <a:lnTo>
                  <a:pt x="7609" y="1544"/>
                </a:lnTo>
                <a:lnTo>
                  <a:pt x="7591" y="1539"/>
                </a:lnTo>
                <a:lnTo>
                  <a:pt x="7574" y="1535"/>
                </a:lnTo>
                <a:lnTo>
                  <a:pt x="7555" y="1533"/>
                </a:lnTo>
                <a:lnTo>
                  <a:pt x="7536" y="1531"/>
                </a:lnTo>
                <a:lnTo>
                  <a:pt x="7515" y="1528"/>
                </a:lnTo>
                <a:lnTo>
                  <a:pt x="7493" y="1528"/>
                </a:lnTo>
                <a:close/>
                <a:moveTo>
                  <a:pt x="2279" y="1310"/>
                </a:moveTo>
                <a:lnTo>
                  <a:pt x="2279" y="1941"/>
                </a:lnTo>
                <a:lnTo>
                  <a:pt x="2278" y="1968"/>
                </a:lnTo>
                <a:lnTo>
                  <a:pt x="2276" y="1993"/>
                </a:lnTo>
                <a:lnTo>
                  <a:pt x="2272" y="2016"/>
                </a:lnTo>
                <a:lnTo>
                  <a:pt x="2266" y="2038"/>
                </a:lnTo>
                <a:lnTo>
                  <a:pt x="2259" y="2059"/>
                </a:lnTo>
                <a:lnTo>
                  <a:pt x="2251" y="2077"/>
                </a:lnTo>
                <a:lnTo>
                  <a:pt x="2245" y="2086"/>
                </a:lnTo>
                <a:lnTo>
                  <a:pt x="2240" y="2095"/>
                </a:lnTo>
                <a:lnTo>
                  <a:pt x="2234" y="2103"/>
                </a:lnTo>
                <a:lnTo>
                  <a:pt x="2228" y="2110"/>
                </a:lnTo>
                <a:lnTo>
                  <a:pt x="2221" y="2118"/>
                </a:lnTo>
                <a:lnTo>
                  <a:pt x="2214" y="2125"/>
                </a:lnTo>
                <a:lnTo>
                  <a:pt x="2207" y="2131"/>
                </a:lnTo>
                <a:lnTo>
                  <a:pt x="2198" y="2138"/>
                </a:lnTo>
                <a:lnTo>
                  <a:pt x="2190" y="2143"/>
                </a:lnTo>
                <a:lnTo>
                  <a:pt x="2181" y="2148"/>
                </a:lnTo>
                <a:lnTo>
                  <a:pt x="2171" y="2153"/>
                </a:lnTo>
                <a:lnTo>
                  <a:pt x="2162" y="2158"/>
                </a:lnTo>
                <a:lnTo>
                  <a:pt x="2152" y="2161"/>
                </a:lnTo>
                <a:lnTo>
                  <a:pt x="2141" y="2164"/>
                </a:lnTo>
                <a:lnTo>
                  <a:pt x="2130" y="2168"/>
                </a:lnTo>
                <a:lnTo>
                  <a:pt x="2119" y="2170"/>
                </a:lnTo>
                <a:lnTo>
                  <a:pt x="2093" y="2173"/>
                </a:lnTo>
                <a:lnTo>
                  <a:pt x="2067" y="2174"/>
                </a:lnTo>
                <a:lnTo>
                  <a:pt x="2047" y="2174"/>
                </a:lnTo>
                <a:lnTo>
                  <a:pt x="2023" y="2174"/>
                </a:lnTo>
                <a:lnTo>
                  <a:pt x="1995" y="2173"/>
                </a:lnTo>
                <a:lnTo>
                  <a:pt x="1965" y="2171"/>
                </a:lnTo>
                <a:lnTo>
                  <a:pt x="1933" y="2169"/>
                </a:lnTo>
                <a:lnTo>
                  <a:pt x="1900" y="2164"/>
                </a:lnTo>
                <a:lnTo>
                  <a:pt x="1867" y="2160"/>
                </a:lnTo>
                <a:lnTo>
                  <a:pt x="1833" y="2153"/>
                </a:lnTo>
                <a:lnTo>
                  <a:pt x="1833" y="2351"/>
                </a:lnTo>
                <a:lnTo>
                  <a:pt x="1867" y="2355"/>
                </a:lnTo>
                <a:lnTo>
                  <a:pt x="1902" y="2359"/>
                </a:lnTo>
                <a:lnTo>
                  <a:pt x="1938" y="2362"/>
                </a:lnTo>
                <a:lnTo>
                  <a:pt x="1975" y="2364"/>
                </a:lnTo>
                <a:lnTo>
                  <a:pt x="2011" y="2366"/>
                </a:lnTo>
                <a:lnTo>
                  <a:pt x="2047" y="2367"/>
                </a:lnTo>
                <a:lnTo>
                  <a:pt x="2082" y="2367"/>
                </a:lnTo>
                <a:lnTo>
                  <a:pt x="2115" y="2367"/>
                </a:lnTo>
                <a:lnTo>
                  <a:pt x="2143" y="2367"/>
                </a:lnTo>
                <a:lnTo>
                  <a:pt x="2168" y="2366"/>
                </a:lnTo>
                <a:lnTo>
                  <a:pt x="2195" y="2364"/>
                </a:lnTo>
                <a:lnTo>
                  <a:pt x="2219" y="2361"/>
                </a:lnTo>
                <a:lnTo>
                  <a:pt x="2243" y="2356"/>
                </a:lnTo>
                <a:lnTo>
                  <a:pt x="2267" y="2352"/>
                </a:lnTo>
                <a:lnTo>
                  <a:pt x="2289" y="2346"/>
                </a:lnTo>
                <a:lnTo>
                  <a:pt x="2311" y="2340"/>
                </a:lnTo>
                <a:lnTo>
                  <a:pt x="2333" y="2333"/>
                </a:lnTo>
                <a:lnTo>
                  <a:pt x="2353" y="2325"/>
                </a:lnTo>
                <a:lnTo>
                  <a:pt x="2373" y="2316"/>
                </a:lnTo>
                <a:lnTo>
                  <a:pt x="2393" y="2307"/>
                </a:lnTo>
                <a:lnTo>
                  <a:pt x="2410" y="2296"/>
                </a:lnTo>
                <a:lnTo>
                  <a:pt x="2428" y="2285"/>
                </a:lnTo>
                <a:lnTo>
                  <a:pt x="2444" y="2274"/>
                </a:lnTo>
                <a:lnTo>
                  <a:pt x="2460" y="2261"/>
                </a:lnTo>
                <a:lnTo>
                  <a:pt x="2474" y="2248"/>
                </a:lnTo>
                <a:lnTo>
                  <a:pt x="2488" y="2234"/>
                </a:lnTo>
                <a:lnTo>
                  <a:pt x="2501" y="2220"/>
                </a:lnTo>
                <a:lnTo>
                  <a:pt x="2514" y="2205"/>
                </a:lnTo>
                <a:lnTo>
                  <a:pt x="2525" y="2188"/>
                </a:lnTo>
                <a:lnTo>
                  <a:pt x="2536" y="2173"/>
                </a:lnTo>
                <a:lnTo>
                  <a:pt x="2544" y="2155"/>
                </a:lnTo>
                <a:lnTo>
                  <a:pt x="2553" y="2138"/>
                </a:lnTo>
                <a:lnTo>
                  <a:pt x="2561" y="2119"/>
                </a:lnTo>
                <a:lnTo>
                  <a:pt x="2567" y="2101"/>
                </a:lnTo>
                <a:lnTo>
                  <a:pt x="2573" y="2082"/>
                </a:lnTo>
                <a:lnTo>
                  <a:pt x="2577" y="2061"/>
                </a:lnTo>
                <a:lnTo>
                  <a:pt x="2581" y="2041"/>
                </a:lnTo>
                <a:lnTo>
                  <a:pt x="2583" y="2020"/>
                </a:lnTo>
                <a:lnTo>
                  <a:pt x="2585" y="1998"/>
                </a:lnTo>
                <a:lnTo>
                  <a:pt x="2585" y="1976"/>
                </a:lnTo>
                <a:lnTo>
                  <a:pt x="2585" y="1310"/>
                </a:lnTo>
                <a:lnTo>
                  <a:pt x="2279" y="1310"/>
                </a:lnTo>
                <a:close/>
                <a:moveTo>
                  <a:pt x="9404" y="2132"/>
                </a:moveTo>
                <a:lnTo>
                  <a:pt x="9389" y="2143"/>
                </a:lnTo>
                <a:lnTo>
                  <a:pt x="9373" y="2154"/>
                </a:lnTo>
                <a:lnTo>
                  <a:pt x="9358" y="2163"/>
                </a:lnTo>
                <a:lnTo>
                  <a:pt x="9342" y="2172"/>
                </a:lnTo>
                <a:lnTo>
                  <a:pt x="9327" y="2178"/>
                </a:lnTo>
                <a:lnTo>
                  <a:pt x="9312" y="2185"/>
                </a:lnTo>
                <a:lnTo>
                  <a:pt x="9296" y="2192"/>
                </a:lnTo>
                <a:lnTo>
                  <a:pt x="9281" y="2196"/>
                </a:lnTo>
                <a:lnTo>
                  <a:pt x="9266" y="2200"/>
                </a:lnTo>
                <a:lnTo>
                  <a:pt x="9251" y="2205"/>
                </a:lnTo>
                <a:lnTo>
                  <a:pt x="9237" y="2208"/>
                </a:lnTo>
                <a:lnTo>
                  <a:pt x="9221" y="2210"/>
                </a:lnTo>
                <a:lnTo>
                  <a:pt x="9193" y="2214"/>
                </a:lnTo>
                <a:lnTo>
                  <a:pt x="9165" y="2216"/>
                </a:lnTo>
                <a:lnTo>
                  <a:pt x="9149" y="2216"/>
                </a:lnTo>
                <a:lnTo>
                  <a:pt x="9133" y="2216"/>
                </a:lnTo>
                <a:lnTo>
                  <a:pt x="9118" y="2214"/>
                </a:lnTo>
                <a:lnTo>
                  <a:pt x="9105" y="2211"/>
                </a:lnTo>
                <a:lnTo>
                  <a:pt x="9092" y="2209"/>
                </a:lnTo>
                <a:lnTo>
                  <a:pt x="9078" y="2205"/>
                </a:lnTo>
                <a:lnTo>
                  <a:pt x="9067" y="2199"/>
                </a:lnTo>
                <a:lnTo>
                  <a:pt x="9057" y="2194"/>
                </a:lnTo>
                <a:lnTo>
                  <a:pt x="9048" y="2187"/>
                </a:lnTo>
                <a:lnTo>
                  <a:pt x="9040" y="2178"/>
                </a:lnTo>
                <a:lnTo>
                  <a:pt x="9032" y="2170"/>
                </a:lnTo>
                <a:lnTo>
                  <a:pt x="9027" y="2160"/>
                </a:lnTo>
                <a:lnTo>
                  <a:pt x="9022" y="2149"/>
                </a:lnTo>
                <a:lnTo>
                  <a:pt x="9019" y="2136"/>
                </a:lnTo>
                <a:lnTo>
                  <a:pt x="9017" y="2122"/>
                </a:lnTo>
                <a:lnTo>
                  <a:pt x="9016" y="2107"/>
                </a:lnTo>
                <a:lnTo>
                  <a:pt x="9016" y="2098"/>
                </a:lnTo>
                <a:lnTo>
                  <a:pt x="9017" y="2090"/>
                </a:lnTo>
                <a:lnTo>
                  <a:pt x="9019" y="2082"/>
                </a:lnTo>
                <a:lnTo>
                  <a:pt x="9022" y="2074"/>
                </a:lnTo>
                <a:lnTo>
                  <a:pt x="9026" y="2066"/>
                </a:lnTo>
                <a:lnTo>
                  <a:pt x="9030" y="2060"/>
                </a:lnTo>
                <a:lnTo>
                  <a:pt x="9034" y="2053"/>
                </a:lnTo>
                <a:lnTo>
                  <a:pt x="9040" y="2048"/>
                </a:lnTo>
                <a:lnTo>
                  <a:pt x="9046" y="2042"/>
                </a:lnTo>
                <a:lnTo>
                  <a:pt x="9053" y="2037"/>
                </a:lnTo>
                <a:lnTo>
                  <a:pt x="9061" y="2032"/>
                </a:lnTo>
                <a:lnTo>
                  <a:pt x="9070" y="2028"/>
                </a:lnTo>
                <a:lnTo>
                  <a:pt x="9087" y="2019"/>
                </a:lnTo>
                <a:lnTo>
                  <a:pt x="9107" y="2013"/>
                </a:lnTo>
                <a:lnTo>
                  <a:pt x="9128" y="2007"/>
                </a:lnTo>
                <a:lnTo>
                  <a:pt x="9151" y="2003"/>
                </a:lnTo>
                <a:lnTo>
                  <a:pt x="9176" y="2000"/>
                </a:lnTo>
                <a:lnTo>
                  <a:pt x="9203" y="1996"/>
                </a:lnTo>
                <a:lnTo>
                  <a:pt x="9229" y="1994"/>
                </a:lnTo>
                <a:lnTo>
                  <a:pt x="9258" y="1993"/>
                </a:lnTo>
                <a:lnTo>
                  <a:pt x="9286" y="1993"/>
                </a:lnTo>
                <a:lnTo>
                  <a:pt x="9316" y="1992"/>
                </a:lnTo>
                <a:lnTo>
                  <a:pt x="9404" y="1992"/>
                </a:lnTo>
                <a:lnTo>
                  <a:pt x="9404" y="2132"/>
                </a:lnTo>
                <a:close/>
                <a:moveTo>
                  <a:pt x="8124" y="2187"/>
                </a:moveTo>
                <a:lnTo>
                  <a:pt x="8110" y="2187"/>
                </a:lnTo>
                <a:lnTo>
                  <a:pt x="8097" y="2186"/>
                </a:lnTo>
                <a:lnTo>
                  <a:pt x="8084" y="2184"/>
                </a:lnTo>
                <a:lnTo>
                  <a:pt x="8072" y="2182"/>
                </a:lnTo>
                <a:lnTo>
                  <a:pt x="8060" y="2178"/>
                </a:lnTo>
                <a:lnTo>
                  <a:pt x="8048" y="2175"/>
                </a:lnTo>
                <a:lnTo>
                  <a:pt x="8037" y="2171"/>
                </a:lnTo>
                <a:lnTo>
                  <a:pt x="8027" y="2166"/>
                </a:lnTo>
                <a:lnTo>
                  <a:pt x="8016" y="2162"/>
                </a:lnTo>
                <a:lnTo>
                  <a:pt x="8007" y="2155"/>
                </a:lnTo>
                <a:lnTo>
                  <a:pt x="7997" y="2150"/>
                </a:lnTo>
                <a:lnTo>
                  <a:pt x="7988" y="2143"/>
                </a:lnTo>
                <a:lnTo>
                  <a:pt x="7979" y="2136"/>
                </a:lnTo>
                <a:lnTo>
                  <a:pt x="7972" y="2128"/>
                </a:lnTo>
                <a:lnTo>
                  <a:pt x="7964" y="2120"/>
                </a:lnTo>
                <a:lnTo>
                  <a:pt x="7957" y="2113"/>
                </a:lnTo>
                <a:lnTo>
                  <a:pt x="7944" y="2095"/>
                </a:lnTo>
                <a:lnTo>
                  <a:pt x="7933" y="2076"/>
                </a:lnTo>
                <a:lnTo>
                  <a:pt x="7924" y="2056"/>
                </a:lnTo>
                <a:lnTo>
                  <a:pt x="7917" y="2035"/>
                </a:lnTo>
                <a:lnTo>
                  <a:pt x="7910" y="2014"/>
                </a:lnTo>
                <a:lnTo>
                  <a:pt x="7906" y="1991"/>
                </a:lnTo>
                <a:lnTo>
                  <a:pt x="7904" y="1969"/>
                </a:lnTo>
                <a:lnTo>
                  <a:pt x="7902" y="1946"/>
                </a:lnTo>
                <a:lnTo>
                  <a:pt x="7904" y="1923"/>
                </a:lnTo>
                <a:lnTo>
                  <a:pt x="7906" y="1900"/>
                </a:lnTo>
                <a:lnTo>
                  <a:pt x="7909" y="1877"/>
                </a:lnTo>
                <a:lnTo>
                  <a:pt x="7915" y="1855"/>
                </a:lnTo>
                <a:lnTo>
                  <a:pt x="7921" y="1833"/>
                </a:lnTo>
                <a:lnTo>
                  <a:pt x="7930" y="1812"/>
                </a:lnTo>
                <a:lnTo>
                  <a:pt x="7935" y="1802"/>
                </a:lnTo>
                <a:lnTo>
                  <a:pt x="7941" y="1792"/>
                </a:lnTo>
                <a:lnTo>
                  <a:pt x="7946" y="1783"/>
                </a:lnTo>
                <a:lnTo>
                  <a:pt x="7953" y="1773"/>
                </a:lnTo>
                <a:lnTo>
                  <a:pt x="7961" y="1765"/>
                </a:lnTo>
                <a:lnTo>
                  <a:pt x="7968" y="1757"/>
                </a:lnTo>
                <a:lnTo>
                  <a:pt x="7976" y="1748"/>
                </a:lnTo>
                <a:lnTo>
                  <a:pt x="7985" y="1740"/>
                </a:lnTo>
                <a:lnTo>
                  <a:pt x="7994" y="1734"/>
                </a:lnTo>
                <a:lnTo>
                  <a:pt x="8004" y="1727"/>
                </a:lnTo>
                <a:lnTo>
                  <a:pt x="8014" y="1721"/>
                </a:lnTo>
                <a:lnTo>
                  <a:pt x="8025" y="1715"/>
                </a:lnTo>
                <a:lnTo>
                  <a:pt x="8036" y="1711"/>
                </a:lnTo>
                <a:lnTo>
                  <a:pt x="8048" y="1706"/>
                </a:lnTo>
                <a:lnTo>
                  <a:pt x="8061" y="1702"/>
                </a:lnTo>
                <a:lnTo>
                  <a:pt x="8074" y="1699"/>
                </a:lnTo>
                <a:lnTo>
                  <a:pt x="8087" y="1696"/>
                </a:lnTo>
                <a:lnTo>
                  <a:pt x="8103" y="1694"/>
                </a:lnTo>
                <a:lnTo>
                  <a:pt x="8117" y="1693"/>
                </a:lnTo>
                <a:lnTo>
                  <a:pt x="8133" y="1693"/>
                </a:lnTo>
                <a:lnTo>
                  <a:pt x="8147" y="1693"/>
                </a:lnTo>
                <a:lnTo>
                  <a:pt x="8160" y="1694"/>
                </a:lnTo>
                <a:lnTo>
                  <a:pt x="8173" y="1696"/>
                </a:lnTo>
                <a:lnTo>
                  <a:pt x="8186" y="1699"/>
                </a:lnTo>
                <a:lnTo>
                  <a:pt x="8198" y="1701"/>
                </a:lnTo>
                <a:lnTo>
                  <a:pt x="8209" y="1704"/>
                </a:lnTo>
                <a:lnTo>
                  <a:pt x="8220" y="1709"/>
                </a:lnTo>
                <a:lnTo>
                  <a:pt x="8231" y="1713"/>
                </a:lnTo>
                <a:lnTo>
                  <a:pt x="8241" y="1717"/>
                </a:lnTo>
                <a:lnTo>
                  <a:pt x="8251" y="1723"/>
                </a:lnTo>
                <a:lnTo>
                  <a:pt x="8260" y="1729"/>
                </a:lnTo>
                <a:lnTo>
                  <a:pt x="8269" y="1736"/>
                </a:lnTo>
                <a:lnTo>
                  <a:pt x="8278" y="1743"/>
                </a:lnTo>
                <a:lnTo>
                  <a:pt x="8285" y="1750"/>
                </a:lnTo>
                <a:lnTo>
                  <a:pt x="8293" y="1758"/>
                </a:lnTo>
                <a:lnTo>
                  <a:pt x="8300" y="1766"/>
                </a:lnTo>
                <a:lnTo>
                  <a:pt x="8312" y="1783"/>
                </a:lnTo>
                <a:lnTo>
                  <a:pt x="8323" y="1803"/>
                </a:lnTo>
                <a:lnTo>
                  <a:pt x="8333" y="1823"/>
                </a:lnTo>
                <a:lnTo>
                  <a:pt x="8339" y="1845"/>
                </a:lnTo>
                <a:lnTo>
                  <a:pt x="8346" y="1868"/>
                </a:lnTo>
                <a:lnTo>
                  <a:pt x="8349" y="1891"/>
                </a:lnTo>
                <a:lnTo>
                  <a:pt x="8352" y="1916"/>
                </a:lnTo>
                <a:lnTo>
                  <a:pt x="8352" y="1941"/>
                </a:lnTo>
                <a:lnTo>
                  <a:pt x="8352" y="1963"/>
                </a:lnTo>
                <a:lnTo>
                  <a:pt x="8350" y="1985"/>
                </a:lnTo>
                <a:lnTo>
                  <a:pt x="8346" y="2007"/>
                </a:lnTo>
                <a:lnTo>
                  <a:pt x="8340" y="2029"/>
                </a:lnTo>
                <a:lnTo>
                  <a:pt x="8334" y="2050"/>
                </a:lnTo>
                <a:lnTo>
                  <a:pt x="8325" y="2070"/>
                </a:lnTo>
                <a:lnTo>
                  <a:pt x="8314" y="2090"/>
                </a:lnTo>
                <a:lnTo>
                  <a:pt x="8301" y="2108"/>
                </a:lnTo>
                <a:lnTo>
                  <a:pt x="8294" y="2117"/>
                </a:lnTo>
                <a:lnTo>
                  <a:pt x="8286" y="2125"/>
                </a:lnTo>
                <a:lnTo>
                  <a:pt x="8279" y="2132"/>
                </a:lnTo>
                <a:lnTo>
                  <a:pt x="8270" y="2140"/>
                </a:lnTo>
                <a:lnTo>
                  <a:pt x="8261" y="2147"/>
                </a:lnTo>
                <a:lnTo>
                  <a:pt x="8251" y="2153"/>
                </a:lnTo>
                <a:lnTo>
                  <a:pt x="8241" y="2160"/>
                </a:lnTo>
                <a:lnTo>
                  <a:pt x="8230" y="2165"/>
                </a:lnTo>
                <a:lnTo>
                  <a:pt x="8219" y="2170"/>
                </a:lnTo>
                <a:lnTo>
                  <a:pt x="8207" y="2174"/>
                </a:lnTo>
                <a:lnTo>
                  <a:pt x="8195" y="2178"/>
                </a:lnTo>
                <a:lnTo>
                  <a:pt x="8182" y="2182"/>
                </a:lnTo>
                <a:lnTo>
                  <a:pt x="8169" y="2184"/>
                </a:lnTo>
                <a:lnTo>
                  <a:pt x="8154" y="2186"/>
                </a:lnTo>
                <a:lnTo>
                  <a:pt x="8139" y="2187"/>
                </a:lnTo>
                <a:lnTo>
                  <a:pt x="8124" y="2187"/>
                </a:lnTo>
                <a:close/>
                <a:moveTo>
                  <a:pt x="6811" y="1946"/>
                </a:moveTo>
                <a:lnTo>
                  <a:pt x="6810" y="1920"/>
                </a:lnTo>
                <a:lnTo>
                  <a:pt x="6808" y="1894"/>
                </a:lnTo>
                <a:lnTo>
                  <a:pt x="6805" y="1870"/>
                </a:lnTo>
                <a:lnTo>
                  <a:pt x="6800" y="1846"/>
                </a:lnTo>
                <a:lnTo>
                  <a:pt x="6795" y="1823"/>
                </a:lnTo>
                <a:lnTo>
                  <a:pt x="6787" y="1801"/>
                </a:lnTo>
                <a:lnTo>
                  <a:pt x="6779" y="1779"/>
                </a:lnTo>
                <a:lnTo>
                  <a:pt x="6771" y="1759"/>
                </a:lnTo>
                <a:lnTo>
                  <a:pt x="6760" y="1739"/>
                </a:lnTo>
                <a:lnTo>
                  <a:pt x="6749" y="1721"/>
                </a:lnTo>
                <a:lnTo>
                  <a:pt x="6735" y="1702"/>
                </a:lnTo>
                <a:lnTo>
                  <a:pt x="6722" y="1685"/>
                </a:lnTo>
                <a:lnTo>
                  <a:pt x="6708" y="1669"/>
                </a:lnTo>
                <a:lnTo>
                  <a:pt x="6692" y="1654"/>
                </a:lnTo>
                <a:lnTo>
                  <a:pt x="6676" y="1638"/>
                </a:lnTo>
                <a:lnTo>
                  <a:pt x="6659" y="1625"/>
                </a:lnTo>
                <a:lnTo>
                  <a:pt x="6641" y="1612"/>
                </a:lnTo>
                <a:lnTo>
                  <a:pt x="6622" y="1600"/>
                </a:lnTo>
                <a:lnTo>
                  <a:pt x="6602" y="1589"/>
                </a:lnTo>
                <a:lnTo>
                  <a:pt x="6581" y="1578"/>
                </a:lnTo>
                <a:lnTo>
                  <a:pt x="6560" y="1569"/>
                </a:lnTo>
                <a:lnTo>
                  <a:pt x="6538" y="1560"/>
                </a:lnTo>
                <a:lnTo>
                  <a:pt x="6515" y="1552"/>
                </a:lnTo>
                <a:lnTo>
                  <a:pt x="6492" y="1545"/>
                </a:lnTo>
                <a:lnTo>
                  <a:pt x="6468" y="1538"/>
                </a:lnTo>
                <a:lnTo>
                  <a:pt x="6444" y="1533"/>
                </a:lnTo>
                <a:lnTo>
                  <a:pt x="6419" y="1528"/>
                </a:lnTo>
                <a:lnTo>
                  <a:pt x="6393" y="1525"/>
                </a:lnTo>
                <a:lnTo>
                  <a:pt x="6367" y="1522"/>
                </a:lnTo>
                <a:lnTo>
                  <a:pt x="6340" y="1520"/>
                </a:lnTo>
                <a:lnTo>
                  <a:pt x="6313" y="1519"/>
                </a:lnTo>
                <a:lnTo>
                  <a:pt x="6285" y="1519"/>
                </a:lnTo>
                <a:lnTo>
                  <a:pt x="6258" y="1519"/>
                </a:lnTo>
                <a:lnTo>
                  <a:pt x="6232" y="1520"/>
                </a:lnTo>
                <a:lnTo>
                  <a:pt x="6205" y="1522"/>
                </a:lnTo>
                <a:lnTo>
                  <a:pt x="6179" y="1525"/>
                </a:lnTo>
                <a:lnTo>
                  <a:pt x="6153" y="1528"/>
                </a:lnTo>
                <a:lnTo>
                  <a:pt x="6128" y="1533"/>
                </a:lnTo>
                <a:lnTo>
                  <a:pt x="6104" y="1538"/>
                </a:lnTo>
                <a:lnTo>
                  <a:pt x="6080" y="1545"/>
                </a:lnTo>
                <a:lnTo>
                  <a:pt x="6057" y="1552"/>
                </a:lnTo>
                <a:lnTo>
                  <a:pt x="6034" y="1560"/>
                </a:lnTo>
                <a:lnTo>
                  <a:pt x="6012" y="1569"/>
                </a:lnTo>
                <a:lnTo>
                  <a:pt x="5991" y="1578"/>
                </a:lnTo>
                <a:lnTo>
                  <a:pt x="5970" y="1589"/>
                </a:lnTo>
                <a:lnTo>
                  <a:pt x="5950" y="1600"/>
                </a:lnTo>
                <a:lnTo>
                  <a:pt x="5931" y="1612"/>
                </a:lnTo>
                <a:lnTo>
                  <a:pt x="5913" y="1625"/>
                </a:lnTo>
                <a:lnTo>
                  <a:pt x="5896" y="1638"/>
                </a:lnTo>
                <a:lnTo>
                  <a:pt x="5880" y="1654"/>
                </a:lnTo>
                <a:lnTo>
                  <a:pt x="5864" y="1669"/>
                </a:lnTo>
                <a:lnTo>
                  <a:pt x="5850" y="1685"/>
                </a:lnTo>
                <a:lnTo>
                  <a:pt x="5836" y="1702"/>
                </a:lnTo>
                <a:lnTo>
                  <a:pt x="5823" y="1721"/>
                </a:lnTo>
                <a:lnTo>
                  <a:pt x="5812" y="1739"/>
                </a:lnTo>
                <a:lnTo>
                  <a:pt x="5801" y="1759"/>
                </a:lnTo>
                <a:lnTo>
                  <a:pt x="5793" y="1779"/>
                </a:lnTo>
                <a:lnTo>
                  <a:pt x="5784" y="1801"/>
                </a:lnTo>
                <a:lnTo>
                  <a:pt x="5777" y="1823"/>
                </a:lnTo>
                <a:lnTo>
                  <a:pt x="5772" y="1846"/>
                </a:lnTo>
                <a:lnTo>
                  <a:pt x="5767" y="1870"/>
                </a:lnTo>
                <a:lnTo>
                  <a:pt x="5764" y="1894"/>
                </a:lnTo>
                <a:lnTo>
                  <a:pt x="5762" y="1920"/>
                </a:lnTo>
                <a:lnTo>
                  <a:pt x="5761" y="1946"/>
                </a:lnTo>
                <a:lnTo>
                  <a:pt x="5762" y="1972"/>
                </a:lnTo>
                <a:lnTo>
                  <a:pt x="5764" y="1998"/>
                </a:lnTo>
                <a:lnTo>
                  <a:pt x="5767" y="2023"/>
                </a:lnTo>
                <a:lnTo>
                  <a:pt x="5772" y="2047"/>
                </a:lnTo>
                <a:lnTo>
                  <a:pt x="5777" y="2070"/>
                </a:lnTo>
                <a:lnTo>
                  <a:pt x="5784" y="2092"/>
                </a:lnTo>
                <a:lnTo>
                  <a:pt x="5793" y="2113"/>
                </a:lnTo>
                <a:lnTo>
                  <a:pt x="5801" y="2133"/>
                </a:lnTo>
                <a:lnTo>
                  <a:pt x="5812" y="2153"/>
                </a:lnTo>
                <a:lnTo>
                  <a:pt x="5823" y="2172"/>
                </a:lnTo>
                <a:lnTo>
                  <a:pt x="5836" y="2189"/>
                </a:lnTo>
                <a:lnTo>
                  <a:pt x="5850" y="2207"/>
                </a:lnTo>
                <a:lnTo>
                  <a:pt x="5864" y="2224"/>
                </a:lnTo>
                <a:lnTo>
                  <a:pt x="5880" y="2239"/>
                </a:lnTo>
                <a:lnTo>
                  <a:pt x="5896" y="2253"/>
                </a:lnTo>
                <a:lnTo>
                  <a:pt x="5913" y="2267"/>
                </a:lnTo>
                <a:lnTo>
                  <a:pt x="5931" y="2281"/>
                </a:lnTo>
                <a:lnTo>
                  <a:pt x="5950" y="2293"/>
                </a:lnTo>
                <a:lnTo>
                  <a:pt x="5970" y="2304"/>
                </a:lnTo>
                <a:lnTo>
                  <a:pt x="5991" y="2314"/>
                </a:lnTo>
                <a:lnTo>
                  <a:pt x="6012" y="2323"/>
                </a:lnTo>
                <a:lnTo>
                  <a:pt x="6034" y="2332"/>
                </a:lnTo>
                <a:lnTo>
                  <a:pt x="6057" y="2340"/>
                </a:lnTo>
                <a:lnTo>
                  <a:pt x="6080" y="2348"/>
                </a:lnTo>
                <a:lnTo>
                  <a:pt x="6104" y="2354"/>
                </a:lnTo>
                <a:lnTo>
                  <a:pt x="6128" y="2360"/>
                </a:lnTo>
                <a:lnTo>
                  <a:pt x="6153" y="2364"/>
                </a:lnTo>
                <a:lnTo>
                  <a:pt x="6179" y="2367"/>
                </a:lnTo>
                <a:lnTo>
                  <a:pt x="6205" y="2371"/>
                </a:lnTo>
                <a:lnTo>
                  <a:pt x="6232" y="2373"/>
                </a:lnTo>
                <a:lnTo>
                  <a:pt x="6258" y="2374"/>
                </a:lnTo>
                <a:lnTo>
                  <a:pt x="6285" y="2374"/>
                </a:lnTo>
                <a:lnTo>
                  <a:pt x="6313" y="2374"/>
                </a:lnTo>
                <a:lnTo>
                  <a:pt x="6340" y="2373"/>
                </a:lnTo>
                <a:lnTo>
                  <a:pt x="6367" y="2371"/>
                </a:lnTo>
                <a:lnTo>
                  <a:pt x="6393" y="2367"/>
                </a:lnTo>
                <a:lnTo>
                  <a:pt x="6419" y="2364"/>
                </a:lnTo>
                <a:lnTo>
                  <a:pt x="6444" y="2360"/>
                </a:lnTo>
                <a:lnTo>
                  <a:pt x="6468" y="2354"/>
                </a:lnTo>
                <a:lnTo>
                  <a:pt x="6492" y="2348"/>
                </a:lnTo>
                <a:lnTo>
                  <a:pt x="6515" y="2340"/>
                </a:lnTo>
                <a:lnTo>
                  <a:pt x="6538" y="2332"/>
                </a:lnTo>
                <a:lnTo>
                  <a:pt x="6560" y="2323"/>
                </a:lnTo>
                <a:lnTo>
                  <a:pt x="6581" y="2314"/>
                </a:lnTo>
                <a:lnTo>
                  <a:pt x="6602" y="2304"/>
                </a:lnTo>
                <a:lnTo>
                  <a:pt x="6622" y="2293"/>
                </a:lnTo>
                <a:lnTo>
                  <a:pt x="6641" y="2281"/>
                </a:lnTo>
                <a:lnTo>
                  <a:pt x="6659" y="2267"/>
                </a:lnTo>
                <a:lnTo>
                  <a:pt x="6676" y="2253"/>
                </a:lnTo>
                <a:lnTo>
                  <a:pt x="6692" y="2239"/>
                </a:lnTo>
                <a:lnTo>
                  <a:pt x="6708" y="2224"/>
                </a:lnTo>
                <a:lnTo>
                  <a:pt x="6722" y="2207"/>
                </a:lnTo>
                <a:lnTo>
                  <a:pt x="6735" y="2189"/>
                </a:lnTo>
                <a:lnTo>
                  <a:pt x="6749" y="2172"/>
                </a:lnTo>
                <a:lnTo>
                  <a:pt x="6760" y="2153"/>
                </a:lnTo>
                <a:lnTo>
                  <a:pt x="6771" y="2133"/>
                </a:lnTo>
                <a:lnTo>
                  <a:pt x="6779" y="2113"/>
                </a:lnTo>
                <a:lnTo>
                  <a:pt x="6787" y="2092"/>
                </a:lnTo>
                <a:lnTo>
                  <a:pt x="6795" y="2070"/>
                </a:lnTo>
                <a:lnTo>
                  <a:pt x="6800" y="2047"/>
                </a:lnTo>
                <a:lnTo>
                  <a:pt x="6805" y="2023"/>
                </a:lnTo>
                <a:lnTo>
                  <a:pt x="6808" y="1998"/>
                </a:lnTo>
                <a:lnTo>
                  <a:pt x="6810" y="1972"/>
                </a:lnTo>
                <a:lnTo>
                  <a:pt x="6811" y="1946"/>
                </a:lnTo>
                <a:close/>
                <a:moveTo>
                  <a:pt x="4837" y="2049"/>
                </a:moveTo>
                <a:lnTo>
                  <a:pt x="4572" y="1310"/>
                </a:lnTo>
                <a:lnTo>
                  <a:pt x="4083" y="1310"/>
                </a:lnTo>
                <a:lnTo>
                  <a:pt x="4083" y="2349"/>
                </a:lnTo>
                <a:lnTo>
                  <a:pt x="4378" y="2349"/>
                </a:lnTo>
                <a:lnTo>
                  <a:pt x="4378" y="1526"/>
                </a:lnTo>
                <a:lnTo>
                  <a:pt x="4396" y="1526"/>
                </a:lnTo>
                <a:lnTo>
                  <a:pt x="4698" y="2349"/>
                </a:lnTo>
                <a:lnTo>
                  <a:pt x="4975" y="2349"/>
                </a:lnTo>
                <a:lnTo>
                  <a:pt x="5278" y="1526"/>
                </a:lnTo>
                <a:lnTo>
                  <a:pt x="5295" y="1526"/>
                </a:lnTo>
                <a:lnTo>
                  <a:pt x="5295" y="2349"/>
                </a:lnTo>
                <a:lnTo>
                  <a:pt x="5592" y="2349"/>
                </a:lnTo>
                <a:lnTo>
                  <a:pt x="5592" y="1310"/>
                </a:lnTo>
                <a:lnTo>
                  <a:pt x="5105" y="1310"/>
                </a:lnTo>
                <a:lnTo>
                  <a:pt x="4837" y="2049"/>
                </a:lnTo>
                <a:close/>
                <a:moveTo>
                  <a:pt x="10405" y="1528"/>
                </a:moveTo>
                <a:lnTo>
                  <a:pt x="10384" y="1528"/>
                </a:lnTo>
                <a:lnTo>
                  <a:pt x="10362" y="1531"/>
                </a:lnTo>
                <a:lnTo>
                  <a:pt x="10341" y="1533"/>
                </a:lnTo>
                <a:lnTo>
                  <a:pt x="10320" y="1536"/>
                </a:lnTo>
                <a:lnTo>
                  <a:pt x="10299" y="1539"/>
                </a:lnTo>
                <a:lnTo>
                  <a:pt x="10280" y="1545"/>
                </a:lnTo>
                <a:lnTo>
                  <a:pt x="10260" y="1550"/>
                </a:lnTo>
                <a:lnTo>
                  <a:pt x="10241" y="1557"/>
                </a:lnTo>
                <a:lnTo>
                  <a:pt x="10222" y="1564"/>
                </a:lnTo>
                <a:lnTo>
                  <a:pt x="10205" y="1571"/>
                </a:lnTo>
                <a:lnTo>
                  <a:pt x="10187" y="1580"/>
                </a:lnTo>
                <a:lnTo>
                  <a:pt x="10171" y="1589"/>
                </a:lnTo>
                <a:lnTo>
                  <a:pt x="10155" y="1598"/>
                </a:lnTo>
                <a:lnTo>
                  <a:pt x="10141" y="1608"/>
                </a:lnTo>
                <a:lnTo>
                  <a:pt x="10128" y="1617"/>
                </a:lnTo>
                <a:lnTo>
                  <a:pt x="10116" y="1628"/>
                </a:lnTo>
                <a:lnTo>
                  <a:pt x="10112" y="1628"/>
                </a:lnTo>
                <a:lnTo>
                  <a:pt x="10112" y="1545"/>
                </a:lnTo>
                <a:lnTo>
                  <a:pt x="9858" y="1545"/>
                </a:lnTo>
                <a:lnTo>
                  <a:pt x="9858" y="2349"/>
                </a:lnTo>
                <a:lnTo>
                  <a:pt x="10116" y="2349"/>
                </a:lnTo>
                <a:lnTo>
                  <a:pt x="10116" y="1799"/>
                </a:lnTo>
                <a:lnTo>
                  <a:pt x="10128" y="1786"/>
                </a:lnTo>
                <a:lnTo>
                  <a:pt x="10139" y="1774"/>
                </a:lnTo>
                <a:lnTo>
                  <a:pt x="10152" y="1765"/>
                </a:lnTo>
                <a:lnTo>
                  <a:pt x="10164" y="1755"/>
                </a:lnTo>
                <a:lnTo>
                  <a:pt x="10177" y="1746"/>
                </a:lnTo>
                <a:lnTo>
                  <a:pt x="10190" y="1738"/>
                </a:lnTo>
                <a:lnTo>
                  <a:pt x="10204" y="1732"/>
                </a:lnTo>
                <a:lnTo>
                  <a:pt x="10218" y="1725"/>
                </a:lnTo>
                <a:lnTo>
                  <a:pt x="10231" y="1721"/>
                </a:lnTo>
                <a:lnTo>
                  <a:pt x="10245" y="1716"/>
                </a:lnTo>
                <a:lnTo>
                  <a:pt x="10259" y="1712"/>
                </a:lnTo>
                <a:lnTo>
                  <a:pt x="10273" y="1710"/>
                </a:lnTo>
                <a:lnTo>
                  <a:pt x="10286" y="1707"/>
                </a:lnTo>
                <a:lnTo>
                  <a:pt x="10300" y="1705"/>
                </a:lnTo>
                <a:lnTo>
                  <a:pt x="10314" y="1704"/>
                </a:lnTo>
                <a:lnTo>
                  <a:pt x="10326" y="1704"/>
                </a:lnTo>
                <a:lnTo>
                  <a:pt x="10343" y="1704"/>
                </a:lnTo>
                <a:lnTo>
                  <a:pt x="10359" y="1705"/>
                </a:lnTo>
                <a:lnTo>
                  <a:pt x="10373" y="1707"/>
                </a:lnTo>
                <a:lnTo>
                  <a:pt x="10387" y="1710"/>
                </a:lnTo>
                <a:lnTo>
                  <a:pt x="10399" y="1713"/>
                </a:lnTo>
                <a:lnTo>
                  <a:pt x="10412" y="1716"/>
                </a:lnTo>
                <a:lnTo>
                  <a:pt x="10423" y="1721"/>
                </a:lnTo>
                <a:lnTo>
                  <a:pt x="10432" y="1725"/>
                </a:lnTo>
                <a:lnTo>
                  <a:pt x="10442" y="1730"/>
                </a:lnTo>
                <a:lnTo>
                  <a:pt x="10451" y="1736"/>
                </a:lnTo>
                <a:lnTo>
                  <a:pt x="10459" y="1743"/>
                </a:lnTo>
                <a:lnTo>
                  <a:pt x="10467" y="1749"/>
                </a:lnTo>
                <a:lnTo>
                  <a:pt x="10472" y="1757"/>
                </a:lnTo>
                <a:lnTo>
                  <a:pt x="10479" y="1765"/>
                </a:lnTo>
                <a:lnTo>
                  <a:pt x="10484" y="1773"/>
                </a:lnTo>
                <a:lnTo>
                  <a:pt x="10489" y="1782"/>
                </a:lnTo>
                <a:lnTo>
                  <a:pt x="10493" y="1792"/>
                </a:lnTo>
                <a:lnTo>
                  <a:pt x="10496" y="1802"/>
                </a:lnTo>
                <a:lnTo>
                  <a:pt x="10500" y="1812"/>
                </a:lnTo>
                <a:lnTo>
                  <a:pt x="10503" y="1822"/>
                </a:lnTo>
                <a:lnTo>
                  <a:pt x="10506" y="1845"/>
                </a:lnTo>
                <a:lnTo>
                  <a:pt x="10509" y="1868"/>
                </a:lnTo>
                <a:lnTo>
                  <a:pt x="10512" y="1893"/>
                </a:lnTo>
                <a:lnTo>
                  <a:pt x="10513" y="1919"/>
                </a:lnTo>
                <a:lnTo>
                  <a:pt x="10513" y="1947"/>
                </a:lnTo>
                <a:lnTo>
                  <a:pt x="10513" y="1975"/>
                </a:lnTo>
                <a:lnTo>
                  <a:pt x="10513" y="2349"/>
                </a:lnTo>
                <a:lnTo>
                  <a:pt x="10770" y="2349"/>
                </a:lnTo>
                <a:lnTo>
                  <a:pt x="10770" y="1891"/>
                </a:lnTo>
                <a:lnTo>
                  <a:pt x="10770" y="1858"/>
                </a:lnTo>
                <a:lnTo>
                  <a:pt x="10768" y="1825"/>
                </a:lnTo>
                <a:lnTo>
                  <a:pt x="10764" y="1792"/>
                </a:lnTo>
                <a:lnTo>
                  <a:pt x="10758" y="1760"/>
                </a:lnTo>
                <a:lnTo>
                  <a:pt x="10755" y="1744"/>
                </a:lnTo>
                <a:lnTo>
                  <a:pt x="10750" y="1728"/>
                </a:lnTo>
                <a:lnTo>
                  <a:pt x="10745" y="1713"/>
                </a:lnTo>
                <a:lnTo>
                  <a:pt x="10739" y="1699"/>
                </a:lnTo>
                <a:lnTo>
                  <a:pt x="10733" y="1684"/>
                </a:lnTo>
                <a:lnTo>
                  <a:pt x="10725" y="1670"/>
                </a:lnTo>
                <a:lnTo>
                  <a:pt x="10716" y="1657"/>
                </a:lnTo>
                <a:lnTo>
                  <a:pt x="10707" y="1644"/>
                </a:lnTo>
                <a:lnTo>
                  <a:pt x="10698" y="1631"/>
                </a:lnTo>
                <a:lnTo>
                  <a:pt x="10687" y="1618"/>
                </a:lnTo>
                <a:lnTo>
                  <a:pt x="10674" y="1608"/>
                </a:lnTo>
                <a:lnTo>
                  <a:pt x="10661" y="1597"/>
                </a:lnTo>
                <a:lnTo>
                  <a:pt x="10647" y="1587"/>
                </a:lnTo>
                <a:lnTo>
                  <a:pt x="10632" y="1577"/>
                </a:lnTo>
                <a:lnTo>
                  <a:pt x="10615" y="1568"/>
                </a:lnTo>
                <a:lnTo>
                  <a:pt x="10597" y="1560"/>
                </a:lnTo>
                <a:lnTo>
                  <a:pt x="10578" y="1553"/>
                </a:lnTo>
                <a:lnTo>
                  <a:pt x="10558" y="1547"/>
                </a:lnTo>
                <a:lnTo>
                  <a:pt x="10536" y="1542"/>
                </a:lnTo>
                <a:lnTo>
                  <a:pt x="10513" y="1537"/>
                </a:lnTo>
                <a:lnTo>
                  <a:pt x="10489" y="1533"/>
                </a:lnTo>
                <a:lnTo>
                  <a:pt x="10462" y="1531"/>
                </a:lnTo>
                <a:lnTo>
                  <a:pt x="10435" y="1528"/>
                </a:lnTo>
                <a:lnTo>
                  <a:pt x="10405" y="1528"/>
                </a:lnTo>
                <a:close/>
                <a:moveTo>
                  <a:pt x="3346" y="1310"/>
                </a:moveTo>
                <a:lnTo>
                  <a:pt x="2841" y="1310"/>
                </a:lnTo>
                <a:lnTo>
                  <a:pt x="2841" y="2349"/>
                </a:lnTo>
                <a:lnTo>
                  <a:pt x="3148" y="2349"/>
                </a:lnTo>
                <a:lnTo>
                  <a:pt x="3148" y="1981"/>
                </a:lnTo>
                <a:lnTo>
                  <a:pt x="3411" y="1981"/>
                </a:lnTo>
                <a:lnTo>
                  <a:pt x="3439" y="1981"/>
                </a:lnTo>
                <a:lnTo>
                  <a:pt x="3466" y="1979"/>
                </a:lnTo>
                <a:lnTo>
                  <a:pt x="3493" y="1978"/>
                </a:lnTo>
                <a:lnTo>
                  <a:pt x="3518" y="1974"/>
                </a:lnTo>
                <a:lnTo>
                  <a:pt x="3543" y="1971"/>
                </a:lnTo>
                <a:lnTo>
                  <a:pt x="3567" y="1965"/>
                </a:lnTo>
                <a:lnTo>
                  <a:pt x="3590" y="1961"/>
                </a:lnTo>
                <a:lnTo>
                  <a:pt x="3614" y="1954"/>
                </a:lnTo>
                <a:lnTo>
                  <a:pt x="3636" y="1948"/>
                </a:lnTo>
                <a:lnTo>
                  <a:pt x="3656" y="1941"/>
                </a:lnTo>
                <a:lnTo>
                  <a:pt x="3677" y="1933"/>
                </a:lnTo>
                <a:lnTo>
                  <a:pt x="3696" y="1924"/>
                </a:lnTo>
                <a:lnTo>
                  <a:pt x="3715" y="1915"/>
                </a:lnTo>
                <a:lnTo>
                  <a:pt x="3732" y="1905"/>
                </a:lnTo>
                <a:lnTo>
                  <a:pt x="3750" y="1894"/>
                </a:lnTo>
                <a:lnTo>
                  <a:pt x="3765" y="1883"/>
                </a:lnTo>
                <a:lnTo>
                  <a:pt x="3781" y="1872"/>
                </a:lnTo>
                <a:lnTo>
                  <a:pt x="3795" y="1859"/>
                </a:lnTo>
                <a:lnTo>
                  <a:pt x="3808" y="1847"/>
                </a:lnTo>
                <a:lnTo>
                  <a:pt x="3820" y="1834"/>
                </a:lnTo>
                <a:lnTo>
                  <a:pt x="3832" y="1819"/>
                </a:lnTo>
                <a:lnTo>
                  <a:pt x="3842" y="1805"/>
                </a:lnTo>
                <a:lnTo>
                  <a:pt x="3852" y="1791"/>
                </a:lnTo>
                <a:lnTo>
                  <a:pt x="3861" y="1776"/>
                </a:lnTo>
                <a:lnTo>
                  <a:pt x="3869" y="1760"/>
                </a:lnTo>
                <a:lnTo>
                  <a:pt x="3875" y="1744"/>
                </a:lnTo>
                <a:lnTo>
                  <a:pt x="3881" y="1727"/>
                </a:lnTo>
                <a:lnTo>
                  <a:pt x="3885" y="1711"/>
                </a:lnTo>
                <a:lnTo>
                  <a:pt x="3889" y="1694"/>
                </a:lnTo>
                <a:lnTo>
                  <a:pt x="3892" y="1677"/>
                </a:lnTo>
                <a:lnTo>
                  <a:pt x="3893" y="1659"/>
                </a:lnTo>
                <a:lnTo>
                  <a:pt x="3894" y="1640"/>
                </a:lnTo>
                <a:lnTo>
                  <a:pt x="3893" y="1621"/>
                </a:lnTo>
                <a:lnTo>
                  <a:pt x="3892" y="1602"/>
                </a:lnTo>
                <a:lnTo>
                  <a:pt x="3890" y="1583"/>
                </a:lnTo>
                <a:lnTo>
                  <a:pt x="3886" y="1565"/>
                </a:lnTo>
                <a:lnTo>
                  <a:pt x="3882" y="1548"/>
                </a:lnTo>
                <a:lnTo>
                  <a:pt x="3876" y="1531"/>
                </a:lnTo>
                <a:lnTo>
                  <a:pt x="3870" y="1514"/>
                </a:lnTo>
                <a:lnTo>
                  <a:pt x="3863" y="1499"/>
                </a:lnTo>
                <a:lnTo>
                  <a:pt x="3854" y="1483"/>
                </a:lnTo>
                <a:lnTo>
                  <a:pt x="3845" y="1469"/>
                </a:lnTo>
                <a:lnTo>
                  <a:pt x="3835" y="1455"/>
                </a:lnTo>
                <a:lnTo>
                  <a:pt x="3823" y="1442"/>
                </a:lnTo>
                <a:lnTo>
                  <a:pt x="3810" y="1430"/>
                </a:lnTo>
                <a:lnTo>
                  <a:pt x="3796" y="1418"/>
                </a:lnTo>
                <a:lnTo>
                  <a:pt x="3782" y="1407"/>
                </a:lnTo>
                <a:lnTo>
                  <a:pt x="3765" y="1396"/>
                </a:lnTo>
                <a:lnTo>
                  <a:pt x="3749" y="1385"/>
                </a:lnTo>
                <a:lnTo>
                  <a:pt x="3730" y="1376"/>
                </a:lnTo>
                <a:lnTo>
                  <a:pt x="3710" y="1367"/>
                </a:lnTo>
                <a:lnTo>
                  <a:pt x="3691" y="1358"/>
                </a:lnTo>
                <a:lnTo>
                  <a:pt x="3669" y="1351"/>
                </a:lnTo>
                <a:lnTo>
                  <a:pt x="3645" y="1344"/>
                </a:lnTo>
                <a:lnTo>
                  <a:pt x="3621" y="1337"/>
                </a:lnTo>
                <a:lnTo>
                  <a:pt x="3596" y="1332"/>
                </a:lnTo>
                <a:lnTo>
                  <a:pt x="3568" y="1326"/>
                </a:lnTo>
                <a:lnTo>
                  <a:pt x="3541" y="1322"/>
                </a:lnTo>
                <a:lnTo>
                  <a:pt x="3511" y="1319"/>
                </a:lnTo>
                <a:lnTo>
                  <a:pt x="3482" y="1315"/>
                </a:lnTo>
                <a:lnTo>
                  <a:pt x="3450" y="1313"/>
                </a:lnTo>
                <a:lnTo>
                  <a:pt x="3417" y="1312"/>
                </a:lnTo>
                <a:lnTo>
                  <a:pt x="3381" y="1311"/>
                </a:lnTo>
                <a:lnTo>
                  <a:pt x="3346" y="1310"/>
                </a:lnTo>
                <a:close/>
                <a:moveTo>
                  <a:pt x="0" y="1207"/>
                </a:moveTo>
                <a:lnTo>
                  <a:pt x="519" y="1207"/>
                </a:lnTo>
                <a:lnTo>
                  <a:pt x="519" y="0"/>
                </a:lnTo>
                <a:lnTo>
                  <a:pt x="0" y="518"/>
                </a:lnTo>
                <a:lnTo>
                  <a:pt x="0" y="1207"/>
                </a:lnTo>
                <a:close/>
                <a:moveTo>
                  <a:pt x="1208" y="1829"/>
                </a:moveTo>
                <a:lnTo>
                  <a:pt x="1208" y="1311"/>
                </a:lnTo>
                <a:lnTo>
                  <a:pt x="0" y="1311"/>
                </a:lnTo>
                <a:lnTo>
                  <a:pt x="519" y="1829"/>
                </a:lnTo>
                <a:lnTo>
                  <a:pt x="1208" y="1829"/>
                </a:lnTo>
                <a:close/>
                <a:moveTo>
                  <a:pt x="624" y="0"/>
                </a:moveTo>
                <a:lnTo>
                  <a:pt x="624" y="518"/>
                </a:lnTo>
                <a:lnTo>
                  <a:pt x="1833" y="518"/>
                </a:lnTo>
                <a:lnTo>
                  <a:pt x="1313" y="0"/>
                </a:lnTo>
                <a:lnTo>
                  <a:pt x="624" y="0"/>
                </a:lnTo>
                <a:close/>
              </a:path>
            </a:pathLst>
          </a:custGeom>
          <a:solidFill>
            <a:schemeClr val="bg2"/>
          </a:solidFill>
          <a:ln w="9525" cap="flat" cmpd="sng">
            <a:noFill/>
            <a:prstDash val="solid"/>
            <a:round/>
            <a:headEnd type="none" w="med" len="med"/>
            <a:tailEnd type="none" w="med" len="med"/>
          </a:ln>
          <a:effectLst/>
        </p:spPr>
        <p:txBody>
          <a:bodyPr/>
          <a:lstStyle/>
          <a:p>
            <a:pPr>
              <a:defRPr/>
            </a:pPr>
            <a:endParaRPr lang="en-US"/>
          </a:p>
        </p:txBody>
      </p:sp>
      <p:sp>
        <p:nvSpPr>
          <p:cNvPr id="19" name="Line 98"/>
          <p:cNvSpPr>
            <a:spLocks noChangeShapeType="1"/>
          </p:cNvSpPr>
          <p:nvPr>
            <p:custDataLst>
              <p:tags r:id="rId12"/>
            </p:custDataLst>
          </p:nvPr>
        </p:nvSpPr>
        <p:spPr bwMode="gray">
          <a:xfrm>
            <a:off x="1023938" y="1225550"/>
            <a:ext cx="0" cy="5970588"/>
          </a:xfrm>
          <a:prstGeom prst="line">
            <a:avLst/>
          </a:prstGeom>
          <a:noFill/>
          <a:ln w="4445">
            <a:solidFill>
              <a:srgbClr val="264E84"/>
            </a:solidFill>
            <a:round/>
            <a:headEnd/>
            <a:tailEnd/>
          </a:ln>
          <a:effectLst/>
        </p:spPr>
        <p:txBody>
          <a:bodyPr wrap="none" lIns="45720" rIns="45720" anchor="ctr"/>
          <a:lstStyle/>
          <a:p>
            <a:pPr>
              <a:defRPr/>
            </a:pPr>
            <a:endParaRPr lang="en-US"/>
          </a:p>
        </p:txBody>
      </p:sp>
      <p:sp>
        <p:nvSpPr>
          <p:cNvPr id="17416" name="Rectangle 8"/>
          <p:cNvSpPr>
            <a:spLocks noGrp="1" noChangeArrowheads="1"/>
          </p:cNvSpPr>
          <p:nvPr>
            <p:ph type="ctrTitle"/>
          </p:nvPr>
        </p:nvSpPr>
        <p:spPr bwMode="gray">
          <a:xfrm>
            <a:off x="2814638" y="1598613"/>
            <a:ext cx="5108575" cy="228600"/>
          </a:xfrm>
          <a:solidFill>
            <a:schemeClr val="bg2"/>
          </a:solidFill>
        </p:spPr>
        <p:txBody>
          <a:bodyPr lIns="228587" rIns="2057280" anchor="ctr"/>
          <a:lstStyle>
            <a:lvl1pPr marL="11113" defTabSz="1135063">
              <a:lnSpc>
                <a:spcPts val="1500"/>
              </a:lnSpc>
              <a:defRPr sz="1400">
                <a:solidFill>
                  <a:schemeClr val="bg1"/>
                </a:solidFill>
              </a:defRPr>
            </a:lvl1pPr>
          </a:lstStyle>
          <a:p>
            <a:r>
              <a:rPr lang="en-GB"/>
              <a:t>Click to edit Master title style</a:t>
            </a:r>
          </a:p>
        </p:txBody>
      </p:sp>
      <p:sp>
        <p:nvSpPr>
          <p:cNvPr id="17417" name="Rectangle 9"/>
          <p:cNvSpPr>
            <a:spLocks noGrp="1" noChangeArrowheads="1"/>
          </p:cNvSpPr>
          <p:nvPr>
            <p:ph type="subTitle" idx="1"/>
          </p:nvPr>
        </p:nvSpPr>
        <p:spPr>
          <a:xfrm>
            <a:off x="2814638" y="1873250"/>
            <a:ext cx="5108575" cy="192088"/>
          </a:xfrm>
        </p:spPr>
        <p:txBody>
          <a:bodyPr lIns="228587" tIns="0" rIns="91436" bIns="0"/>
          <a:lstStyle>
            <a:lvl1pPr>
              <a:spcBef>
                <a:spcPts val="450"/>
              </a:spcBef>
              <a:buClrTx/>
              <a:buSzTx/>
              <a:buFontTx/>
              <a:buNone/>
              <a:defRPr/>
            </a:lvl1pPr>
          </a:lstStyle>
          <a:p>
            <a:r>
              <a:rPr lang="en-GB"/>
              <a:t>Click to edit Master subtitle style</a:t>
            </a:r>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58"/>
          <p:cNvSpPr>
            <a:spLocks noGrp="1" noChangeArrowheads="1"/>
          </p:cNvSpPr>
          <p:nvPr>
            <p:ph type="sldNum" sz="quarter" idx="10"/>
          </p:nvPr>
        </p:nvSpPr>
        <p:spPr>
          <a:ln/>
        </p:spPr>
        <p:txBody>
          <a:bodyPr/>
          <a:lstStyle>
            <a:lvl1pPr>
              <a:defRPr/>
            </a:lvl1pPr>
          </a:lstStyle>
          <a:p>
            <a:pPr>
              <a:defRPr/>
            </a:pPr>
            <a:fld id="{BC02F803-4266-42A2-B31A-3AEAF6E5050B}" type="slidenum">
              <a:rPr lang="en-US"/>
              <a:pPr>
                <a:defRPr/>
              </a:pPr>
              <a:t>‹#›</a:t>
            </a:fld>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454900" y="455613"/>
            <a:ext cx="2146300" cy="5638800"/>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1014413" y="455613"/>
            <a:ext cx="6288087" cy="5638800"/>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58"/>
          <p:cNvSpPr>
            <a:spLocks noGrp="1" noChangeArrowheads="1"/>
          </p:cNvSpPr>
          <p:nvPr>
            <p:ph type="sldNum" sz="quarter" idx="10"/>
          </p:nvPr>
        </p:nvSpPr>
        <p:spPr>
          <a:ln/>
        </p:spPr>
        <p:txBody>
          <a:bodyPr/>
          <a:lstStyle>
            <a:lvl1pPr>
              <a:defRPr/>
            </a:lvl1pPr>
          </a:lstStyle>
          <a:p>
            <a:pPr>
              <a:defRPr/>
            </a:pPr>
            <a:fld id="{8B3EFAAB-B132-49AC-817D-43D3FBB13A3E}" type="slidenum">
              <a:rPr lang="en-US"/>
              <a:pPr>
                <a:defRPr/>
              </a:pPr>
              <a:t>‹#›</a:t>
            </a:fld>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txAndObj" preserve="1">
  <p:cSld name="Title, Text,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1014413" y="455613"/>
            <a:ext cx="7313612" cy="630237"/>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2435225" y="1295400"/>
            <a:ext cx="3506788" cy="479901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6094413" y="1295400"/>
            <a:ext cx="3506787" cy="479901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Rectangle 58"/>
          <p:cNvSpPr>
            <a:spLocks noGrp="1" noChangeArrowheads="1"/>
          </p:cNvSpPr>
          <p:nvPr>
            <p:ph type="sldNum" sz="quarter" idx="10"/>
          </p:nvPr>
        </p:nvSpPr>
        <p:spPr>
          <a:ln/>
        </p:spPr>
        <p:txBody>
          <a:bodyPr/>
          <a:lstStyle>
            <a:lvl1pPr>
              <a:defRPr/>
            </a:lvl1pPr>
          </a:lstStyle>
          <a:p>
            <a:pPr>
              <a:defRPr/>
            </a:pPr>
            <a:fld id="{12DA84F6-56BF-4DE3-96B8-06242B5392FE}" type="slidenum">
              <a:rPr lang="en-US"/>
              <a:pPr>
                <a:defRPr/>
              </a:pPr>
              <a:t>‹#›</a:t>
            </a:fld>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58"/>
          <p:cNvSpPr>
            <a:spLocks noGrp="1" noChangeArrowheads="1"/>
          </p:cNvSpPr>
          <p:nvPr>
            <p:ph type="sldNum" sz="quarter" idx="10"/>
          </p:nvPr>
        </p:nvSpPr>
        <p:spPr>
          <a:ln/>
        </p:spPr>
        <p:txBody>
          <a:bodyPr/>
          <a:lstStyle>
            <a:lvl1pPr>
              <a:defRPr/>
            </a:lvl1pPr>
          </a:lstStyle>
          <a:p>
            <a:pPr>
              <a:defRPr/>
            </a:pPr>
            <a:fld id="{EC39BDAA-93BA-42CF-A48A-29D4D408F3EC}" type="slidenum">
              <a:rPr lang="en-US"/>
              <a:pPr>
                <a:defRPr/>
              </a:pPr>
              <a:t>‹#›</a:t>
            </a:fld>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844550" y="4859338"/>
            <a:ext cx="9085263" cy="15017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844550" y="3205163"/>
            <a:ext cx="9085263" cy="1654175"/>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
        <p:nvSpPr>
          <p:cNvPr id="4" name="Rectangle 58"/>
          <p:cNvSpPr>
            <a:spLocks noGrp="1" noChangeArrowheads="1"/>
          </p:cNvSpPr>
          <p:nvPr>
            <p:ph type="sldNum" sz="quarter" idx="10"/>
          </p:nvPr>
        </p:nvSpPr>
        <p:spPr>
          <a:ln/>
        </p:spPr>
        <p:txBody>
          <a:bodyPr/>
          <a:lstStyle>
            <a:lvl1pPr>
              <a:defRPr/>
            </a:lvl1pPr>
          </a:lstStyle>
          <a:p>
            <a:pPr>
              <a:defRPr/>
            </a:pPr>
            <a:fld id="{4C3BF916-EAD4-419B-A3CD-659A9CAD8B55}" type="slidenum">
              <a:rPr lang="en-US"/>
              <a:pPr>
                <a:defRPr/>
              </a:pPr>
              <a:t>‹#›</a:t>
            </a:fld>
            <a:endParaRPr lang="en-US"/>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435225" y="1295400"/>
            <a:ext cx="3506788" cy="479901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6094413" y="1295400"/>
            <a:ext cx="3506787" cy="479901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Rectangle 58"/>
          <p:cNvSpPr>
            <a:spLocks noGrp="1" noChangeArrowheads="1"/>
          </p:cNvSpPr>
          <p:nvPr>
            <p:ph type="sldNum" sz="quarter" idx="10"/>
          </p:nvPr>
        </p:nvSpPr>
        <p:spPr>
          <a:ln/>
        </p:spPr>
        <p:txBody>
          <a:bodyPr/>
          <a:lstStyle>
            <a:lvl1pPr>
              <a:defRPr/>
            </a:lvl1pPr>
          </a:lstStyle>
          <a:p>
            <a:pPr>
              <a:defRPr/>
            </a:pPr>
            <a:fld id="{D59D8164-EB5D-47E1-B038-6CD8DA04EFCD}" type="slidenum">
              <a:rPr lang="en-US"/>
              <a:pPr>
                <a:defRPr/>
              </a:pPr>
              <a:t>‹#›</a:t>
            </a:fld>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34988" y="303213"/>
            <a:ext cx="9618662" cy="1260475"/>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34988" y="1692275"/>
            <a:ext cx="4722812" cy="70643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34988" y="2398713"/>
            <a:ext cx="4722812" cy="435768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429250" y="1692275"/>
            <a:ext cx="4724400" cy="70643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429250" y="2398713"/>
            <a:ext cx="4724400" cy="435768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Rectangle 58"/>
          <p:cNvSpPr>
            <a:spLocks noGrp="1" noChangeArrowheads="1"/>
          </p:cNvSpPr>
          <p:nvPr>
            <p:ph type="sldNum" sz="quarter" idx="10"/>
          </p:nvPr>
        </p:nvSpPr>
        <p:spPr>
          <a:ln/>
        </p:spPr>
        <p:txBody>
          <a:bodyPr/>
          <a:lstStyle>
            <a:lvl1pPr>
              <a:defRPr/>
            </a:lvl1pPr>
          </a:lstStyle>
          <a:p>
            <a:pPr>
              <a:defRPr/>
            </a:pPr>
            <a:fld id="{A664F681-6F39-49EA-AF51-167047E5E03B}" type="slidenum">
              <a:rPr lang="en-US"/>
              <a:pPr>
                <a:defRPr/>
              </a:pPr>
              <a:t>‹#›</a:t>
            </a:fld>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Rectangle 58"/>
          <p:cNvSpPr>
            <a:spLocks noGrp="1" noChangeArrowheads="1"/>
          </p:cNvSpPr>
          <p:nvPr>
            <p:ph type="sldNum" sz="quarter" idx="10"/>
          </p:nvPr>
        </p:nvSpPr>
        <p:spPr>
          <a:ln/>
        </p:spPr>
        <p:txBody>
          <a:bodyPr/>
          <a:lstStyle>
            <a:lvl1pPr>
              <a:defRPr/>
            </a:lvl1pPr>
          </a:lstStyle>
          <a:p>
            <a:pPr>
              <a:defRPr/>
            </a:pPr>
            <a:fld id="{899EC3B4-055C-43B2-B0AD-654E845762F4}" type="slidenum">
              <a:rPr lang="en-US"/>
              <a:pPr>
                <a:defRPr/>
              </a:pPr>
              <a:t>‹#›</a:t>
            </a:fld>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blank" preserve="1">
  <p:cSld name="Blank">
    <p:spTree>
      <p:nvGrpSpPr>
        <p:cNvPr id="1" name=""/>
        <p:cNvGrpSpPr/>
        <p:nvPr/>
      </p:nvGrpSpPr>
      <p:grpSpPr>
        <a:xfrm>
          <a:off x="0" y="0"/>
          <a:ext cx="0" cy="0"/>
          <a:chOff x="0" y="0"/>
          <a:chExt cx="0" cy="0"/>
        </a:xfrm>
      </p:grpSpPr>
      <p:sp>
        <p:nvSpPr>
          <p:cNvPr id="2" name="Rectangle 58"/>
          <p:cNvSpPr>
            <a:spLocks noGrp="1" noChangeArrowheads="1"/>
          </p:cNvSpPr>
          <p:nvPr>
            <p:ph type="sldNum" sz="quarter" idx="10"/>
          </p:nvPr>
        </p:nvSpPr>
        <p:spPr>
          <a:ln/>
        </p:spPr>
        <p:txBody>
          <a:bodyPr/>
          <a:lstStyle>
            <a:lvl1pPr>
              <a:defRPr/>
            </a:lvl1pPr>
          </a:lstStyle>
          <a:p>
            <a:pPr>
              <a:defRPr/>
            </a:pPr>
            <a:fld id="{0F586AB3-03A7-4F8D-8F0D-6CF4ED1BC7E6}" type="slidenum">
              <a:rPr lang="en-US"/>
              <a:pPr>
                <a:defRPr/>
              </a:pPr>
              <a:t>‹#›</a:t>
            </a:fld>
            <a:endParaRPr lang="en-US"/>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34988" y="301625"/>
            <a:ext cx="3516312" cy="1281113"/>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4178300" y="301625"/>
            <a:ext cx="5975350" cy="645477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34988" y="1582738"/>
            <a:ext cx="3516312" cy="51736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Rectangle 58"/>
          <p:cNvSpPr>
            <a:spLocks noGrp="1" noChangeArrowheads="1"/>
          </p:cNvSpPr>
          <p:nvPr>
            <p:ph type="sldNum" sz="quarter" idx="10"/>
          </p:nvPr>
        </p:nvSpPr>
        <p:spPr>
          <a:ln/>
        </p:spPr>
        <p:txBody>
          <a:bodyPr/>
          <a:lstStyle>
            <a:lvl1pPr>
              <a:defRPr/>
            </a:lvl1pPr>
          </a:lstStyle>
          <a:p>
            <a:pPr>
              <a:defRPr/>
            </a:pPr>
            <a:fld id="{E220EF05-E236-41FB-92C1-17FD7E79A736}" type="slidenum">
              <a:rPr lang="en-US"/>
              <a:pPr>
                <a:defRPr/>
              </a:pPr>
              <a:t>‹#›</a:t>
            </a:fld>
            <a:endParaRPr lang="en-US"/>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095500" y="5294313"/>
            <a:ext cx="6413500" cy="62388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2095500" y="676275"/>
            <a:ext cx="6413500" cy="4537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smtClean="0"/>
          </a:p>
        </p:txBody>
      </p:sp>
      <p:sp>
        <p:nvSpPr>
          <p:cNvPr id="4" name="Text Placeholder 3"/>
          <p:cNvSpPr>
            <a:spLocks noGrp="1"/>
          </p:cNvSpPr>
          <p:nvPr>
            <p:ph type="body" sz="half" idx="2"/>
          </p:nvPr>
        </p:nvSpPr>
        <p:spPr>
          <a:xfrm>
            <a:off x="2095500" y="5918200"/>
            <a:ext cx="6413500" cy="889000"/>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Rectangle 58"/>
          <p:cNvSpPr>
            <a:spLocks noGrp="1" noChangeArrowheads="1"/>
          </p:cNvSpPr>
          <p:nvPr>
            <p:ph type="sldNum" sz="quarter" idx="10"/>
          </p:nvPr>
        </p:nvSpPr>
        <p:spPr>
          <a:ln/>
        </p:spPr>
        <p:txBody>
          <a:bodyPr/>
          <a:lstStyle>
            <a:lvl1pPr>
              <a:defRPr/>
            </a:lvl1pPr>
          </a:lstStyle>
          <a:p>
            <a:pPr>
              <a:defRPr/>
            </a:pPr>
            <a:fld id="{FA849313-D279-47C1-ABA1-9595C663C011}" type="slidenum">
              <a:rPr lang="en-US"/>
              <a:pPr>
                <a:defRPr/>
              </a:pPr>
              <a:t>‹#›</a:t>
            </a:fld>
            <a:endParaRPr lang="en-US"/>
          </a:p>
        </p:txBody>
      </p:sp>
    </p:spTree>
  </p:cSld>
  <p:clrMapOvr>
    <a:masterClrMapping/>
  </p:clrMapOvr>
</p:sldLayout>
</file>

<file path=ppt/slideMasters/_rels/slideMaster1.xml.rels><?xml version="1.0" encoding="UTF-8" standalone="yes"?>
<Relationships xmlns="http://schemas.openxmlformats.org/package/2006/relationships"><Relationship Id="rId9" Type="http://schemas.openxmlformats.org/officeDocument/2006/relationships/slideLayout" Target="../slideLayouts/slideLayout9.xml"/><Relationship Id="rId20" Type="http://schemas.openxmlformats.org/officeDocument/2006/relationships/tags" Target="../tags/tag8.xml"/><Relationship Id="rId21" Type="http://schemas.openxmlformats.org/officeDocument/2006/relationships/image" Target="../media/image1.wmf"/><Relationship Id="rId22" Type="http://schemas.openxmlformats.org/officeDocument/2006/relationships/image" Target="../media/image2.wmf"/><Relationship Id="rId23" Type="http://schemas.openxmlformats.org/officeDocument/2006/relationships/image" Target="../media/image3.emf"/><Relationship Id="rId10" Type="http://schemas.openxmlformats.org/officeDocument/2006/relationships/slideLayout" Target="../slideLayouts/slideLayout10.xml"/><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theme" Target="../theme/theme1.xml"/><Relationship Id="rId14" Type="http://schemas.openxmlformats.org/officeDocument/2006/relationships/tags" Target="../tags/tag2.xml"/><Relationship Id="rId15" Type="http://schemas.openxmlformats.org/officeDocument/2006/relationships/tags" Target="../tags/tag3.xml"/><Relationship Id="rId16" Type="http://schemas.openxmlformats.org/officeDocument/2006/relationships/tags" Target="../tags/tag4.xml"/><Relationship Id="rId17" Type="http://schemas.openxmlformats.org/officeDocument/2006/relationships/tags" Target="../tags/tag5.xml"/><Relationship Id="rId18" Type="http://schemas.openxmlformats.org/officeDocument/2006/relationships/tags" Target="../tags/tag6.xml"/><Relationship Id="rId19" Type="http://schemas.openxmlformats.org/officeDocument/2006/relationships/tags" Target="../tags/tag7.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s>
</file>

<file path=ppt/slideMasters/slideMaster1.xml><?xml version="1.0" encoding="utf-8"?>
<p:sldMaste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bg>
      <p:bgPr>
        <a:solidFill>
          <a:schemeClr val="bg1"/>
        </a:solidFill>
        <a:effectLst/>
      </p:bgPr>
    </p:bg>
    <p:spTree>
      <p:nvGrpSpPr>
        <p:cNvPr id="1" name=""/>
        <p:cNvGrpSpPr/>
        <p:nvPr/>
      </p:nvGrpSpPr>
      <p:grpSpPr>
        <a:xfrm>
          <a:off x="0" y="0"/>
          <a:ext cx="0" cy="0"/>
          <a:chOff x="0" y="0"/>
          <a:chExt cx="0" cy="0"/>
        </a:xfrm>
      </p:grpSpPr>
      <p:pic>
        <p:nvPicPr>
          <p:cNvPr id="2050" name="Picture 2" descr="JF2" hidden="1"/>
          <p:cNvPicPr preferRelativeResize="0">
            <a:picLocks noChangeAspect="1" noChangeArrowheads="1"/>
          </p:cNvPicPr>
          <p:nvPr>
            <p:custDataLst>
              <p:tags r:id="rId14"/>
            </p:custDataLst>
          </p:nvPr>
        </p:nvPicPr>
        <p:blipFill>
          <a:blip r:embed="rId21" cstate="print"/>
          <a:srcRect/>
          <a:stretch>
            <a:fillRect/>
          </a:stretch>
        </p:blipFill>
        <p:spPr bwMode="auto">
          <a:xfrm>
            <a:off x="1169988" y="6994525"/>
            <a:ext cx="2286000" cy="196850"/>
          </a:xfrm>
          <a:prstGeom prst="rect">
            <a:avLst/>
          </a:prstGeom>
          <a:noFill/>
          <a:ln w="9525">
            <a:noFill/>
            <a:miter lim="800000"/>
            <a:headEnd/>
            <a:tailEnd/>
          </a:ln>
        </p:spPr>
      </p:pic>
      <p:pic>
        <p:nvPicPr>
          <p:cNvPr id="2051" name="Picture 3" descr="JP" hidden="1"/>
          <p:cNvPicPr preferRelativeResize="0">
            <a:picLocks noChangeAspect="1" noChangeArrowheads="1"/>
          </p:cNvPicPr>
          <p:nvPr>
            <p:custDataLst>
              <p:tags r:id="rId15"/>
            </p:custDataLst>
          </p:nvPr>
        </p:nvPicPr>
        <p:blipFill>
          <a:blip r:embed="rId22" cstate="print"/>
          <a:srcRect/>
          <a:stretch>
            <a:fillRect/>
          </a:stretch>
        </p:blipFill>
        <p:spPr bwMode="auto">
          <a:xfrm>
            <a:off x="1169988" y="6977063"/>
            <a:ext cx="1254125" cy="214312"/>
          </a:xfrm>
          <a:prstGeom prst="rect">
            <a:avLst/>
          </a:prstGeom>
          <a:noFill/>
          <a:ln w="9525">
            <a:noFill/>
            <a:miter lim="800000"/>
            <a:headEnd/>
            <a:tailEnd/>
          </a:ln>
        </p:spPr>
      </p:pic>
      <p:sp>
        <p:nvSpPr>
          <p:cNvPr id="16388" name="Freeform 4" hidden="1"/>
          <p:cNvSpPr>
            <a:spLocks noChangeAspect="1" noEditPoints="1"/>
          </p:cNvSpPr>
          <p:nvPr>
            <p:custDataLst>
              <p:tags r:id="rId16"/>
            </p:custDataLst>
          </p:nvPr>
        </p:nvSpPr>
        <p:spPr bwMode="gray">
          <a:xfrm>
            <a:off x="1169988" y="6962775"/>
            <a:ext cx="1527175" cy="228600"/>
          </a:xfrm>
          <a:custGeom>
            <a:avLst/>
            <a:gdLst/>
            <a:ahLst/>
            <a:cxnLst>
              <a:cxn ang="0">
                <a:pos x="3034" y="1717"/>
              </a:cxn>
              <a:cxn ang="0">
                <a:pos x="2729" y="2264"/>
              </a:cxn>
              <a:cxn ang="0">
                <a:pos x="3375" y="1599"/>
              </a:cxn>
              <a:cxn ang="0">
                <a:pos x="2901" y="1263"/>
              </a:cxn>
              <a:cxn ang="0">
                <a:pos x="8883" y="1654"/>
              </a:cxn>
              <a:cxn ang="0">
                <a:pos x="9338" y="1823"/>
              </a:cxn>
              <a:cxn ang="0">
                <a:pos x="3796" y="2264"/>
              </a:cxn>
              <a:cxn ang="0">
                <a:pos x="5535" y="2117"/>
              </a:cxn>
              <a:cxn ang="0">
                <a:pos x="5236" y="1931"/>
              </a:cxn>
              <a:cxn ang="0">
                <a:pos x="5489" y="1623"/>
              </a:cxn>
              <a:cxn ang="0">
                <a:pos x="5877" y="1716"/>
              </a:cxn>
              <a:cxn ang="0">
                <a:pos x="5271" y="1489"/>
              </a:cxn>
              <a:cxn ang="0">
                <a:pos x="5039" y="2076"/>
              </a:cxn>
              <a:cxn ang="0">
                <a:pos x="5669" y="2249"/>
              </a:cxn>
              <a:cxn ang="0">
                <a:pos x="7151" y="1499"/>
              </a:cxn>
              <a:cxn ang="0">
                <a:pos x="6636" y="1748"/>
              </a:cxn>
              <a:cxn ang="0">
                <a:pos x="6854" y="2251"/>
              </a:cxn>
              <a:cxn ang="0">
                <a:pos x="7238" y="2249"/>
              </a:cxn>
              <a:cxn ang="0">
                <a:pos x="6789" y="2411"/>
              </a:cxn>
              <a:cxn ang="0">
                <a:pos x="7406" y="2417"/>
              </a:cxn>
              <a:cxn ang="0">
                <a:pos x="6888" y="2019"/>
              </a:cxn>
              <a:cxn ang="0">
                <a:pos x="7075" y="1633"/>
              </a:cxn>
              <a:cxn ang="0">
                <a:pos x="7177" y="2056"/>
              </a:cxn>
              <a:cxn ang="0">
                <a:pos x="8244" y="1524"/>
              </a:cxn>
              <a:cxn ang="0">
                <a:pos x="8014" y="1623"/>
              </a:cxn>
              <a:cxn ang="0">
                <a:pos x="7738" y="1834"/>
              </a:cxn>
              <a:cxn ang="0">
                <a:pos x="7709" y="2241"/>
              </a:cxn>
              <a:cxn ang="0">
                <a:pos x="8126" y="2077"/>
              </a:cxn>
              <a:cxn ang="0">
                <a:pos x="7833" y="1980"/>
              </a:cxn>
              <a:cxn ang="0">
                <a:pos x="1891" y="2071"/>
              </a:cxn>
              <a:cxn ang="0">
                <a:pos x="2005" y="2256"/>
              </a:cxn>
              <a:cxn ang="0">
                <a:pos x="6394" y="1488"/>
              </a:cxn>
              <a:cxn ang="0">
                <a:pos x="6369" y="1659"/>
              </a:cxn>
              <a:cxn ang="0">
                <a:pos x="13218" y="1531"/>
              </a:cxn>
              <a:cxn ang="0">
                <a:pos x="13436" y="1658"/>
              </a:cxn>
              <a:cxn ang="0">
                <a:pos x="13690" y="1597"/>
              </a:cxn>
              <a:cxn ang="0">
                <a:pos x="11466" y="1560"/>
              </a:cxn>
              <a:cxn ang="0">
                <a:pos x="11098" y="1621"/>
              </a:cxn>
              <a:cxn ang="0">
                <a:pos x="10971" y="1816"/>
              </a:cxn>
              <a:cxn ang="0">
                <a:pos x="10841" y="2211"/>
              </a:cxn>
              <a:cxn ang="0">
                <a:pos x="11542" y="2264"/>
              </a:cxn>
              <a:cxn ang="0">
                <a:pos x="10994" y="2007"/>
              </a:cxn>
              <a:cxn ang="0">
                <a:pos x="11982" y="1529"/>
              </a:cxn>
              <a:cxn ang="0">
                <a:pos x="12106" y="1643"/>
              </a:cxn>
              <a:cxn ang="0">
                <a:pos x="14967" y="1607"/>
              </a:cxn>
              <a:cxn ang="0">
                <a:pos x="15236" y="1664"/>
              </a:cxn>
              <a:cxn ang="0">
                <a:pos x="10108" y="1741"/>
              </a:cxn>
              <a:cxn ang="0">
                <a:pos x="10529" y="1878"/>
              </a:cxn>
              <a:cxn ang="0">
                <a:pos x="10711" y="1417"/>
              </a:cxn>
              <a:cxn ang="0">
                <a:pos x="14401" y="1686"/>
              </a:cxn>
              <a:cxn ang="0">
                <a:pos x="14525" y="2098"/>
              </a:cxn>
              <a:cxn ang="0">
                <a:pos x="14638" y="1929"/>
              </a:cxn>
              <a:cxn ang="0">
                <a:pos x="14381" y="1489"/>
              </a:cxn>
              <a:cxn ang="0">
                <a:pos x="13868" y="1787"/>
              </a:cxn>
              <a:cxn ang="0">
                <a:pos x="14212" y="2277"/>
              </a:cxn>
              <a:cxn ang="0">
                <a:pos x="12408" y="2213"/>
              </a:cxn>
              <a:cxn ang="0">
                <a:pos x="12680" y="2126"/>
              </a:cxn>
              <a:cxn ang="0">
                <a:pos x="15426" y="1559"/>
              </a:cxn>
              <a:cxn ang="0">
                <a:pos x="15535" y="1926"/>
              </a:cxn>
              <a:cxn ang="0">
                <a:pos x="15564" y="2131"/>
              </a:cxn>
              <a:cxn ang="0">
                <a:pos x="15974" y="2176"/>
              </a:cxn>
              <a:cxn ang="0">
                <a:pos x="15793" y="1794"/>
              </a:cxn>
              <a:cxn ang="0">
                <a:pos x="15843" y="1628"/>
              </a:cxn>
            </a:cxnLst>
            <a:rect l="0" t="0" r="r" b="b"/>
            <a:pathLst>
              <a:path w="16020" h="2600">
                <a:moveTo>
                  <a:pt x="1589" y="601"/>
                </a:moveTo>
                <a:lnTo>
                  <a:pt x="1138" y="601"/>
                </a:lnTo>
                <a:lnTo>
                  <a:pt x="1138" y="1763"/>
                </a:lnTo>
                <a:lnTo>
                  <a:pt x="1589" y="1263"/>
                </a:lnTo>
                <a:lnTo>
                  <a:pt x="1589" y="601"/>
                </a:lnTo>
                <a:close/>
                <a:moveTo>
                  <a:pt x="541" y="0"/>
                </a:moveTo>
                <a:lnTo>
                  <a:pt x="541" y="500"/>
                </a:lnTo>
                <a:lnTo>
                  <a:pt x="1589" y="500"/>
                </a:lnTo>
                <a:lnTo>
                  <a:pt x="1138" y="0"/>
                </a:lnTo>
                <a:lnTo>
                  <a:pt x="541" y="0"/>
                </a:lnTo>
                <a:close/>
                <a:moveTo>
                  <a:pt x="1047" y="1763"/>
                </a:moveTo>
                <a:lnTo>
                  <a:pt x="1047" y="1263"/>
                </a:lnTo>
                <a:lnTo>
                  <a:pt x="0" y="1263"/>
                </a:lnTo>
                <a:lnTo>
                  <a:pt x="451" y="1763"/>
                </a:lnTo>
                <a:lnTo>
                  <a:pt x="1047" y="1763"/>
                </a:lnTo>
                <a:close/>
                <a:moveTo>
                  <a:pt x="0" y="1163"/>
                </a:moveTo>
                <a:lnTo>
                  <a:pt x="451" y="1163"/>
                </a:lnTo>
                <a:lnTo>
                  <a:pt x="451" y="0"/>
                </a:lnTo>
                <a:lnTo>
                  <a:pt x="0" y="500"/>
                </a:lnTo>
                <a:lnTo>
                  <a:pt x="0" y="1163"/>
                </a:lnTo>
                <a:close/>
                <a:moveTo>
                  <a:pt x="3110" y="1578"/>
                </a:moveTo>
                <a:lnTo>
                  <a:pt x="3110" y="1590"/>
                </a:lnTo>
                <a:lnTo>
                  <a:pt x="3109" y="1603"/>
                </a:lnTo>
                <a:lnTo>
                  <a:pt x="3106" y="1618"/>
                </a:lnTo>
                <a:lnTo>
                  <a:pt x="3103" y="1631"/>
                </a:lnTo>
                <a:lnTo>
                  <a:pt x="3098" y="1646"/>
                </a:lnTo>
                <a:lnTo>
                  <a:pt x="3092" y="1659"/>
                </a:lnTo>
                <a:lnTo>
                  <a:pt x="3084" y="1672"/>
                </a:lnTo>
                <a:lnTo>
                  <a:pt x="3074" y="1684"/>
                </a:lnTo>
                <a:lnTo>
                  <a:pt x="3063" y="1697"/>
                </a:lnTo>
                <a:lnTo>
                  <a:pt x="3049" y="1707"/>
                </a:lnTo>
                <a:lnTo>
                  <a:pt x="3042" y="1712"/>
                </a:lnTo>
                <a:lnTo>
                  <a:pt x="3034" y="1717"/>
                </a:lnTo>
                <a:lnTo>
                  <a:pt x="3025" y="1721"/>
                </a:lnTo>
                <a:lnTo>
                  <a:pt x="3016" y="1726"/>
                </a:lnTo>
                <a:lnTo>
                  <a:pt x="3006" y="1729"/>
                </a:lnTo>
                <a:lnTo>
                  <a:pt x="2996" y="1732"/>
                </a:lnTo>
                <a:lnTo>
                  <a:pt x="2985" y="1734"/>
                </a:lnTo>
                <a:lnTo>
                  <a:pt x="2973" y="1737"/>
                </a:lnTo>
                <a:lnTo>
                  <a:pt x="2961" y="1739"/>
                </a:lnTo>
                <a:lnTo>
                  <a:pt x="2948" y="1740"/>
                </a:lnTo>
                <a:lnTo>
                  <a:pt x="2934" y="1741"/>
                </a:lnTo>
                <a:lnTo>
                  <a:pt x="2920" y="1741"/>
                </a:lnTo>
                <a:lnTo>
                  <a:pt x="2729" y="1741"/>
                </a:lnTo>
                <a:lnTo>
                  <a:pt x="2729" y="1430"/>
                </a:lnTo>
                <a:lnTo>
                  <a:pt x="2920" y="1430"/>
                </a:lnTo>
                <a:lnTo>
                  <a:pt x="2948" y="1431"/>
                </a:lnTo>
                <a:lnTo>
                  <a:pt x="2973" y="1433"/>
                </a:lnTo>
                <a:lnTo>
                  <a:pt x="2996" y="1438"/>
                </a:lnTo>
                <a:lnTo>
                  <a:pt x="3016" y="1443"/>
                </a:lnTo>
                <a:lnTo>
                  <a:pt x="3034" y="1451"/>
                </a:lnTo>
                <a:lnTo>
                  <a:pt x="3049" y="1460"/>
                </a:lnTo>
                <a:lnTo>
                  <a:pt x="3063" y="1469"/>
                </a:lnTo>
                <a:lnTo>
                  <a:pt x="3074" y="1479"/>
                </a:lnTo>
                <a:lnTo>
                  <a:pt x="3084" y="1491"/>
                </a:lnTo>
                <a:lnTo>
                  <a:pt x="3092" y="1502"/>
                </a:lnTo>
                <a:lnTo>
                  <a:pt x="3098" y="1514"/>
                </a:lnTo>
                <a:lnTo>
                  <a:pt x="3103" y="1527"/>
                </a:lnTo>
                <a:lnTo>
                  <a:pt x="3106" y="1540"/>
                </a:lnTo>
                <a:lnTo>
                  <a:pt x="3109" y="1552"/>
                </a:lnTo>
                <a:lnTo>
                  <a:pt x="3110" y="1566"/>
                </a:lnTo>
                <a:lnTo>
                  <a:pt x="3110" y="1578"/>
                </a:lnTo>
                <a:close/>
                <a:moveTo>
                  <a:pt x="2901" y="1263"/>
                </a:moveTo>
                <a:lnTo>
                  <a:pt x="2463" y="1263"/>
                </a:lnTo>
                <a:lnTo>
                  <a:pt x="2463" y="2264"/>
                </a:lnTo>
                <a:lnTo>
                  <a:pt x="2729" y="2264"/>
                </a:lnTo>
                <a:lnTo>
                  <a:pt x="2729" y="1909"/>
                </a:lnTo>
                <a:lnTo>
                  <a:pt x="2957" y="1909"/>
                </a:lnTo>
                <a:lnTo>
                  <a:pt x="2982" y="1909"/>
                </a:lnTo>
                <a:lnTo>
                  <a:pt x="3005" y="1908"/>
                </a:lnTo>
                <a:lnTo>
                  <a:pt x="3028" y="1906"/>
                </a:lnTo>
                <a:lnTo>
                  <a:pt x="3050" y="1903"/>
                </a:lnTo>
                <a:lnTo>
                  <a:pt x="3072" y="1899"/>
                </a:lnTo>
                <a:lnTo>
                  <a:pt x="3093" y="1896"/>
                </a:lnTo>
                <a:lnTo>
                  <a:pt x="3113" y="1890"/>
                </a:lnTo>
                <a:lnTo>
                  <a:pt x="3133" y="1884"/>
                </a:lnTo>
                <a:lnTo>
                  <a:pt x="3152" y="1878"/>
                </a:lnTo>
                <a:lnTo>
                  <a:pt x="3170" y="1871"/>
                </a:lnTo>
                <a:lnTo>
                  <a:pt x="3188" y="1863"/>
                </a:lnTo>
                <a:lnTo>
                  <a:pt x="3205" y="1854"/>
                </a:lnTo>
                <a:lnTo>
                  <a:pt x="3221" y="1846"/>
                </a:lnTo>
                <a:lnTo>
                  <a:pt x="3236" y="1837"/>
                </a:lnTo>
                <a:lnTo>
                  <a:pt x="3251" y="1826"/>
                </a:lnTo>
                <a:lnTo>
                  <a:pt x="3265" y="1816"/>
                </a:lnTo>
                <a:lnTo>
                  <a:pt x="3278" y="1804"/>
                </a:lnTo>
                <a:lnTo>
                  <a:pt x="3290" y="1792"/>
                </a:lnTo>
                <a:lnTo>
                  <a:pt x="3302" y="1780"/>
                </a:lnTo>
                <a:lnTo>
                  <a:pt x="3312" y="1768"/>
                </a:lnTo>
                <a:lnTo>
                  <a:pt x="3322" y="1754"/>
                </a:lnTo>
                <a:lnTo>
                  <a:pt x="3331" y="1740"/>
                </a:lnTo>
                <a:lnTo>
                  <a:pt x="3340" y="1726"/>
                </a:lnTo>
                <a:lnTo>
                  <a:pt x="3347" y="1711"/>
                </a:lnTo>
                <a:lnTo>
                  <a:pt x="3354" y="1697"/>
                </a:lnTo>
                <a:lnTo>
                  <a:pt x="3359" y="1681"/>
                </a:lnTo>
                <a:lnTo>
                  <a:pt x="3364" y="1666"/>
                </a:lnTo>
                <a:lnTo>
                  <a:pt x="3368" y="1649"/>
                </a:lnTo>
                <a:lnTo>
                  <a:pt x="3371" y="1633"/>
                </a:lnTo>
                <a:lnTo>
                  <a:pt x="3374" y="1617"/>
                </a:lnTo>
                <a:lnTo>
                  <a:pt x="3375" y="1599"/>
                </a:lnTo>
                <a:lnTo>
                  <a:pt x="3376" y="1582"/>
                </a:lnTo>
                <a:lnTo>
                  <a:pt x="3375" y="1563"/>
                </a:lnTo>
                <a:lnTo>
                  <a:pt x="3374" y="1544"/>
                </a:lnTo>
                <a:lnTo>
                  <a:pt x="3372" y="1527"/>
                </a:lnTo>
                <a:lnTo>
                  <a:pt x="3369" y="1509"/>
                </a:lnTo>
                <a:lnTo>
                  <a:pt x="3365" y="1492"/>
                </a:lnTo>
                <a:lnTo>
                  <a:pt x="3361" y="1476"/>
                </a:lnTo>
                <a:lnTo>
                  <a:pt x="3355" y="1460"/>
                </a:lnTo>
                <a:lnTo>
                  <a:pt x="3349" y="1444"/>
                </a:lnTo>
                <a:lnTo>
                  <a:pt x="3341" y="1430"/>
                </a:lnTo>
                <a:lnTo>
                  <a:pt x="3333" y="1417"/>
                </a:lnTo>
                <a:lnTo>
                  <a:pt x="3324" y="1403"/>
                </a:lnTo>
                <a:lnTo>
                  <a:pt x="3314" y="1390"/>
                </a:lnTo>
                <a:lnTo>
                  <a:pt x="3303" y="1378"/>
                </a:lnTo>
                <a:lnTo>
                  <a:pt x="3291" y="1367"/>
                </a:lnTo>
                <a:lnTo>
                  <a:pt x="3278" y="1356"/>
                </a:lnTo>
                <a:lnTo>
                  <a:pt x="3265" y="1346"/>
                </a:lnTo>
                <a:lnTo>
                  <a:pt x="3250" y="1336"/>
                </a:lnTo>
                <a:lnTo>
                  <a:pt x="3234" y="1327"/>
                </a:lnTo>
                <a:lnTo>
                  <a:pt x="3217" y="1318"/>
                </a:lnTo>
                <a:lnTo>
                  <a:pt x="3199" y="1310"/>
                </a:lnTo>
                <a:lnTo>
                  <a:pt x="3180" y="1302"/>
                </a:lnTo>
                <a:lnTo>
                  <a:pt x="3160" y="1296"/>
                </a:lnTo>
                <a:lnTo>
                  <a:pt x="3139" y="1290"/>
                </a:lnTo>
                <a:lnTo>
                  <a:pt x="3117" y="1284"/>
                </a:lnTo>
                <a:lnTo>
                  <a:pt x="3094" y="1279"/>
                </a:lnTo>
                <a:lnTo>
                  <a:pt x="3070" y="1274"/>
                </a:lnTo>
                <a:lnTo>
                  <a:pt x="3045" y="1271"/>
                </a:lnTo>
                <a:lnTo>
                  <a:pt x="3018" y="1269"/>
                </a:lnTo>
                <a:lnTo>
                  <a:pt x="2991" y="1267"/>
                </a:lnTo>
                <a:lnTo>
                  <a:pt x="2962" y="1264"/>
                </a:lnTo>
                <a:lnTo>
                  <a:pt x="2932" y="1263"/>
                </a:lnTo>
                <a:lnTo>
                  <a:pt x="2901" y="1263"/>
                </a:lnTo>
                <a:close/>
                <a:moveTo>
                  <a:pt x="9021" y="1473"/>
                </a:moveTo>
                <a:lnTo>
                  <a:pt x="9002" y="1473"/>
                </a:lnTo>
                <a:lnTo>
                  <a:pt x="8984" y="1476"/>
                </a:lnTo>
                <a:lnTo>
                  <a:pt x="8965" y="1478"/>
                </a:lnTo>
                <a:lnTo>
                  <a:pt x="8947" y="1480"/>
                </a:lnTo>
                <a:lnTo>
                  <a:pt x="8929" y="1484"/>
                </a:lnTo>
                <a:lnTo>
                  <a:pt x="8912" y="1489"/>
                </a:lnTo>
                <a:lnTo>
                  <a:pt x="8895" y="1494"/>
                </a:lnTo>
                <a:lnTo>
                  <a:pt x="8878" y="1501"/>
                </a:lnTo>
                <a:lnTo>
                  <a:pt x="8862" y="1508"/>
                </a:lnTo>
                <a:lnTo>
                  <a:pt x="8847" y="1514"/>
                </a:lnTo>
                <a:lnTo>
                  <a:pt x="8832" y="1522"/>
                </a:lnTo>
                <a:lnTo>
                  <a:pt x="8818" y="1531"/>
                </a:lnTo>
                <a:lnTo>
                  <a:pt x="8805" y="1540"/>
                </a:lnTo>
                <a:lnTo>
                  <a:pt x="8793" y="1550"/>
                </a:lnTo>
                <a:lnTo>
                  <a:pt x="8781" y="1560"/>
                </a:lnTo>
                <a:lnTo>
                  <a:pt x="8771" y="1570"/>
                </a:lnTo>
                <a:lnTo>
                  <a:pt x="8767" y="1570"/>
                </a:lnTo>
                <a:lnTo>
                  <a:pt x="8767" y="1490"/>
                </a:lnTo>
                <a:lnTo>
                  <a:pt x="8548" y="1490"/>
                </a:lnTo>
                <a:lnTo>
                  <a:pt x="8548" y="2264"/>
                </a:lnTo>
                <a:lnTo>
                  <a:pt x="8771" y="2264"/>
                </a:lnTo>
                <a:lnTo>
                  <a:pt x="8771" y="1733"/>
                </a:lnTo>
                <a:lnTo>
                  <a:pt x="8780" y="1722"/>
                </a:lnTo>
                <a:lnTo>
                  <a:pt x="8791" y="1711"/>
                </a:lnTo>
                <a:lnTo>
                  <a:pt x="8801" y="1700"/>
                </a:lnTo>
                <a:lnTo>
                  <a:pt x="8812" y="1691"/>
                </a:lnTo>
                <a:lnTo>
                  <a:pt x="8824" y="1683"/>
                </a:lnTo>
                <a:lnTo>
                  <a:pt x="8835" y="1676"/>
                </a:lnTo>
                <a:lnTo>
                  <a:pt x="8847" y="1669"/>
                </a:lnTo>
                <a:lnTo>
                  <a:pt x="8859" y="1663"/>
                </a:lnTo>
                <a:lnTo>
                  <a:pt x="8871" y="1658"/>
                </a:lnTo>
                <a:lnTo>
                  <a:pt x="8883" y="1654"/>
                </a:lnTo>
                <a:lnTo>
                  <a:pt x="8895" y="1650"/>
                </a:lnTo>
                <a:lnTo>
                  <a:pt x="8907" y="1648"/>
                </a:lnTo>
                <a:lnTo>
                  <a:pt x="8918" y="1646"/>
                </a:lnTo>
                <a:lnTo>
                  <a:pt x="8930" y="1644"/>
                </a:lnTo>
                <a:lnTo>
                  <a:pt x="8941" y="1643"/>
                </a:lnTo>
                <a:lnTo>
                  <a:pt x="8953" y="1643"/>
                </a:lnTo>
                <a:lnTo>
                  <a:pt x="8967" y="1643"/>
                </a:lnTo>
                <a:lnTo>
                  <a:pt x="8981" y="1644"/>
                </a:lnTo>
                <a:lnTo>
                  <a:pt x="8993" y="1646"/>
                </a:lnTo>
                <a:lnTo>
                  <a:pt x="9005" y="1648"/>
                </a:lnTo>
                <a:lnTo>
                  <a:pt x="9016" y="1651"/>
                </a:lnTo>
                <a:lnTo>
                  <a:pt x="9027" y="1654"/>
                </a:lnTo>
                <a:lnTo>
                  <a:pt x="9036" y="1659"/>
                </a:lnTo>
                <a:lnTo>
                  <a:pt x="9045" y="1663"/>
                </a:lnTo>
                <a:lnTo>
                  <a:pt x="9053" y="1668"/>
                </a:lnTo>
                <a:lnTo>
                  <a:pt x="9061" y="1673"/>
                </a:lnTo>
                <a:lnTo>
                  <a:pt x="9068" y="1680"/>
                </a:lnTo>
                <a:lnTo>
                  <a:pt x="9074" y="1687"/>
                </a:lnTo>
                <a:lnTo>
                  <a:pt x="9079" y="1693"/>
                </a:lnTo>
                <a:lnTo>
                  <a:pt x="9084" y="1701"/>
                </a:lnTo>
                <a:lnTo>
                  <a:pt x="9089" y="1710"/>
                </a:lnTo>
                <a:lnTo>
                  <a:pt x="9093" y="1718"/>
                </a:lnTo>
                <a:lnTo>
                  <a:pt x="9100" y="1737"/>
                </a:lnTo>
                <a:lnTo>
                  <a:pt x="9105" y="1757"/>
                </a:lnTo>
                <a:lnTo>
                  <a:pt x="9109" y="1778"/>
                </a:lnTo>
                <a:lnTo>
                  <a:pt x="9111" y="1801"/>
                </a:lnTo>
                <a:lnTo>
                  <a:pt x="9113" y="1826"/>
                </a:lnTo>
                <a:lnTo>
                  <a:pt x="9114" y="1851"/>
                </a:lnTo>
                <a:lnTo>
                  <a:pt x="9114" y="1877"/>
                </a:lnTo>
                <a:lnTo>
                  <a:pt x="9114" y="1904"/>
                </a:lnTo>
                <a:lnTo>
                  <a:pt x="9114" y="2264"/>
                </a:lnTo>
                <a:lnTo>
                  <a:pt x="9338" y="2264"/>
                </a:lnTo>
                <a:lnTo>
                  <a:pt x="9338" y="1823"/>
                </a:lnTo>
                <a:lnTo>
                  <a:pt x="9338" y="1791"/>
                </a:lnTo>
                <a:lnTo>
                  <a:pt x="9336" y="1759"/>
                </a:lnTo>
                <a:lnTo>
                  <a:pt x="9333" y="1728"/>
                </a:lnTo>
                <a:lnTo>
                  <a:pt x="9328" y="1697"/>
                </a:lnTo>
                <a:lnTo>
                  <a:pt x="9324" y="1681"/>
                </a:lnTo>
                <a:lnTo>
                  <a:pt x="9321" y="1667"/>
                </a:lnTo>
                <a:lnTo>
                  <a:pt x="9316" y="1652"/>
                </a:lnTo>
                <a:lnTo>
                  <a:pt x="9311" y="1638"/>
                </a:lnTo>
                <a:lnTo>
                  <a:pt x="9305" y="1623"/>
                </a:lnTo>
                <a:lnTo>
                  <a:pt x="9299" y="1610"/>
                </a:lnTo>
                <a:lnTo>
                  <a:pt x="9292" y="1597"/>
                </a:lnTo>
                <a:lnTo>
                  <a:pt x="9284" y="1584"/>
                </a:lnTo>
                <a:lnTo>
                  <a:pt x="9275" y="1572"/>
                </a:lnTo>
                <a:lnTo>
                  <a:pt x="9266" y="1560"/>
                </a:lnTo>
                <a:lnTo>
                  <a:pt x="9255" y="1549"/>
                </a:lnTo>
                <a:lnTo>
                  <a:pt x="9244" y="1539"/>
                </a:lnTo>
                <a:lnTo>
                  <a:pt x="9231" y="1529"/>
                </a:lnTo>
                <a:lnTo>
                  <a:pt x="9218" y="1520"/>
                </a:lnTo>
                <a:lnTo>
                  <a:pt x="9203" y="1511"/>
                </a:lnTo>
                <a:lnTo>
                  <a:pt x="9187" y="1504"/>
                </a:lnTo>
                <a:lnTo>
                  <a:pt x="9171" y="1497"/>
                </a:lnTo>
                <a:lnTo>
                  <a:pt x="9153" y="1491"/>
                </a:lnTo>
                <a:lnTo>
                  <a:pt x="9134" y="1486"/>
                </a:lnTo>
                <a:lnTo>
                  <a:pt x="9114" y="1481"/>
                </a:lnTo>
                <a:lnTo>
                  <a:pt x="9093" y="1478"/>
                </a:lnTo>
                <a:lnTo>
                  <a:pt x="9070" y="1476"/>
                </a:lnTo>
                <a:lnTo>
                  <a:pt x="9046" y="1473"/>
                </a:lnTo>
                <a:lnTo>
                  <a:pt x="9021" y="1473"/>
                </a:lnTo>
                <a:close/>
                <a:moveTo>
                  <a:pt x="4194" y="1976"/>
                </a:moveTo>
                <a:lnTo>
                  <a:pt x="3964" y="1263"/>
                </a:lnTo>
                <a:lnTo>
                  <a:pt x="3539" y="1263"/>
                </a:lnTo>
                <a:lnTo>
                  <a:pt x="3539" y="2264"/>
                </a:lnTo>
                <a:lnTo>
                  <a:pt x="3796" y="2264"/>
                </a:lnTo>
                <a:lnTo>
                  <a:pt x="3796" y="1472"/>
                </a:lnTo>
                <a:lnTo>
                  <a:pt x="3812" y="1472"/>
                </a:lnTo>
                <a:lnTo>
                  <a:pt x="4074" y="2264"/>
                </a:lnTo>
                <a:lnTo>
                  <a:pt x="4314" y="2264"/>
                </a:lnTo>
                <a:lnTo>
                  <a:pt x="4576" y="1472"/>
                </a:lnTo>
                <a:lnTo>
                  <a:pt x="4592" y="1472"/>
                </a:lnTo>
                <a:lnTo>
                  <a:pt x="4592" y="2264"/>
                </a:lnTo>
                <a:lnTo>
                  <a:pt x="4849" y="2264"/>
                </a:lnTo>
                <a:lnTo>
                  <a:pt x="4849" y="1263"/>
                </a:lnTo>
                <a:lnTo>
                  <a:pt x="4427" y="1263"/>
                </a:lnTo>
                <a:lnTo>
                  <a:pt x="4194" y="1976"/>
                </a:lnTo>
                <a:close/>
                <a:moveTo>
                  <a:pt x="5667" y="1877"/>
                </a:moveTo>
                <a:lnTo>
                  <a:pt x="5666" y="1904"/>
                </a:lnTo>
                <a:lnTo>
                  <a:pt x="5664" y="1931"/>
                </a:lnTo>
                <a:lnTo>
                  <a:pt x="5660" y="1956"/>
                </a:lnTo>
                <a:lnTo>
                  <a:pt x="5654" y="1980"/>
                </a:lnTo>
                <a:lnTo>
                  <a:pt x="5650" y="1991"/>
                </a:lnTo>
                <a:lnTo>
                  <a:pt x="5646" y="2002"/>
                </a:lnTo>
                <a:lnTo>
                  <a:pt x="5642" y="2013"/>
                </a:lnTo>
                <a:lnTo>
                  <a:pt x="5637" y="2023"/>
                </a:lnTo>
                <a:lnTo>
                  <a:pt x="5632" y="2033"/>
                </a:lnTo>
                <a:lnTo>
                  <a:pt x="5626" y="2042"/>
                </a:lnTo>
                <a:lnTo>
                  <a:pt x="5620" y="2051"/>
                </a:lnTo>
                <a:lnTo>
                  <a:pt x="5614" y="2060"/>
                </a:lnTo>
                <a:lnTo>
                  <a:pt x="5607" y="2068"/>
                </a:lnTo>
                <a:lnTo>
                  <a:pt x="5599" y="2076"/>
                </a:lnTo>
                <a:lnTo>
                  <a:pt x="5592" y="2083"/>
                </a:lnTo>
                <a:lnTo>
                  <a:pt x="5583" y="2090"/>
                </a:lnTo>
                <a:lnTo>
                  <a:pt x="5575" y="2097"/>
                </a:lnTo>
                <a:lnTo>
                  <a:pt x="5565" y="2102"/>
                </a:lnTo>
                <a:lnTo>
                  <a:pt x="5556" y="2108"/>
                </a:lnTo>
                <a:lnTo>
                  <a:pt x="5546" y="2112"/>
                </a:lnTo>
                <a:lnTo>
                  <a:pt x="5535" y="2117"/>
                </a:lnTo>
                <a:lnTo>
                  <a:pt x="5525" y="2120"/>
                </a:lnTo>
                <a:lnTo>
                  <a:pt x="5513" y="2123"/>
                </a:lnTo>
                <a:lnTo>
                  <a:pt x="5502" y="2126"/>
                </a:lnTo>
                <a:lnTo>
                  <a:pt x="5489" y="2128"/>
                </a:lnTo>
                <a:lnTo>
                  <a:pt x="5477" y="2129"/>
                </a:lnTo>
                <a:lnTo>
                  <a:pt x="5464" y="2130"/>
                </a:lnTo>
                <a:lnTo>
                  <a:pt x="5450" y="2130"/>
                </a:lnTo>
                <a:lnTo>
                  <a:pt x="5437" y="2130"/>
                </a:lnTo>
                <a:lnTo>
                  <a:pt x="5424" y="2129"/>
                </a:lnTo>
                <a:lnTo>
                  <a:pt x="5411" y="2128"/>
                </a:lnTo>
                <a:lnTo>
                  <a:pt x="5399" y="2126"/>
                </a:lnTo>
                <a:lnTo>
                  <a:pt x="5387" y="2123"/>
                </a:lnTo>
                <a:lnTo>
                  <a:pt x="5376" y="2120"/>
                </a:lnTo>
                <a:lnTo>
                  <a:pt x="5365" y="2117"/>
                </a:lnTo>
                <a:lnTo>
                  <a:pt x="5354" y="2112"/>
                </a:lnTo>
                <a:lnTo>
                  <a:pt x="5344" y="2108"/>
                </a:lnTo>
                <a:lnTo>
                  <a:pt x="5335" y="2102"/>
                </a:lnTo>
                <a:lnTo>
                  <a:pt x="5326" y="2097"/>
                </a:lnTo>
                <a:lnTo>
                  <a:pt x="5317" y="2090"/>
                </a:lnTo>
                <a:lnTo>
                  <a:pt x="5309" y="2083"/>
                </a:lnTo>
                <a:lnTo>
                  <a:pt x="5301" y="2076"/>
                </a:lnTo>
                <a:lnTo>
                  <a:pt x="5294" y="2068"/>
                </a:lnTo>
                <a:lnTo>
                  <a:pt x="5287" y="2060"/>
                </a:lnTo>
                <a:lnTo>
                  <a:pt x="5280" y="2051"/>
                </a:lnTo>
                <a:lnTo>
                  <a:pt x="5274" y="2042"/>
                </a:lnTo>
                <a:lnTo>
                  <a:pt x="5268" y="2033"/>
                </a:lnTo>
                <a:lnTo>
                  <a:pt x="5263" y="2023"/>
                </a:lnTo>
                <a:lnTo>
                  <a:pt x="5258" y="2013"/>
                </a:lnTo>
                <a:lnTo>
                  <a:pt x="5254" y="2002"/>
                </a:lnTo>
                <a:lnTo>
                  <a:pt x="5250" y="1991"/>
                </a:lnTo>
                <a:lnTo>
                  <a:pt x="5246" y="1980"/>
                </a:lnTo>
                <a:lnTo>
                  <a:pt x="5240" y="1956"/>
                </a:lnTo>
                <a:lnTo>
                  <a:pt x="5236" y="1931"/>
                </a:lnTo>
                <a:lnTo>
                  <a:pt x="5234" y="1904"/>
                </a:lnTo>
                <a:lnTo>
                  <a:pt x="5233" y="1877"/>
                </a:lnTo>
                <a:lnTo>
                  <a:pt x="5234" y="1849"/>
                </a:lnTo>
                <a:lnTo>
                  <a:pt x="5236" y="1822"/>
                </a:lnTo>
                <a:lnTo>
                  <a:pt x="5240" y="1797"/>
                </a:lnTo>
                <a:lnTo>
                  <a:pt x="5246" y="1772"/>
                </a:lnTo>
                <a:lnTo>
                  <a:pt x="5250" y="1761"/>
                </a:lnTo>
                <a:lnTo>
                  <a:pt x="5254" y="1750"/>
                </a:lnTo>
                <a:lnTo>
                  <a:pt x="5258" y="1739"/>
                </a:lnTo>
                <a:lnTo>
                  <a:pt x="5263" y="1729"/>
                </a:lnTo>
                <a:lnTo>
                  <a:pt x="5268" y="1719"/>
                </a:lnTo>
                <a:lnTo>
                  <a:pt x="5274" y="1710"/>
                </a:lnTo>
                <a:lnTo>
                  <a:pt x="5280" y="1700"/>
                </a:lnTo>
                <a:lnTo>
                  <a:pt x="5287" y="1692"/>
                </a:lnTo>
                <a:lnTo>
                  <a:pt x="5294" y="1683"/>
                </a:lnTo>
                <a:lnTo>
                  <a:pt x="5301" y="1676"/>
                </a:lnTo>
                <a:lnTo>
                  <a:pt x="5309" y="1669"/>
                </a:lnTo>
                <a:lnTo>
                  <a:pt x="5317" y="1662"/>
                </a:lnTo>
                <a:lnTo>
                  <a:pt x="5326" y="1656"/>
                </a:lnTo>
                <a:lnTo>
                  <a:pt x="5335" y="1650"/>
                </a:lnTo>
                <a:lnTo>
                  <a:pt x="5344" y="1644"/>
                </a:lnTo>
                <a:lnTo>
                  <a:pt x="5354" y="1639"/>
                </a:lnTo>
                <a:lnTo>
                  <a:pt x="5365" y="1636"/>
                </a:lnTo>
                <a:lnTo>
                  <a:pt x="5376" y="1631"/>
                </a:lnTo>
                <a:lnTo>
                  <a:pt x="5387" y="1628"/>
                </a:lnTo>
                <a:lnTo>
                  <a:pt x="5399" y="1626"/>
                </a:lnTo>
                <a:lnTo>
                  <a:pt x="5411" y="1623"/>
                </a:lnTo>
                <a:lnTo>
                  <a:pt x="5424" y="1622"/>
                </a:lnTo>
                <a:lnTo>
                  <a:pt x="5437" y="1621"/>
                </a:lnTo>
                <a:lnTo>
                  <a:pt x="5450" y="1621"/>
                </a:lnTo>
                <a:lnTo>
                  <a:pt x="5464" y="1621"/>
                </a:lnTo>
                <a:lnTo>
                  <a:pt x="5477" y="1622"/>
                </a:lnTo>
                <a:lnTo>
                  <a:pt x="5489" y="1623"/>
                </a:lnTo>
                <a:lnTo>
                  <a:pt x="5502" y="1626"/>
                </a:lnTo>
                <a:lnTo>
                  <a:pt x="5513" y="1628"/>
                </a:lnTo>
                <a:lnTo>
                  <a:pt x="5525" y="1631"/>
                </a:lnTo>
                <a:lnTo>
                  <a:pt x="5535" y="1636"/>
                </a:lnTo>
                <a:lnTo>
                  <a:pt x="5546" y="1639"/>
                </a:lnTo>
                <a:lnTo>
                  <a:pt x="5556" y="1644"/>
                </a:lnTo>
                <a:lnTo>
                  <a:pt x="5565" y="1650"/>
                </a:lnTo>
                <a:lnTo>
                  <a:pt x="5575" y="1656"/>
                </a:lnTo>
                <a:lnTo>
                  <a:pt x="5583" y="1662"/>
                </a:lnTo>
                <a:lnTo>
                  <a:pt x="5592" y="1669"/>
                </a:lnTo>
                <a:lnTo>
                  <a:pt x="5599" y="1676"/>
                </a:lnTo>
                <a:lnTo>
                  <a:pt x="5607" y="1683"/>
                </a:lnTo>
                <a:lnTo>
                  <a:pt x="5614" y="1692"/>
                </a:lnTo>
                <a:lnTo>
                  <a:pt x="5620" y="1700"/>
                </a:lnTo>
                <a:lnTo>
                  <a:pt x="5626" y="1710"/>
                </a:lnTo>
                <a:lnTo>
                  <a:pt x="5632" y="1719"/>
                </a:lnTo>
                <a:lnTo>
                  <a:pt x="5637" y="1729"/>
                </a:lnTo>
                <a:lnTo>
                  <a:pt x="5642" y="1739"/>
                </a:lnTo>
                <a:lnTo>
                  <a:pt x="5646" y="1750"/>
                </a:lnTo>
                <a:lnTo>
                  <a:pt x="5650" y="1761"/>
                </a:lnTo>
                <a:lnTo>
                  <a:pt x="5654" y="1772"/>
                </a:lnTo>
                <a:lnTo>
                  <a:pt x="5660" y="1797"/>
                </a:lnTo>
                <a:lnTo>
                  <a:pt x="5664" y="1822"/>
                </a:lnTo>
                <a:lnTo>
                  <a:pt x="5666" y="1849"/>
                </a:lnTo>
                <a:lnTo>
                  <a:pt x="5667" y="1877"/>
                </a:lnTo>
                <a:close/>
                <a:moveTo>
                  <a:pt x="5904" y="1877"/>
                </a:moveTo>
                <a:lnTo>
                  <a:pt x="5904" y="1851"/>
                </a:lnTo>
                <a:lnTo>
                  <a:pt x="5902" y="1827"/>
                </a:lnTo>
                <a:lnTo>
                  <a:pt x="5899" y="1802"/>
                </a:lnTo>
                <a:lnTo>
                  <a:pt x="5895" y="1779"/>
                </a:lnTo>
                <a:lnTo>
                  <a:pt x="5890" y="1757"/>
                </a:lnTo>
                <a:lnTo>
                  <a:pt x="5884" y="1736"/>
                </a:lnTo>
                <a:lnTo>
                  <a:pt x="5877" y="1716"/>
                </a:lnTo>
                <a:lnTo>
                  <a:pt x="5869" y="1696"/>
                </a:lnTo>
                <a:lnTo>
                  <a:pt x="5860" y="1677"/>
                </a:lnTo>
                <a:lnTo>
                  <a:pt x="5850" y="1659"/>
                </a:lnTo>
                <a:lnTo>
                  <a:pt x="5840" y="1641"/>
                </a:lnTo>
                <a:lnTo>
                  <a:pt x="5828" y="1624"/>
                </a:lnTo>
                <a:lnTo>
                  <a:pt x="5816" y="1609"/>
                </a:lnTo>
                <a:lnTo>
                  <a:pt x="5802" y="1593"/>
                </a:lnTo>
                <a:lnTo>
                  <a:pt x="5788" y="1580"/>
                </a:lnTo>
                <a:lnTo>
                  <a:pt x="5773" y="1567"/>
                </a:lnTo>
                <a:lnTo>
                  <a:pt x="5757" y="1554"/>
                </a:lnTo>
                <a:lnTo>
                  <a:pt x="5741" y="1542"/>
                </a:lnTo>
                <a:lnTo>
                  <a:pt x="5724" y="1531"/>
                </a:lnTo>
                <a:lnTo>
                  <a:pt x="5706" y="1521"/>
                </a:lnTo>
                <a:lnTo>
                  <a:pt x="5688" y="1512"/>
                </a:lnTo>
                <a:lnTo>
                  <a:pt x="5669" y="1503"/>
                </a:lnTo>
                <a:lnTo>
                  <a:pt x="5649" y="1496"/>
                </a:lnTo>
                <a:lnTo>
                  <a:pt x="5629" y="1489"/>
                </a:lnTo>
                <a:lnTo>
                  <a:pt x="5608" y="1483"/>
                </a:lnTo>
                <a:lnTo>
                  <a:pt x="5587" y="1478"/>
                </a:lnTo>
                <a:lnTo>
                  <a:pt x="5565" y="1473"/>
                </a:lnTo>
                <a:lnTo>
                  <a:pt x="5543" y="1470"/>
                </a:lnTo>
                <a:lnTo>
                  <a:pt x="5520" y="1467"/>
                </a:lnTo>
                <a:lnTo>
                  <a:pt x="5497" y="1464"/>
                </a:lnTo>
                <a:lnTo>
                  <a:pt x="5474" y="1463"/>
                </a:lnTo>
                <a:lnTo>
                  <a:pt x="5450" y="1463"/>
                </a:lnTo>
                <a:lnTo>
                  <a:pt x="5426" y="1463"/>
                </a:lnTo>
                <a:lnTo>
                  <a:pt x="5403" y="1464"/>
                </a:lnTo>
                <a:lnTo>
                  <a:pt x="5380" y="1467"/>
                </a:lnTo>
                <a:lnTo>
                  <a:pt x="5357" y="1470"/>
                </a:lnTo>
                <a:lnTo>
                  <a:pt x="5335" y="1473"/>
                </a:lnTo>
                <a:lnTo>
                  <a:pt x="5313" y="1478"/>
                </a:lnTo>
                <a:lnTo>
                  <a:pt x="5292" y="1483"/>
                </a:lnTo>
                <a:lnTo>
                  <a:pt x="5271" y="1489"/>
                </a:lnTo>
                <a:lnTo>
                  <a:pt x="5251" y="1496"/>
                </a:lnTo>
                <a:lnTo>
                  <a:pt x="5232" y="1503"/>
                </a:lnTo>
                <a:lnTo>
                  <a:pt x="5213" y="1512"/>
                </a:lnTo>
                <a:lnTo>
                  <a:pt x="5193" y="1521"/>
                </a:lnTo>
                <a:lnTo>
                  <a:pt x="5175" y="1531"/>
                </a:lnTo>
                <a:lnTo>
                  <a:pt x="5158" y="1542"/>
                </a:lnTo>
                <a:lnTo>
                  <a:pt x="5142" y="1554"/>
                </a:lnTo>
                <a:lnTo>
                  <a:pt x="5126" y="1567"/>
                </a:lnTo>
                <a:lnTo>
                  <a:pt x="5111" y="1580"/>
                </a:lnTo>
                <a:lnTo>
                  <a:pt x="5097" y="1593"/>
                </a:lnTo>
                <a:lnTo>
                  <a:pt x="5084" y="1609"/>
                </a:lnTo>
                <a:lnTo>
                  <a:pt x="5071" y="1624"/>
                </a:lnTo>
                <a:lnTo>
                  <a:pt x="5059" y="1641"/>
                </a:lnTo>
                <a:lnTo>
                  <a:pt x="5049" y="1659"/>
                </a:lnTo>
                <a:lnTo>
                  <a:pt x="5039" y="1677"/>
                </a:lnTo>
                <a:lnTo>
                  <a:pt x="5030" y="1696"/>
                </a:lnTo>
                <a:lnTo>
                  <a:pt x="5022" y="1716"/>
                </a:lnTo>
                <a:lnTo>
                  <a:pt x="5015" y="1736"/>
                </a:lnTo>
                <a:lnTo>
                  <a:pt x="5009" y="1757"/>
                </a:lnTo>
                <a:lnTo>
                  <a:pt x="5004" y="1779"/>
                </a:lnTo>
                <a:lnTo>
                  <a:pt x="5000" y="1802"/>
                </a:lnTo>
                <a:lnTo>
                  <a:pt x="4997" y="1827"/>
                </a:lnTo>
                <a:lnTo>
                  <a:pt x="4995" y="1851"/>
                </a:lnTo>
                <a:lnTo>
                  <a:pt x="4995" y="1877"/>
                </a:lnTo>
                <a:lnTo>
                  <a:pt x="4995" y="1902"/>
                </a:lnTo>
                <a:lnTo>
                  <a:pt x="4997" y="1927"/>
                </a:lnTo>
                <a:lnTo>
                  <a:pt x="5000" y="1950"/>
                </a:lnTo>
                <a:lnTo>
                  <a:pt x="5004" y="1973"/>
                </a:lnTo>
                <a:lnTo>
                  <a:pt x="5009" y="1994"/>
                </a:lnTo>
                <a:lnTo>
                  <a:pt x="5015" y="2017"/>
                </a:lnTo>
                <a:lnTo>
                  <a:pt x="5022" y="2037"/>
                </a:lnTo>
                <a:lnTo>
                  <a:pt x="5030" y="2057"/>
                </a:lnTo>
                <a:lnTo>
                  <a:pt x="5039" y="2076"/>
                </a:lnTo>
                <a:lnTo>
                  <a:pt x="5049" y="2093"/>
                </a:lnTo>
                <a:lnTo>
                  <a:pt x="5059" y="2111"/>
                </a:lnTo>
                <a:lnTo>
                  <a:pt x="5071" y="2128"/>
                </a:lnTo>
                <a:lnTo>
                  <a:pt x="5084" y="2143"/>
                </a:lnTo>
                <a:lnTo>
                  <a:pt x="5097" y="2158"/>
                </a:lnTo>
                <a:lnTo>
                  <a:pt x="5111" y="2172"/>
                </a:lnTo>
                <a:lnTo>
                  <a:pt x="5126" y="2186"/>
                </a:lnTo>
                <a:lnTo>
                  <a:pt x="5142" y="2198"/>
                </a:lnTo>
                <a:lnTo>
                  <a:pt x="5158" y="2210"/>
                </a:lnTo>
                <a:lnTo>
                  <a:pt x="5175" y="2221"/>
                </a:lnTo>
                <a:lnTo>
                  <a:pt x="5193" y="2231"/>
                </a:lnTo>
                <a:lnTo>
                  <a:pt x="5213" y="2240"/>
                </a:lnTo>
                <a:lnTo>
                  <a:pt x="5232" y="2249"/>
                </a:lnTo>
                <a:lnTo>
                  <a:pt x="5251" y="2256"/>
                </a:lnTo>
                <a:lnTo>
                  <a:pt x="5271" y="2263"/>
                </a:lnTo>
                <a:lnTo>
                  <a:pt x="5292" y="2269"/>
                </a:lnTo>
                <a:lnTo>
                  <a:pt x="5313" y="2274"/>
                </a:lnTo>
                <a:lnTo>
                  <a:pt x="5335" y="2279"/>
                </a:lnTo>
                <a:lnTo>
                  <a:pt x="5357" y="2282"/>
                </a:lnTo>
                <a:lnTo>
                  <a:pt x="5380" y="2286"/>
                </a:lnTo>
                <a:lnTo>
                  <a:pt x="5403" y="2287"/>
                </a:lnTo>
                <a:lnTo>
                  <a:pt x="5426" y="2289"/>
                </a:lnTo>
                <a:lnTo>
                  <a:pt x="5450" y="2289"/>
                </a:lnTo>
                <a:lnTo>
                  <a:pt x="5474" y="2289"/>
                </a:lnTo>
                <a:lnTo>
                  <a:pt x="5497" y="2287"/>
                </a:lnTo>
                <a:lnTo>
                  <a:pt x="5520" y="2286"/>
                </a:lnTo>
                <a:lnTo>
                  <a:pt x="5543" y="2282"/>
                </a:lnTo>
                <a:lnTo>
                  <a:pt x="5565" y="2279"/>
                </a:lnTo>
                <a:lnTo>
                  <a:pt x="5587" y="2274"/>
                </a:lnTo>
                <a:lnTo>
                  <a:pt x="5608" y="2269"/>
                </a:lnTo>
                <a:lnTo>
                  <a:pt x="5629" y="2263"/>
                </a:lnTo>
                <a:lnTo>
                  <a:pt x="5649" y="2256"/>
                </a:lnTo>
                <a:lnTo>
                  <a:pt x="5669" y="2249"/>
                </a:lnTo>
                <a:lnTo>
                  <a:pt x="5688" y="2240"/>
                </a:lnTo>
                <a:lnTo>
                  <a:pt x="5706" y="2231"/>
                </a:lnTo>
                <a:lnTo>
                  <a:pt x="5724" y="2221"/>
                </a:lnTo>
                <a:lnTo>
                  <a:pt x="5741" y="2210"/>
                </a:lnTo>
                <a:lnTo>
                  <a:pt x="5757" y="2198"/>
                </a:lnTo>
                <a:lnTo>
                  <a:pt x="5773" y="2186"/>
                </a:lnTo>
                <a:lnTo>
                  <a:pt x="5788" y="2172"/>
                </a:lnTo>
                <a:lnTo>
                  <a:pt x="5802" y="2158"/>
                </a:lnTo>
                <a:lnTo>
                  <a:pt x="5816" y="2143"/>
                </a:lnTo>
                <a:lnTo>
                  <a:pt x="5828" y="2128"/>
                </a:lnTo>
                <a:lnTo>
                  <a:pt x="5840" y="2111"/>
                </a:lnTo>
                <a:lnTo>
                  <a:pt x="5850" y="2093"/>
                </a:lnTo>
                <a:lnTo>
                  <a:pt x="5860" y="2076"/>
                </a:lnTo>
                <a:lnTo>
                  <a:pt x="5869" y="2057"/>
                </a:lnTo>
                <a:lnTo>
                  <a:pt x="5877" y="2037"/>
                </a:lnTo>
                <a:lnTo>
                  <a:pt x="5884" y="2017"/>
                </a:lnTo>
                <a:lnTo>
                  <a:pt x="5890" y="1994"/>
                </a:lnTo>
                <a:lnTo>
                  <a:pt x="5895" y="1973"/>
                </a:lnTo>
                <a:lnTo>
                  <a:pt x="5899" y="1950"/>
                </a:lnTo>
                <a:lnTo>
                  <a:pt x="5902" y="1927"/>
                </a:lnTo>
                <a:lnTo>
                  <a:pt x="5904" y="1902"/>
                </a:lnTo>
                <a:lnTo>
                  <a:pt x="5904" y="1877"/>
                </a:lnTo>
                <a:close/>
                <a:moveTo>
                  <a:pt x="7251" y="1489"/>
                </a:moveTo>
                <a:lnTo>
                  <a:pt x="7251" y="1563"/>
                </a:lnTo>
                <a:lnTo>
                  <a:pt x="7247" y="1563"/>
                </a:lnTo>
                <a:lnTo>
                  <a:pt x="7238" y="1554"/>
                </a:lnTo>
                <a:lnTo>
                  <a:pt x="7228" y="1544"/>
                </a:lnTo>
                <a:lnTo>
                  <a:pt x="7217" y="1536"/>
                </a:lnTo>
                <a:lnTo>
                  <a:pt x="7206" y="1527"/>
                </a:lnTo>
                <a:lnTo>
                  <a:pt x="7193" y="1519"/>
                </a:lnTo>
                <a:lnTo>
                  <a:pt x="7180" y="1512"/>
                </a:lnTo>
                <a:lnTo>
                  <a:pt x="7166" y="1504"/>
                </a:lnTo>
                <a:lnTo>
                  <a:pt x="7151" y="1499"/>
                </a:lnTo>
                <a:lnTo>
                  <a:pt x="7135" y="1493"/>
                </a:lnTo>
                <a:lnTo>
                  <a:pt x="7118" y="1488"/>
                </a:lnTo>
                <a:lnTo>
                  <a:pt x="7100" y="1483"/>
                </a:lnTo>
                <a:lnTo>
                  <a:pt x="7080" y="1480"/>
                </a:lnTo>
                <a:lnTo>
                  <a:pt x="7060" y="1477"/>
                </a:lnTo>
                <a:lnTo>
                  <a:pt x="7038" y="1476"/>
                </a:lnTo>
                <a:lnTo>
                  <a:pt x="7016" y="1473"/>
                </a:lnTo>
                <a:lnTo>
                  <a:pt x="6991" y="1473"/>
                </a:lnTo>
                <a:lnTo>
                  <a:pt x="6968" y="1474"/>
                </a:lnTo>
                <a:lnTo>
                  <a:pt x="6945" y="1476"/>
                </a:lnTo>
                <a:lnTo>
                  <a:pt x="6922" y="1479"/>
                </a:lnTo>
                <a:lnTo>
                  <a:pt x="6901" y="1482"/>
                </a:lnTo>
                <a:lnTo>
                  <a:pt x="6881" y="1488"/>
                </a:lnTo>
                <a:lnTo>
                  <a:pt x="6861" y="1494"/>
                </a:lnTo>
                <a:lnTo>
                  <a:pt x="6842" y="1501"/>
                </a:lnTo>
                <a:lnTo>
                  <a:pt x="6824" y="1509"/>
                </a:lnTo>
                <a:lnTo>
                  <a:pt x="6806" y="1518"/>
                </a:lnTo>
                <a:lnTo>
                  <a:pt x="6790" y="1528"/>
                </a:lnTo>
                <a:lnTo>
                  <a:pt x="6774" y="1538"/>
                </a:lnTo>
                <a:lnTo>
                  <a:pt x="6759" y="1550"/>
                </a:lnTo>
                <a:lnTo>
                  <a:pt x="6745" y="1561"/>
                </a:lnTo>
                <a:lnTo>
                  <a:pt x="6732" y="1574"/>
                </a:lnTo>
                <a:lnTo>
                  <a:pt x="6719" y="1588"/>
                </a:lnTo>
                <a:lnTo>
                  <a:pt x="6708" y="1601"/>
                </a:lnTo>
                <a:lnTo>
                  <a:pt x="6697" y="1617"/>
                </a:lnTo>
                <a:lnTo>
                  <a:pt x="6687" y="1631"/>
                </a:lnTo>
                <a:lnTo>
                  <a:pt x="6677" y="1647"/>
                </a:lnTo>
                <a:lnTo>
                  <a:pt x="6668" y="1662"/>
                </a:lnTo>
                <a:lnTo>
                  <a:pt x="6660" y="1679"/>
                </a:lnTo>
                <a:lnTo>
                  <a:pt x="6653" y="1696"/>
                </a:lnTo>
                <a:lnTo>
                  <a:pt x="6647" y="1712"/>
                </a:lnTo>
                <a:lnTo>
                  <a:pt x="6641" y="1730"/>
                </a:lnTo>
                <a:lnTo>
                  <a:pt x="6636" y="1748"/>
                </a:lnTo>
                <a:lnTo>
                  <a:pt x="6631" y="1764"/>
                </a:lnTo>
                <a:lnTo>
                  <a:pt x="6628" y="1782"/>
                </a:lnTo>
                <a:lnTo>
                  <a:pt x="6625" y="1801"/>
                </a:lnTo>
                <a:lnTo>
                  <a:pt x="6622" y="1819"/>
                </a:lnTo>
                <a:lnTo>
                  <a:pt x="6621" y="1837"/>
                </a:lnTo>
                <a:lnTo>
                  <a:pt x="6620" y="1854"/>
                </a:lnTo>
                <a:lnTo>
                  <a:pt x="6619" y="1872"/>
                </a:lnTo>
                <a:lnTo>
                  <a:pt x="6620" y="1893"/>
                </a:lnTo>
                <a:lnTo>
                  <a:pt x="6621" y="1913"/>
                </a:lnTo>
                <a:lnTo>
                  <a:pt x="6622" y="1933"/>
                </a:lnTo>
                <a:lnTo>
                  <a:pt x="6625" y="1953"/>
                </a:lnTo>
                <a:lnTo>
                  <a:pt x="6628" y="1972"/>
                </a:lnTo>
                <a:lnTo>
                  <a:pt x="6631" y="1991"/>
                </a:lnTo>
                <a:lnTo>
                  <a:pt x="6636" y="2010"/>
                </a:lnTo>
                <a:lnTo>
                  <a:pt x="6641" y="2028"/>
                </a:lnTo>
                <a:lnTo>
                  <a:pt x="6647" y="2046"/>
                </a:lnTo>
                <a:lnTo>
                  <a:pt x="6653" y="2062"/>
                </a:lnTo>
                <a:lnTo>
                  <a:pt x="6661" y="2079"/>
                </a:lnTo>
                <a:lnTo>
                  <a:pt x="6668" y="2094"/>
                </a:lnTo>
                <a:lnTo>
                  <a:pt x="6677" y="2110"/>
                </a:lnTo>
                <a:lnTo>
                  <a:pt x="6686" y="2124"/>
                </a:lnTo>
                <a:lnTo>
                  <a:pt x="6696" y="2139"/>
                </a:lnTo>
                <a:lnTo>
                  <a:pt x="6707" y="2152"/>
                </a:lnTo>
                <a:lnTo>
                  <a:pt x="6718" y="2166"/>
                </a:lnTo>
                <a:lnTo>
                  <a:pt x="6731" y="2178"/>
                </a:lnTo>
                <a:lnTo>
                  <a:pt x="6743" y="2190"/>
                </a:lnTo>
                <a:lnTo>
                  <a:pt x="6757" y="2201"/>
                </a:lnTo>
                <a:lnTo>
                  <a:pt x="6771" y="2211"/>
                </a:lnTo>
                <a:lnTo>
                  <a:pt x="6786" y="2220"/>
                </a:lnTo>
                <a:lnTo>
                  <a:pt x="6802" y="2229"/>
                </a:lnTo>
                <a:lnTo>
                  <a:pt x="6819" y="2238"/>
                </a:lnTo>
                <a:lnTo>
                  <a:pt x="6836" y="2244"/>
                </a:lnTo>
                <a:lnTo>
                  <a:pt x="6854" y="2251"/>
                </a:lnTo>
                <a:lnTo>
                  <a:pt x="6872" y="2257"/>
                </a:lnTo>
                <a:lnTo>
                  <a:pt x="6892" y="2262"/>
                </a:lnTo>
                <a:lnTo>
                  <a:pt x="6912" y="2266"/>
                </a:lnTo>
                <a:lnTo>
                  <a:pt x="6932" y="2269"/>
                </a:lnTo>
                <a:lnTo>
                  <a:pt x="6954" y="2271"/>
                </a:lnTo>
                <a:lnTo>
                  <a:pt x="6976" y="2272"/>
                </a:lnTo>
                <a:lnTo>
                  <a:pt x="6999" y="2272"/>
                </a:lnTo>
                <a:lnTo>
                  <a:pt x="7020" y="2271"/>
                </a:lnTo>
                <a:lnTo>
                  <a:pt x="7042" y="2269"/>
                </a:lnTo>
                <a:lnTo>
                  <a:pt x="7062" y="2266"/>
                </a:lnTo>
                <a:lnTo>
                  <a:pt x="7082" y="2261"/>
                </a:lnTo>
                <a:lnTo>
                  <a:pt x="7101" y="2256"/>
                </a:lnTo>
                <a:lnTo>
                  <a:pt x="7119" y="2249"/>
                </a:lnTo>
                <a:lnTo>
                  <a:pt x="7136" y="2242"/>
                </a:lnTo>
                <a:lnTo>
                  <a:pt x="7152" y="2234"/>
                </a:lnTo>
                <a:lnTo>
                  <a:pt x="7167" y="2226"/>
                </a:lnTo>
                <a:lnTo>
                  <a:pt x="7182" y="2217"/>
                </a:lnTo>
                <a:lnTo>
                  <a:pt x="7195" y="2208"/>
                </a:lnTo>
                <a:lnTo>
                  <a:pt x="7207" y="2199"/>
                </a:lnTo>
                <a:lnTo>
                  <a:pt x="7218" y="2190"/>
                </a:lnTo>
                <a:lnTo>
                  <a:pt x="7228" y="2181"/>
                </a:lnTo>
                <a:lnTo>
                  <a:pt x="7237" y="2171"/>
                </a:lnTo>
                <a:lnTo>
                  <a:pt x="7240" y="2171"/>
                </a:lnTo>
                <a:lnTo>
                  <a:pt x="7240" y="2172"/>
                </a:lnTo>
                <a:lnTo>
                  <a:pt x="7240" y="2174"/>
                </a:lnTo>
                <a:lnTo>
                  <a:pt x="7240" y="2178"/>
                </a:lnTo>
                <a:lnTo>
                  <a:pt x="7240" y="2182"/>
                </a:lnTo>
                <a:lnTo>
                  <a:pt x="7240" y="2187"/>
                </a:lnTo>
                <a:lnTo>
                  <a:pt x="7240" y="2192"/>
                </a:lnTo>
                <a:lnTo>
                  <a:pt x="7240" y="2198"/>
                </a:lnTo>
                <a:lnTo>
                  <a:pt x="7240" y="2204"/>
                </a:lnTo>
                <a:lnTo>
                  <a:pt x="7240" y="2227"/>
                </a:lnTo>
                <a:lnTo>
                  <a:pt x="7238" y="2249"/>
                </a:lnTo>
                <a:lnTo>
                  <a:pt x="7235" y="2270"/>
                </a:lnTo>
                <a:lnTo>
                  <a:pt x="7230" y="2291"/>
                </a:lnTo>
                <a:lnTo>
                  <a:pt x="7227" y="2302"/>
                </a:lnTo>
                <a:lnTo>
                  <a:pt x="7224" y="2312"/>
                </a:lnTo>
                <a:lnTo>
                  <a:pt x="7220" y="2322"/>
                </a:lnTo>
                <a:lnTo>
                  <a:pt x="7216" y="2331"/>
                </a:lnTo>
                <a:lnTo>
                  <a:pt x="7211" y="2341"/>
                </a:lnTo>
                <a:lnTo>
                  <a:pt x="7205" y="2350"/>
                </a:lnTo>
                <a:lnTo>
                  <a:pt x="7199" y="2359"/>
                </a:lnTo>
                <a:lnTo>
                  <a:pt x="7192" y="2367"/>
                </a:lnTo>
                <a:lnTo>
                  <a:pt x="7185" y="2374"/>
                </a:lnTo>
                <a:lnTo>
                  <a:pt x="7177" y="2382"/>
                </a:lnTo>
                <a:lnTo>
                  <a:pt x="7168" y="2390"/>
                </a:lnTo>
                <a:lnTo>
                  <a:pt x="7158" y="2397"/>
                </a:lnTo>
                <a:lnTo>
                  <a:pt x="7148" y="2403"/>
                </a:lnTo>
                <a:lnTo>
                  <a:pt x="7137" y="2409"/>
                </a:lnTo>
                <a:lnTo>
                  <a:pt x="7125" y="2414"/>
                </a:lnTo>
                <a:lnTo>
                  <a:pt x="7113" y="2420"/>
                </a:lnTo>
                <a:lnTo>
                  <a:pt x="7099" y="2424"/>
                </a:lnTo>
                <a:lnTo>
                  <a:pt x="7085" y="2429"/>
                </a:lnTo>
                <a:lnTo>
                  <a:pt x="7070" y="2432"/>
                </a:lnTo>
                <a:lnTo>
                  <a:pt x="7054" y="2434"/>
                </a:lnTo>
                <a:lnTo>
                  <a:pt x="7037" y="2437"/>
                </a:lnTo>
                <a:lnTo>
                  <a:pt x="7019" y="2439"/>
                </a:lnTo>
                <a:lnTo>
                  <a:pt x="7000" y="2440"/>
                </a:lnTo>
                <a:lnTo>
                  <a:pt x="6980" y="2440"/>
                </a:lnTo>
                <a:lnTo>
                  <a:pt x="6947" y="2439"/>
                </a:lnTo>
                <a:lnTo>
                  <a:pt x="6913" y="2437"/>
                </a:lnTo>
                <a:lnTo>
                  <a:pt x="6878" y="2432"/>
                </a:lnTo>
                <a:lnTo>
                  <a:pt x="6843" y="2426"/>
                </a:lnTo>
                <a:lnTo>
                  <a:pt x="6826" y="2421"/>
                </a:lnTo>
                <a:lnTo>
                  <a:pt x="6807" y="2417"/>
                </a:lnTo>
                <a:lnTo>
                  <a:pt x="6789" y="2411"/>
                </a:lnTo>
                <a:lnTo>
                  <a:pt x="6772" y="2406"/>
                </a:lnTo>
                <a:lnTo>
                  <a:pt x="6754" y="2399"/>
                </a:lnTo>
                <a:lnTo>
                  <a:pt x="6737" y="2391"/>
                </a:lnTo>
                <a:lnTo>
                  <a:pt x="6719" y="2383"/>
                </a:lnTo>
                <a:lnTo>
                  <a:pt x="6702" y="2373"/>
                </a:lnTo>
                <a:lnTo>
                  <a:pt x="6702" y="2553"/>
                </a:lnTo>
                <a:lnTo>
                  <a:pt x="6736" y="2566"/>
                </a:lnTo>
                <a:lnTo>
                  <a:pt x="6772" y="2576"/>
                </a:lnTo>
                <a:lnTo>
                  <a:pt x="6810" y="2583"/>
                </a:lnTo>
                <a:lnTo>
                  <a:pt x="6848" y="2590"/>
                </a:lnTo>
                <a:lnTo>
                  <a:pt x="6887" y="2594"/>
                </a:lnTo>
                <a:lnTo>
                  <a:pt x="6928" y="2598"/>
                </a:lnTo>
                <a:lnTo>
                  <a:pt x="6970" y="2599"/>
                </a:lnTo>
                <a:lnTo>
                  <a:pt x="7013" y="2600"/>
                </a:lnTo>
                <a:lnTo>
                  <a:pt x="7046" y="2599"/>
                </a:lnTo>
                <a:lnTo>
                  <a:pt x="7078" y="2598"/>
                </a:lnTo>
                <a:lnTo>
                  <a:pt x="7108" y="2594"/>
                </a:lnTo>
                <a:lnTo>
                  <a:pt x="7136" y="2590"/>
                </a:lnTo>
                <a:lnTo>
                  <a:pt x="7163" y="2584"/>
                </a:lnTo>
                <a:lnTo>
                  <a:pt x="7189" y="2579"/>
                </a:lnTo>
                <a:lnTo>
                  <a:pt x="7213" y="2571"/>
                </a:lnTo>
                <a:lnTo>
                  <a:pt x="7236" y="2562"/>
                </a:lnTo>
                <a:lnTo>
                  <a:pt x="7257" y="2553"/>
                </a:lnTo>
                <a:lnTo>
                  <a:pt x="7278" y="2543"/>
                </a:lnTo>
                <a:lnTo>
                  <a:pt x="7296" y="2532"/>
                </a:lnTo>
                <a:lnTo>
                  <a:pt x="7314" y="2520"/>
                </a:lnTo>
                <a:lnTo>
                  <a:pt x="7331" y="2507"/>
                </a:lnTo>
                <a:lnTo>
                  <a:pt x="7346" y="2493"/>
                </a:lnTo>
                <a:lnTo>
                  <a:pt x="7360" y="2480"/>
                </a:lnTo>
                <a:lnTo>
                  <a:pt x="7373" y="2464"/>
                </a:lnTo>
                <a:lnTo>
                  <a:pt x="7385" y="2449"/>
                </a:lnTo>
                <a:lnTo>
                  <a:pt x="7396" y="2433"/>
                </a:lnTo>
                <a:lnTo>
                  <a:pt x="7406" y="2417"/>
                </a:lnTo>
                <a:lnTo>
                  <a:pt x="7415" y="2400"/>
                </a:lnTo>
                <a:lnTo>
                  <a:pt x="7423" y="2382"/>
                </a:lnTo>
                <a:lnTo>
                  <a:pt x="7430" y="2364"/>
                </a:lnTo>
                <a:lnTo>
                  <a:pt x="7436" y="2346"/>
                </a:lnTo>
                <a:lnTo>
                  <a:pt x="7442" y="2328"/>
                </a:lnTo>
                <a:lnTo>
                  <a:pt x="7447" y="2309"/>
                </a:lnTo>
                <a:lnTo>
                  <a:pt x="7451" y="2290"/>
                </a:lnTo>
                <a:lnTo>
                  <a:pt x="7454" y="2270"/>
                </a:lnTo>
                <a:lnTo>
                  <a:pt x="7457" y="2251"/>
                </a:lnTo>
                <a:lnTo>
                  <a:pt x="7459" y="2231"/>
                </a:lnTo>
                <a:lnTo>
                  <a:pt x="7460" y="2212"/>
                </a:lnTo>
                <a:lnTo>
                  <a:pt x="7461" y="2192"/>
                </a:lnTo>
                <a:lnTo>
                  <a:pt x="7461" y="2172"/>
                </a:lnTo>
                <a:lnTo>
                  <a:pt x="7461" y="1489"/>
                </a:lnTo>
                <a:lnTo>
                  <a:pt x="7251" y="1489"/>
                </a:lnTo>
                <a:close/>
                <a:moveTo>
                  <a:pt x="7044" y="2109"/>
                </a:moveTo>
                <a:lnTo>
                  <a:pt x="7032" y="2108"/>
                </a:lnTo>
                <a:lnTo>
                  <a:pt x="7020" y="2108"/>
                </a:lnTo>
                <a:lnTo>
                  <a:pt x="7009" y="2106"/>
                </a:lnTo>
                <a:lnTo>
                  <a:pt x="6998" y="2103"/>
                </a:lnTo>
                <a:lnTo>
                  <a:pt x="6988" y="2101"/>
                </a:lnTo>
                <a:lnTo>
                  <a:pt x="6978" y="2097"/>
                </a:lnTo>
                <a:lnTo>
                  <a:pt x="6968" y="2093"/>
                </a:lnTo>
                <a:lnTo>
                  <a:pt x="6959" y="2089"/>
                </a:lnTo>
                <a:lnTo>
                  <a:pt x="6950" y="2083"/>
                </a:lnTo>
                <a:lnTo>
                  <a:pt x="6942" y="2078"/>
                </a:lnTo>
                <a:lnTo>
                  <a:pt x="6934" y="2072"/>
                </a:lnTo>
                <a:lnTo>
                  <a:pt x="6926" y="2066"/>
                </a:lnTo>
                <a:lnTo>
                  <a:pt x="6919" y="2059"/>
                </a:lnTo>
                <a:lnTo>
                  <a:pt x="6912" y="2052"/>
                </a:lnTo>
                <a:lnTo>
                  <a:pt x="6905" y="2044"/>
                </a:lnTo>
                <a:lnTo>
                  <a:pt x="6899" y="2037"/>
                </a:lnTo>
                <a:lnTo>
                  <a:pt x="6888" y="2019"/>
                </a:lnTo>
                <a:lnTo>
                  <a:pt x="6879" y="2001"/>
                </a:lnTo>
                <a:lnTo>
                  <a:pt x="6870" y="1982"/>
                </a:lnTo>
                <a:lnTo>
                  <a:pt x="6864" y="1962"/>
                </a:lnTo>
                <a:lnTo>
                  <a:pt x="6859" y="1941"/>
                </a:lnTo>
                <a:lnTo>
                  <a:pt x="6855" y="1920"/>
                </a:lnTo>
                <a:lnTo>
                  <a:pt x="6853" y="1898"/>
                </a:lnTo>
                <a:lnTo>
                  <a:pt x="6852" y="1876"/>
                </a:lnTo>
                <a:lnTo>
                  <a:pt x="6853" y="1853"/>
                </a:lnTo>
                <a:lnTo>
                  <a:pt x="6855" y="1831"/>
                </a:lnTo>
                <a:lnTo>
                  <a:pt x="6858" y="1809"/>
                </a:lnTo>
                <a:lnTo>
                  <a:pt x="6862" y="1788"/>
                </a:lnTo>
                <a:lnTo>
                  <a:pt x="6868" y="1767"/>
                </a:lnTo>
                <a:lnTo>
                  <a:pt x="6876" y="1747"/>
                </a:lnTo>
                <a:lnTo>
                  <a:pt x="6885" y="1728"/>
                </a:lnTo>
                <a:lnTo>
                  <a:pt x="6896" y="1710"/>
                </a:lnTo>
                <a:lnTo>
                  <a:pt x="6902" y="1701"/>
                </a:lnTo>
                <a:lnTo>
                  <a:pt x="6909" y="1693"/>
                </a:lnTo>
                <a:lnTo>
                  <a:pt x="6916" y="1686"/>
                </a:lnTo>
                <a:lnTo>
                  <a:pt x="6923" y="1678"/>
                </a:lnTo>
                <a:lnTo>
                  <a:pt x="6931" y="1671"/>
                </a:lnTo>
                <a:lnTo>
                  <a:pt x="6939" y="1664"/>
                </a:lnTo>
                <a:lnTo>
                  <a:pt x="6948" y="1659"/>
                </a:lnTo>
                <a:lnTo>
                  <a:pt x="6958" y="1653"/>
                </a:lnTo>
                <a:lnTo>
                  <a:pt x="6967" y="1649"/>
                </a:lnTo>
                <a:lnTo>
                  <a:pt x="6978" y="1644"/>
                </a:lnTo>
                <a:lnTo>
                  <a:pt x="6989" y="1641"/>
                </a:lnTo>
                <a:lnTo>
                  <a:pt x="7000" y="1638"/>
                </a:lnTo>
                <a:lnTo>
                  <a:pt x="7012" y="1636"/>
                </a:lnTo>
                <a:lnTo>
                  <a:pt x="7025" y="1633"/>
                </a:lnTo>
                <a:lnTo>
                  <a:pt x="7038" y="1632"/>
                </a:lnTo>
                <a:lnTo>
                  <a:pt x="7052" y="1632"/>
                </a:lnTo>
                <a:lnTo>
                  <a:pt x="7064" y="1632"/>
                </a:lnTo>
                <a:lnTo>
                  <a:pt x="7075" y="1633"/>
                </a:lnTo>
                <a:lnTo>
                  <a:pt x="7086" y="1634"/>
                </a:lnTo>
                <a:lnTo>
                  <a:pt x="7097" y="1637"/>
                </a:lnTo>
                <a:lnTo>
                  <a:pt x="7108" y="1640"/>
                </a:lnTo>
                <a:lnTo>
                  <a:pt x="7118" y="1643"/>
                </a:lnTo>
                <a:lnTo>
                  <a:pt x="7127" y="1647"/>
                </a:lnTo>
                <a:lnTo>
                  <a:pt x="7137" y="1651"/>
                </a:lnTo>
                <a:lnTo>
                  <a:pt x="7145" y="1656"/>
                </a:lnTo>
                <a:lnTo>
                  <a:pt x="7154" y="1661"/>
                </a:lnTo>
                <a:lnTo>
                  <a:pt x="7162" y="1667"/>
                </a:lnTo>
                <a:lnTo>
                  <a:pt x="7169" y="1673"/>
                </a:lnTo>
                <a:lnTo>
                  <a:pt x="7176" y="1680"/>
                </a:lnTo>
                <a:lnTo>
                  <a:pt x="7183" y="1687"/>
                </a:lnTo>
                <a:lnTo>
                  <a:pt x="7190" y="1694"/>
                </a:lnTo>
                <a:lnTo>
                  <a:pt x="7196" y="1702"/>
                </a:lnTo>
                <a:lnTo>
                  <a:pt x="7207" y="1719"/>
                </a:lnTo>
                <a:lnTo>
                  <a:pt x="7216" y="1738"/>
                </a:lnTo>
                <a:lnTo>
                  <a:pt x="7224" y="1758"/>
                </a:lnTo>
                <a:lnTo>
                  <a:pt x="7230" y="1778"/>
                </a:lnTo>
                <a:lnTo>
                  <a:pt x="7235" y="1800"/>
                </a:lnTo>
                <a:lnTo>
                  <a:pt x="7239" y="1823"/>
                </a:lnTo>
                <a:lnTo>
                  <a:pt x="7241" y="1847"/>
                </a:lnTo>
                <a:lnTo>
                  <a:pt x="7242" y="1871"/>
                </a:lnTo>
                <a:lnTo>
                  <a:pt x="7241" y="1892"/>
                </a:lnTo>
                <a:lnTo>
                  <a:pt x="7239" y="1913"/>
                </a:lnTo>
                <a:lnTo>
                  <a:pt x="7236" y="1934"/>
                </a:lnTo>
                <a:lnTo>
                  <a:pt x="7231" y="1956"/>
                </a:lnTo>
                <a:lnTo>
                  <a:pt x="7225" y="1976"/>
                </a:lnTo>
                <a:lnTo>
                  <a:pt x="7217" y="1996"/>
                </a:lnTo>
                <a:lnTo>
                  <a:pt x="7208" y="2014"/>
                </a:lnTo>
                <a:lnTo>
                  <a:pt x="7197" y="2032"/>
                </a:lnTo>
                <a:lnTo>
                  <a:pt x="7191" y="2040"/>
                </a:lnTo>
                <a:lnTo>
                  <a:pt x="7184" y="2048"/>
                </a:lnTo>
                <a:lnTo>
                  <a:pt x="7177" y="2056"/>
                </a:lnTo>
                <a:lnTo>
                  <a:pt x="7170" y="2063"/>
                </a:lnTo>
                <a:lnTo>
                  <a:pt x="7162" y="2070"/>
                </a:lnTo>
                <a:lnTo>
                  <a:pt x="7154" y="2077"/>
                </a:lnTo>
                <a:lnTo>
                  <a:pt x="7145" y="2082"/>
                </a:lnTo>
                <a:lnTo>
                  <a:pt x="7136" y="2088"/>
                </a:lnTo>
                <a:lnTo>
                  <a:pt x="7126" y="2092"/>
                </a:lnTo>
                <a:lnTo>
                  <a:pt x="7116" y="2097"/>
                </a:lnTo>
                <a:lnTo>
                  <a:pt x="7105" y="2100"/>
                </a:lnTo>
                <a:lnTo>
                  <a:pt x="7094" y="2103"/>
                </a:lnTo>
                <a:lnTo>
                  <a:pt x="7082" y="2106"/>
                </a:lnTo>
                <a:lnTo>
                  <a:pt x="7070" y="2107"/>
                </a:lnTo>
                <a:lnTo>
                  <a:pt x="7057" y="2108"/>
                </a:lnTo>
                <a:lnTo>
                  <a:pt x="7044" y="2109"/>
                </a:lnTo>
                <a:close/>
                <a:moveTo>
                  <a:pt x="8369" y="1777"/>
                </a:moveTo>
                <a:lnTo>
                  <a:pt x="8368" y="1759"/>
                </a:lnTo>
                <a:lnTo>
                  <a:pt x="8367" y="1741"/>
                </a:lnTo>
                <a:lnTo>
                  <a:pt x="8366" y="1723"/>
                </a:lnTo>
                <a:lnTo>
                  <a:pt x="8363" y="1707"/>
                </a:lnTo>
                <a:lnTo>
                  <a:pt x="8360" y="1691"/>
                </a:lnTo>
                <a:lnTo>
                  <a:pt x="8357" y="1674"/>
                </a:lnTo>
                <a:lnTo>
                  <a:pt x="8352" y="1660"/>
                </a:lnTo>
                <a:lnTo>
                  <a:pt x="8347" y="1646"/>
                </a:lnTo>
                <a:lnTo>
                  <a:pt x="8341" y="1631"/>
                </a:lnTo>
                <a:lnTo>
                  <a:pt x="8335" y="1618"/>
                </a:lnTo>
                <a:lnTo>
                  <a:pt x="8328" y="1606"/>
                </a:lnTo>
                <a:lnTo>
                  <a:pt x="8320" y="1593"/>
                </a:lnTo>
                <a:lnTo>
                  <a:pt x="8311" y="1582"/>
                </a:lnTo>
                <a:lnTo>
                  <a:pt x="8302" y="1571"/>
                </a:lnTo>
                <a:lnTo>
                  <a:pt x="8292" y="1560"/>
                </a:lnTo>
                <a:lnTo>
                  <a:pt x="8281" y="1550"/>
                </a:lnTo>
                <a:lnTo>
                  <a:pt x="8270" y="1541"/>
                </a:lnTo>
                <a:lnTo>
                  <a:pt x="8257" y="1532"/>
                </a:lnTo>
                <a:lnTo>
                  <a:pt x="8244" y="1524"/>
                </a:lnTo>
                <a:lnTo>
                  <a:pt x="8230" y="1517"/>
                </a:lnTo>
                <a:lnTo>
                  <a:pt x="8216" y="1510"/>
                </a:lnTo>
                <a:lnTo>
                  <a:pt x="8200" y="1503"/>
                </a:lnTo>
                <a:lnTo>
                  <a:pt x="8184" y="1498"/>
                </a:lnTo>
                <a:lnTo>
                  <a:pt x="8167" y="1492"/>
                </a:lnTo>
                <a:lnTo>
                  <a:pt x="8150" y="1488"/>
                </a:lnTo>
                <a:lnTo>
                  <a:pt x="8131" y="1484"/>
                </a:lnTo>
                <a:lnTo>
                  <a:pt x="8112" y="1481"/>
                </a:lnTo>
                <a:lnTo>
                  <a:pt x="8092" y="1478"/>
                </a:lnTo>
                <a:lnTo>
                  <a:pt x="8071" y="1476"/>
                </a:lnTo>
                <a:lnTo>
                  <a:pt x="8049" y="1474"/>
                </a:lnTo>
                <a:lnTo>
                  <a:pt x="8027" y="1473"/>
                </a:lnTo>
                <a:lnTo>
                  <a:pt x="8003" y="1473"/>
                </a:lnTo>
                <a:lnTo>
                  <a:pt x="7971" y="1473"/>
                </a:lnTo>
                <a:lnTo>
                  <a:pt x="7935" y="1476"/>
                </a:lnTo>
                <a:lnTo>
                  <a:pt x="7898" y="1478"/>
                </a:lnTo>
                <a:lnTo>
                  <a:pt x="7858" y="1482"/>
                </a:lnTo>
                <a:lnTo>
                  <a:pt x="7818" y="1488"/>
                </a:lnTo>
                <a:lnTo>
                  <a:pt x="7777" y="1496"/>
                </a:lnTo>
                <a:lnTo>
                  <a:pt x="7737" y="1504"/>
                </a:lnTo>
                <a:lnTo>
                  <a:pt x="7697" y="1514"/>
                </a:lnTo>
                <a:lnTo>
                  <a:pt x="7697" y="1670"/>
                </a:lnTo>
                <a:lnTo>
                  <a:pt x="7728" y="1658"/>
                </a:lnTo>
                <a:lnTo>
                  <a:pt x="7760" y="1648"/>
                </a:lnTo>
                <a:lnTo>
                  <a:pt x="7793" y="1640"/>
                </a:lnTo>
                <a:lnTo>
                  <a:pt x="7827" y="1633"/>
                </a:lnTo>
                <a:lnTo>
                  <a:pt x="7860" y="1628"/>
                </a:lnTo>
                <a:lnTo>
                  <a:pt x="7892" y="1623"/>
                </a:lnTo>
                <a:lnTo>
                  <a:pt x="7924" y="1621"/>
                </a:lnTo>
                <a:lnTo>
                  <a:pt x="7954" y="1621"/>
                </a:lnTo>
                <a:lnTo>
                  <a:pt x="7975" y="1621"/>
                </a:lnTo>
                <a:lnTo>
                  <a:pt x="7995" y="1622"/>
                </a:lnTo>
                <a:lnTo>
                  <a:pt x="8014" y="1623"/>
                </a:lnTo>
                <a:lnTo>
                  <a:pt x="8033" y="1626"/>
                </a:lnTo>
                <a:lnTo>
                  <a:pt x="8050" y="1629"/>
                </a:lnTo>
                <a:lnTo>
                  <a:pt x="8067" y="1634"/>
                </a:lnTo>
                <a:lnTo>
                  <a:pt x="8082" y="1640"/>
                </a:lnTo>
                <a:lnTo>
                  <a:pt x="8096" y="1648"/>
                </a:lnTo>
                <a:lnTo>
                  <a:pt x="8102" y="1653"/>
                </a:lnTo>
                <a:lnTo>
                  <a:pt x="8108" y="1658"/>
                </a:lnTo>
                <a:lnTo>
                  <a:pt x="8114" y="1663"/>
                </a:lnTo>
                <a:lnTo>
                  <a:pt x="8120" y="1670"/>
                </a:lnTo>
                <a:lnTo>
                  <a:pt x="8125" y="1677"/>
                </a:lnTo>
                <a:lnTo>
                  <a:pt x="8129" y="1683"/>
                </a:lnTo>
                <a:lnTo>
                  <a:pt x="8134" y="1691"/>
                </a:lnTo>
                <a:lnTo>
                  <a:pt x="8138" y="1700"/>
                </a:lnTo>
                <a:lnTo>
                  <a:pt x="8141" y="1709"/>
                </a:lnTo>
                <a:lnTo>
                  <a:pt x="8144" y="1719"/>
                </a:lnTo>
                <a:lnTo>
                  <a:pt x="8147" y="1729"/>
                </a:lnTo>
                <a:lnTo>
                  <a:pt x="8149" y="1740"/>
                </a:lnTo>
                <a:lnTo>
                  <a:pt x="8151" y="1752"/>
                </a:lnTo>
                <a:lnTo>
                  <a:pt x="8152" y="1764"/>
                </a:lnTo>
                <a:lnTo>
                  <a:pt x="8153" y="1778"/>
                </a:lnTo>
                <a:lnTo>
                  <a:pt x="8153" y="1792"/>
                </a:lnTo>
                <a:lnTo>
                  <a:pt x="8044" y="1792"/>
                </a:lnTo>
                <a:lnTo>
                  <a:pt x="8007" y="1792"/>
                </a:lnTo>
                <a:lnTo>
                  <a:pt x="7969" y="1794"/>
                </a:lnTo>
                <a:lnTo>
                  <a:pt x="7929" y="1797"/>
                </a:lnTo>
                <a:lnTo>
                  <a:pt x="7889" y="1800"/>
                </a:lnTo>
                <a:lnTo>
                  <a:pt x="7851" y="1806"/>
                </a:lnTo>
                <a:lnTo>
                  <a:pt x="7815" y="1811"/>
                </a:lnTo>
                <a:lnTo>
                  <a:pt x="7798" y="1816"/>
                </a:lnTo>
                <a:lnTo>
                  <a:pt x="7782" y="1819"/>
                </a:lnTo>
                <a:lnTo>
                  <a:pt x="7767" y="1823"/>
                </a:lnTo>
                <a:lnTo>
                  <a:pt x="7753" y="1828"/>
                </a:lnTo>
                <a:lnTo>
                  <a:pt x="7738" y="1834"/>
                </a:lnTo>
                <a:lnTo>
                  <a:pt x="7723" y="1841"/>
                </a:lnTo>
                <a:lnTo>
                  <a:pt x="7708" y="1849"/>
                </a:lnTo>
                <a:lnTo>
                  <a:pt x="7694" y="1857"/>
                </a:lnTo>
                <a:lnTo>
                  <a:pt x="7680" y="1867"/>
                </a:lnTo>
                <a:lnTo>
                  <a:pt x="7667" y="1877"/>
                </a:lnTo>
                <a:lnTo>
                  <a:pt x="7655" y="1888"/>
                </a:lnTo>
                <a:lnTo>
                  <a:pt x="7644" y="1900"/>
                </a:lnTo>
                <a:lnTo>
                  <a:pt x="7633" y="1913"/>
                </a:lnTo>
                <a:lnTo>
                  <a:pt x="7624" y="1928"/>
                </a:lnTo>
                <a:lnTo>
                  <a:pt x="7615" y="1943"/>
                </a:lnTo>
                <a:lnTo>
                  <a:pt x="7607" y="1959"/>
                </a:lnTo>
                <a:lnTo>
                  <a:pt x="7602" y="1977"/>
                </a:lnTo>
                <a:lnTo>
                  <a:pt x="7598" y="1994"/>
                </a:lnTo>
                <a:lnTo>
                  <a:pt x="7595" y="2014"/>
                </a:lnTo>
                <a:lnTo>
                  <a:pt x="7594" y="2034"/>
                </a:lnTo>
                <a:lnTo>
                  <a:pt x="7594" y="2052"/>
                </a:lnTo>
                <a:lnTo>
                  <a:pt x="7596" y="2068"/>
                </a:lnTo>
                <a:lnTo>
                  <a:pt x="7598" y="2083"/>
                </a:lnTo>
                <a:lnTo>
                  <a:pt x="7600" y="2098"/>
                </a:lnTo>
                <a:lnTo>
                  <a:pt x="7604" y="2112"/>
                </a:lnTo>
                <a:lnTo>
                  <a:pt x="7608" y="2126"/>
                </a:lnTo>
                <a:lnTo>
                  <a:pt x="7614" y="2138"/>
                </a:lnTo>
                <a:lnTo>
                  <a:pt x="7620" y="2150"/>
                </a:lnTo>
                <a:lnTo>
                  <a:pt x="7626" y="2162"/>
                </a:lnTo>
                <a:lnTo>
                  <a:pt x="7633" y="2173"/>
                </a:lnTo>
                <a:lnTo>
                  <a:pt x="7641" y="2183"/>
                </a:lnTo>
                <a:lnTo>
                  <a:pt x="7649" y="2193"/>
                </a:lnTo>
                <a:lnTo>
                  <a:pt x="7658" y="2202"/>
                </a:lnTo>
                <a:lnTo>
                  <a:pt x="7667" y="2211"/>
                </a:lnTo>
                <a:lnTo>
                  <a:pt x="7677" y="2219"/>
                </a:lnTo>
                <a:lnTo>
                  <a:pt x="7687" y="2227"/>
                </a:lnTo>
                <a:lnTo>
                  <a:pt x="7698" y="2234"/>
                </a:lnTo>
                <a:lnTo>
                  <a:pt x="7709" y="2241"/>
                </a:lnTo>
                <a:lnTo>
                  <a:pt x="7720" y="2247"/>
                </a:lnTo>
                <a:lnTo>
                  <a:pt x="7732" y="2252"/>
                </a:lnTo>
                <a:lnTo>
                  <a:pt x="7745" y="2258"/>
                </a:lnTo>
                <a:lnTo>
                  <a:pt x="7757" y="2262"/>
                </a:lnTo>
                <a:lnTo>
                  <a:pt x="7771" y="2266"/>
                </a:lnTo>
                <a:lnTo>
                  <a:pt x="7784" y="2269"/>
                </a:lnTo>
                <a:lnTo>
                  <a:pt x="7812" y="2276"/>
                </a:lnTo>
                <a:lnTo>
                  <a:pt x="7840" y="2279"/>
                </a:lnTo>
                <a:lnTo>
                  <a:pt x="7870" y="2282"/>
                </a:lnTo>
                <a:lnTo>
                  <a:pt x="7900" y="2282"/>
                </a:lnTo>
                <a:lnTo>
                  <a:pt x="7921" y="2282"/>
                </a:lnTo>
                <a:lnTo>
                  <a:pt x="7942" y="2281"/>
                </a:lnTo>
                <a:lnTo>
                  <a:pt x="7963" y="2279"/>
                </a:lnTo>
                <a:lnTo>
                  <a:pt x="7982" y="2277"/>
                </a:lnTo>
                <a:lnTo>
                  <a:pt x="8001" y="2273"/>
                </a:lnTo>
                <a:lnTo>
                  <a:pt x="8019" y="2270"/>
                </a:lnTo>
                <a:lnTo>
                  <a:pt x="8036" y="2264"/>
                </a:lnTo>
                <a:lnTo>
                  <a:pt x="8053" y="2260"/>
                </a:lnTo>
                <a:lnTo>
                  <a:pt x="8069" y="2253"/>
                </a:lnTo>
                <a:lnTo>
                  <a:pt x="8084" y="2247"/>
                </a:lnTo>
                <a:lnTo>
                  <a:pt x="8099" y="2238"/>
                </a:lnTo>
                <a:lnTo>
                  <a:pt x="8113" y="2230"/>
                </a:lnTo>
                <a:lnTo>
                  <a:pt x="8126" y="2220"/>
                </a:lnTo>
                <a:lnTo>
                  <a:pt x="8139" y="2210"/>
                </a:lnTo>
                <a:lnTo>
                  <a:pt x="8151" y="2199"/>
                </a:lnTo>
                <a:lnTo>
                  <a:pt x="8163" y="2187"/>
                </a:lnTo>
                <a:lnTo>
                  <a:pt x="8166" y="2187"/>
                </a:lnTo>
                <a:lnTo>
                  <a:pt x="8166" y="2264"/>
                </a:lnTo>
                <a:lnTo>
                  <a:pt x="8369" y="2264"/>
                </a:lnTo>
                <a:lnTo>
                  <a:pt x="8369" y="1777"/>
                </a:lnTo>
                <a:close/>
                <a:moveTo>
                  <a:pt x="8153" y="2056"/>
                </a:moveTo>
                <a:lnTo>
                  <a:pt x="8140" y="2067"/>
                </a:lnTo>
                <a:lnTo>
                  <a:pt x="8126" y="2077"/>
                </a:lnTo>
                <a:lnTo>
                  <a:pt x="8113" y="2086"/>
                </a:lnTo>
                <a:lnTo>
                  <a:pt x="8100" y="2093"/>
                </a:lnTo>
                <a:lnTo>
                  <a:pt x="8086" y="2100"/>
                </a:lnTo>
                <a:lnTo>
                  <a:pt x="8073" y="2107"/>
                </a:lnTo>
                <a:lnTo>
                  <a:pt x="8060" y="2112"/>
                </a:lnTo>
                <a:lnTo>
                  <a:pt x="8047" y="2118"/>
                </a:lnTo>
                <a:lnTo>
                  <a:pt x="8021" y="2126"/>
                </a:lnTo>
                <a:lnTo>
                  <a:pt x="7995" y="2131"/>
                </a:lnTo>
                <a:lnTo>
                  <a:pt x="7970" y="2134"/>
                </a:lnTo>
                <a:lnTo>
                  <a:pt x="7946" y="2136"/>
                </a:lnTo>
                <a:lnTo>
                  <a:pt x="7932" y="2137"/>
                </a:lnTo>
                <a:lnTo>
                  <a:pt x="7918" y="2136"/>
                </a:lnTo>
                <a:lnTo>
                  <a:pt x="7906" y="2134"/>
                </a:lnTo>
                <a:lnTo>
                  <a:pt x="7894" y="2132"/>
                </a:lnTo>
                <a:lnTo>
                  <a:pt x="7882" y="2129"/>
                </a:lnTo>
                <a:lnTo>
                  <a:pt x="7872" y="2126"/>
                </a:lnTo>
                <a:lnTo>
                  <a:pt x="7862" y="2121"/>
                </a:lnTo>
                <a:lnTo>
                  <a:pt x="7853" y="2114"/>
                </a:lnTo>
                <a:lnTo>
                  <a:pt x="7845" y="2108"/>
                </a:lnTo>
                <a:lnTo>
                  <a:pt x="7838" y="2101"/>
                </a:lnTo>
                <a:lnTo>
                  <a:pt x="7831" y="2092"/>
                </a:lnTo>
                <a:lnTo>
                  <a:pt x="7826" y="2082"/>
                </a:lnTo>
                <a:lnTo>
                  <a:pt x="7822" y="2071"/>
                </a:lnTo>
                <a:lnTo>
                  <a:pt x="7819" y="2059"/>
                </a:lnTo>
                <a:lnTo>
                  <a:pt x="7817" y="2046"/>
                </a:lnTo>
                <a:lnTo>
                  <a:pt x="7817" y="2031"/>
                </a:lnTo>
                <a:lnTo>
                  <a:pt x="7817" y="2022"/>
                </a:lnTo>
                <a:lnTo>
                  <a:pt x="7818" y="2014"/>
                </a:lnTo>
                <a:lnTo>
                  <a:pt x="7820" y="2007"/>
                </a:lnTo>
                <a:lnTo>
                  <a:pt x="7822" y="1999"/>
                </a:lnTo>
                <a:lnTo>
                  <a:pt x="7825" y="1992"/>
                </a:lnTo>
                <a:lnTo>
                  <a:pt x="7829" y="1986"/>
                </a:lnTo>
                <a:lnTo>
                  <a:pt x="7833" y="1980"/>
                </a:lnTo>
                <a:lnTo>
                  <a:pt x="7838" y="1973"/>
                </a:lnTo>
                <a:lnTo>
                  <a:pt x="7844" y="1969"/>
                </a:lnTo>
                <a:lnTo>
                  <a:pt x="7850" y="1963"/>
                </a:lnTo>
                <a:lnTo>
                  <a:pt x="7856" y="1959"/>
                </a:lnTo>
                <a:lnTo>
                  <a:pt x="7863" y="1954"/>
                </a:lnTo>
                <a:lnTo>
                  <a:pt x="7878" y="1947"/>
                </a:lnTo>
                <a:lnTo>
                  <a:pt x="7896" y="1940"/>
                </a:lnTo>
                <a:lnTo>
                  <a:pt x="7914" y="1934"/>
                </a:lnTo>
                <a:lnTo>
                  <a:pt x="7934" y="1931"/>
                </a:lnTo>
                <a:lnTo>
                  <a:pt x="7956" y="1927"/>
                </a:lnTo>
                <a:lnTo>
                  <a:pt x="7978" y="1924"/>
                </a:lnTo>
                <a:lnTo>
                  <a:pt x="8002" y="1922"/>
                </a:lnTo>
                <a:lnTo>
                  <a:pt x="8026" y="1921"/>
                </a:lnTo>
                <a:lnTo>
                  <a:pt x="8051" y="1921"/>
                </a:lnTo>
                <a:lnTo>
                  <a:pt x="8076" y="1920"/>
                </a:lnTo>
                <a:lnTo>
                  <a:pt x="8153" y="1920"/>
                </a:lnTo>
                <a:lnTo>
                  <a:pt x="8153" y="2056"/>
                </a:lnTo>
                <a:close/>
                <a:moveTo>
                  <a:pt x="1975" y="1263"/>
                </a:moveTo>
                <a:lnTo>
                  <a:pt x="1975" y="1872"/>
                </a:lnTo>
                <a:lnTo>
                  <a:pt x="1975" y="1897"/>
                </a:lnTo>
                <a:lnTo>
                  <a:pt x="1973" y="1921"/>
                </a:lnTo>
                <a:lnTo>
                  <a:pt x="1969" y="1943"/>
                </a:lnTo>
                <a:lnTo>
                  <a:pt x="1964" y="1964"/>
                </a:lnTo>
                <a:lnTo>
                  <a:pt x="1958" y="1984"/>
                </a:lnTo>
                <a:lnTo>
                  <a:pt x="1951" y="2002"/>
                </a:lnTo>
                <a:lnTo>
                  <a:pt x="1942" y="2019"/>
                </a:lnTo>
                <a:lnTo>
                  <a:pt x="1931" y="2034"/>
                </a:lnTo>
                <a:lnTo>
                  <a:pt x="1925" y="2042"/>
                </a:lnTo>
                <a:lnTo>
                  <a:pt x="1919" y="2048"/>
                </a:lnTo>
                <a:lnTo>
                  <a:pt x="1912" y="2054"/>
                </a:lnTo>
                <a:lnTo>
                  <a:pt x="1906" y="2060"/>
                </a:lnTo>
                <a:lnTo>
                  <a:pt x="1898" y="2066"/>
                </a:lnTo>
                <a:lnTo>
                  <a:pt x="1891" y="2071"/>
                </a:lnTo>
                <a:lnTo>
                  <a:pt x="1882" y="2076"/>
                </a:lnTo>
                <a:lnTo>
                  <a:pt x="1874" y="2079"/>
                </a:lnTo>
                <a:lnTo>
                  <a:pt x="1865" y="2083"/>
                </a:lnTo>
                <a:lnTo>
                  <a:pt x="1856" y="2087"/>
                </a:lnTo>
                <a:lnTo>
                  <a:pt x="1846" y="2089"/>
                </a:lnTo>
                <a:lnTo>
                  <a:pt x="1836" y="2091"/>
                </a:lnTo>
                <a:lnTo>
                  <a:pt x="1815" y="2094"/>
                </a:lnTo>
                <a:lnTo>
                  <a:pt x="1792" y="2096"/>
                </a:lnTo>
                <a:lnTo>
                  <a:pt x="1775" y="2096"/>
                </a:lnTo>
                <a:lnTo>
                  <a:pt x="1754" y="2096"/>
                </a:lnTo>
                <a:lnTo>
                  <a:pt x="1730" y="2094"/>
                </a:lnTo>
                <a:lnTo>
                  <a:pt x="1704" y="2093"/>
                </a:lnTo>
                <a:lnTo>
                  <a:pt x="1676" y="2090"/>
                </a:lnTo>
                <a:lnTo>
                  <a:pt x="1647" y="2087"/>
                </a:lnTo>
                <a:lnTo>
                  <a:pt x="1618" y="2082"/>
                </a:lnTo>
                <a:lnTo>
                  <a:pt x="1589" y="2076"/>
                </a:lnTo>
                <a:lnTo>
                  <a:pt x="1589" y="2266"/>
                </a:lnTo>
                <a:lnTo>
                  <a:pt x="1619" y="2270"/>
                </a:lnTo>
                <a:lnTo>
                  <a:pt x="1649" y="2274"/>
                </a:lnTo>
                <a:lnTo>
                  <a:pt x="1680" y="2277"/>
                </a:lnTo>
                <a:lnTo>
                  <a:pt x="1712" y="2279"/>
                </a:lnTo>
                <a:lnTo>
                  <a:pt x="1743" y="2281"/>
                </a:lnTo>
                <a:lnTo>
                  <a:pt x="1774" y="2282"/>
                </a:lnTo>
                <a:lnTo>
                  <a:pt x="1805" y="2282"/>
                </a:lnTo>
                <a:lnTo>
                  <a:pt x="1834" y="2282"/>
                </a:lnTo>
                <a:lnTo>
                  <a:pt x="1857" y="2282"/>
                </a:lnTo>
                <a:lnTo>
                  <a:pt x="1880" y="2281"/>
                </a:lnTo>
                <a:lnTo>
                  <a:pt x="1902" y="2279"/>
                </a:lnTo>
                <a:lnTo>
                  <a:pt x="1924" y="2276"/>
                </a:lnTo>
                <a:lnTo>
                  <a:pt x="1945" y="2272"/>
                </a:lnTo>
                <a:lnTo>
                  <a:pt x="1965" y="2268"/>
                </a:lnTo>
                <a:lnTo>
                  <a:pt x="1985" y="2262"/>
                </a:lnTo>
                <a:lnTo>
                  <a:pt x="2005" y="2256"/>
                </a:lnTo>
                <a:lnTo>
                  <a:pt x="2023" y="2249"/>
                </a:lnTo>
                <a:lnTo>
                  <a:pt x="2041" y="2241"/>
                </a:lnTo>
                <a:lnTo>
                  <a:pt x="2058" y="2232"/>
                </a:lnTo>
                <a:lnTo>
                  <a:pt x="2074" y="2223"/>
                </a:lnTo>
                <a:lnTo>
                  <a:pt x="2090" y="2213"/>
                </a:lnTo>
                <a:lnTo>
                  <a:pt x="2105" y="2203"/>
                </a:lnTo>
                <a:lnTo>
                  <a:pt x="2119" y="2192"/>
                </a:lnTo>
                <a:lnTo>
                  <a:pt x="2133" y="2180"/>
                </a:lnTo>
                <a:lnTo>
                  <a:pt x="2146" y="2167"/>
                </a:lnTo>
                <a:lnTo>
                  <a:pt x="2158" y="2153"/>
                </a:lnTo>
                <a:lnTo>
                  <a:pt x="2169" y="2140"/>
                </a:lnTo>
                <a:lnTo>
                  <a:pt x="2180" y="2126"/>
                </a:lnTo>
                <a:lnTo>
                  <a:pt x="2189" y="2110"/>
                </a:lnTo>
                <a:lnTo>
                  <a:pt x="2198" y="2094"/>
                </a:lnTo>
                <a:lnTo>
                  <a:pt x="2206" y="2078"/>
                </a:lnTo>
                <a:lnTo>
                  <a:pt x="2214" y="2061"/>
                </a:lnTo>
                <a:lnTo>
                  <a:pt x="2220" y="2043"/>
                </a:lnTo>
                <a:lnTo>
                  <a:pt x="2226" y="2026"/>
                </a:lnTo>
                <a:lnTo>
                  <a:pt x="2231" y="2007"/>
                </a:lnTo>
                <a:lnTo>
                  <a:pt x="2235" y="1987"/>
                </a:lnTo>
                <a:lnTo>
                  <a:pt x="2238" y="1968"/>
                </a:lnTo>
                <a:lnTo>
                  <a:pt x="2240" y="1947"/>
                </a:lnTo>
                <a:lnTo>
                  <a:pt x="2241" y="1927"/>
                </a:lnTo>
                <a:lnTo>
                  <a:pt x="2242" y="1906"/>
                </a:lnTo>
                <a:lnTo>
                  <a:pt x="2242" y="1263"/>
                </a:lnTo>
                <a:lnTo>
                  <a:pt x="1975" y="1263"/>
                </a:lnTo>
                <a:close/>
                <a:moveTo>
                  <a:pt x="6497" y="1473"/>
                </a:moveTo>
                <a:lnTo>
                  <a:pt x="6479" y="1473"/>
                </a:lnTo>
                <a:lnTo>
                  <a:pt x="6462" y="1474"/>
                </a:lnTo>
                <a:lnTo>
                  <a:pt x="6444" y="1477"/>
                </a:lnTo>
                <a:lnTo>
                  <a:pt x="6427" y="1479"/>
                </a:lnTo>
                <a:lnTo>
                  <a:pt x="6411" y="1483"/>
                </a:lnTo>
                <a:lnTo>
                  <a:pt x="6394" y="1488"/>
                </a:lnTo>
                <a:lnTo>
                  <a:pt x="6378" y="1493"/>
                </a:lnTo>
                <a:lnTo>
                  <a:pt x="6363" y="1500"/>
                </a:lnTo>
                <a:lnTo>
                  <a:pt x="6348" y="1509"/>
                </a:lnTo>
                <a:lnTo>
                  <a:pt x="6333" y="1518"/>
                </a:lnTo>
                <a:lnTo>
                  <a:pt x="6319" y="1529"/>
                </a:lnTo>
                <a:lnTo>
                  <a:pt x="6306" y="1541"/>
                </a:lnTo>
                <a:lnTo>
                  <a:pt x="6293" y="1556"/>
                </a:lnTo>
                <a:lnTo>
                  <a:pt x="6281" y="1571"/>
                </a:lnTo>
                <a:lnTo>
                  <a:pt x="6269" y="1588"/>
                </a:lnTo>
                <a:lnTo>
                  <a:pt x="6259" y="1608"/>
                </a:lnTo>
                <a:lnTo>
                  <a:pt x="6255" y="1608"/>
                </a:lnTo>
                <a:lnTo>
                  <a:pt x="6255" y="1490"/>
                </a:lnTo>
                <a:lnTo>
                  <a:pt x="6043" y="1490"/>
                </a:lnTo>
                <a:lnTo>
                  <a:pt x="6043" y="2264"/>
                </a:lnTo>
                <a:lnTo>
                  <a:pt x="6274" y="2264"/>
                </a:lnTo>
                <a:lnTo>
                  <a:pt x="6274" y="1886"/>
                </a:lnTo>
                <a:lnTo>
                  <a:pt x="6274" y="1857"/>
                </a:lnTo>
                <a:lnTo>
                  <a:pt x="6276" y="1831"/>
                </a:lnTo>
                <a:lnTo>
                  <a:pt x="6279" y="1808"/>
                </a:lnTo>
                <a:lnTo>
                  <a:pt x="6282" y="1787"/>
                </a:lnTo>
                <a:lnTo>
                  <a:pt x="6286" y="1769"/>
                </a:lnTo>
                <a:lnTo>
                  <a:pt x="6291" y="1752"/>
                </a:lnTo>
                <a:lnTo>
                  <a:pt x="6296" y="1739"/>
                </a:lnTo>
                <a:lnTo>
                  <a:pt x="6301" y="1728"/>
                </a:lnTo>
                <a:lnTo>
                  <a:pt x="6311" y="1711"/>
                </a:lnTo>
                <a:lnTo>
                  <a:pt x="6322" y="1697"/>
                </a:lnTo>
                <a:lnTo>
                  <a:pt x="6327" y="1690"/>
                </a:lnTo>
                <a:lnTo>
                  <a:pt x="6333" y="1683"/>
                </a:lnTo>
                <a:lnTo>
                  <a:pt x="6340" y="1678"/>
                </a:lnTo>
                <a:lnTo>
                  <a:pt x="6347" y="1672"/>
                </a:lnTo>
                <a:lnTo>
                  <a:pt x="6354" y="1668"/>
                </a:lnTo>
                <a:lnTo>
                  <a:pt x="6361" y="1663"/>
                </a:lnTo>
                <a:lnTo>
                  <a:pt x="6369" y="1659"/>
                </a:lnTo>
                <a:lnTo>
                  <a:pt x="6378" y="1656"/>
                </a:lnTo>
                <a:lnTo>
                  <a:pt x="6397" y="1649"/>
                </a:lnTo>
                <a:lnTo>
                  <a:pt x="6418" y="1644"/>
                </a:lnTo>
                <a:lnTo>
                  <a:pt x="6430" y="1643"/>
                </a:lnTo>
                <a:lnTo>
                  <a:pt x="6443" y="1643"/>
                </a:lnTo>
                <a:lnTo>
                  <a:pt x="6457" y="1643"/>
                </a:lnTo>
                <a:lnTo>
                  <a:pt x="6471" y="1646"/>
                </a:lnTo>
                <a:lnTo>
                  <a:pt x="6485" y="1648"/>
                </a:lnTo>
                <a:lnTo>
                  <a:pt x="6499" y="1652"/>
                </a:lnTo>
                <a:lnTo>
                  <a:pt x="6513" y="1658"/>
                </a:lnTo>
                <a:lnTo>
                  <a:pt x="6525" y="1664"/>
                </a:lnTo>
                <a:lnTo>
                  <a:pt x="6628" y="1500"/>
                </a:lnTo>
                <a:lnTo>
                  <a:pt x="6612" y="1494"/>
                </a:lnTo>
                <a:lnTo>
                  <a:pt x="6597" y="1489"/>
                </a:lnTo>
                <a:lnTo>
                  <a:pt x="6582" y="1484"/>
                </a:lnTo>
                <a:lnTo>
                  <a:pt x="6566" y="1480"/>
                </a:lnTo>
                <a:lnTo>
                  <a:pt x="6550" y="1477"/>
                </a:lnTo>
                <a:lnTo>
                  <a:pt x="6533" y="1476"/>
                </a:lnTo>
                <a:lnTo>
                  <a:pt x="6516" y="1473"/>
                </a:lnTo>
                <a:lnTo>
                  <a:pt x="6497" y="1473"/>
                </a:lnTo>
                <a:close/>
                <a:moveTo>
                  <a:pt x="13421" y="1473"/>
                </a:moveTo>
                <a:lnTo>
                  <a:pt x="13402" y="1474"/>
                </a:lnTo>
                <a:lnTo>
                  <a:pt x="13383" y="1476"/>
                </a:lnTo>
                <a:lnTo>
                  <a:pt x="13365" y="1478"/>
                </a:lnTo>
                <a:lnTo>
                  <a:pt x="13347" y="1481"/>
                </a:lnTo>
                <a:lnTo>
                  <a:pt x="13329" y="1484"/>
                </a:lnTo>
                <a:lnTo>
                  <a:pt x="13312" y="1489"/>
                </a:lnTo>
                <a:lnTo>
                  <a:pt x="13295" y="1494"/>
                </a:lnTo>
                <a:lnTo>
                  <a:pt x="13278" y="1501"/>
                </a:lnTo>
                <a:lnTo>
                  <a:pt x="13262" y="1508"/>
                </a:lnTo>
                <a:lnTo>
                  <a:pt x="13247" y="1514"/>
                </a:lnTo>
                <a:lnTo>
                  <a:pt x="13232" y="1522"/>
                </a:lnTo>
                <a:lnTo>
                  <a:pt x="13218" y="1531"/>
                </a:lnTo>
                <a:lnTo>
                  <a:pt x="13204" y="1540"/>
                </a:lnTo>
                <a:lnTo>
                  <a:pt x="13191" y="1550"/>
                </a:lnTo>
                <a:lnTo>
                  <a:pt x="13180" y="1560"/>
                </a:lnTo>
                <a:lnTo>
                  <a:pt x="13169" y="1570"/>
                </a:lnTo>
                <a:lnTo>
                  <a:pt x="13166" y="1570"/>
                </a:lnTo>
                <a:lnTo>
                  <a:pt x="13166" y="1489"/>
                </a:lnTo>
                <a:lnTo>
                  <a:pt x="12947" y="1489"/>
                </a:lnTo>
                <a:lnTo>
                  <a:pt x="12947" y="2264"/>
                </a:lnTo>
                <a:lnTo>
                  <a:pt x="13169" y="2264"/>
                </a:lnTo>
                <a:lnTo>
                  <a:pt x="13169" y="1733"/>
                </a:lnTo>
                <a:lnTo>
                  <a:pt x="13179" y="1721"/>
                </a:lnTo>
                <a:lnTo>
                  <a:pt x="13189" y="1710"/>
                </a:lnTo>
                <a:lnTo>
                  <a:pt x="13200" y="1700"/>
                </a:lnTo>
                <a:lnTo>
                  <a:pt x="13211" y="1691"/>
                </a:lnTo>
                <a:lnTo>
                  <a:pt x="13223" y="1682"/>
                </a:lnTo>
                <a:lnTo>
                  <a:pt x="13235" y="1676"/>
                </a:lnTo>
                <a:lnTo>
                  <a:pt x="13246" y="1669"/>
                </a:lnTo>
                <a:lnTo>
                  <a:pt x="13258" y="1663"/>
                </a:lnTo>
                <a:lnTo>
                  <a:pt x="13270" y="1658"/>
                </a:lnTo>
                <a:lnTo>
                  <a:pt x="13282" y="1653"/>
                </a:lnTo>
                <a:lnTo>
                  <a:pt x="13294" y="1650"/>
                </a:lnTo>
                <a:lnTo>
                  <a:pt x="13306" y="1648"/>
                </a:lnTo>
                <a:lnTo>
                  <a:pt x="13318" y="1646"/>
                </a:lnTo>
                <a:lnTo>
                  <a:pt x="13329" y="1644"/>
                </a:lnTo>
                <a:lnTo>
                  <a:pt x="13341" y="1643"/>
                </a:lnTo>
                <a:lnTo>
                  <a:pt x="13352" y="1642"/>
                </a:lnTo>
                <a:lnTo>
                  <a:pt x="13367" y="1643"/>
                </a:lnTo>
                <a:lnTo>
                  <a:pt x="13380" y="1644"/>
                </a:lnTo>
                <a:lnTo>
                  <a:pt x="13393" y="1646"/>
                </a:lnTo>
                <a:lnTo>
                  <a:pt x="13405" y="1648"/>
                </a:lnTo>
                <a:lnTo>
                  <a:pt x="13416" y="1651"/>
                </a:lnTo>
                <a:lnTo>
                  <a:pt x="13426" y="1654"/>
                </a:lnTo>
                <a:lnTo>
                  <a:pt x="13436" y="1658"/>
                </a:lnTo>
                <a:lnTo>
                  <a:pt x="13445" y="1663"/>
                </a:lnTo>
                <a:lnTo>
                  <a:pt x="13453" y="1668"/>
                </a:lnTo>
                <a:lnTo>
                  <a:pt x="13460" y="1673"/>
                </a:lnTo>
                <a:lnTo>
                  <a:pt x="13467" y="1680"/>
                </a:lnTo>
                <a:lnTo>
                  <a:pt x="13473" y="1687"/>
                </a:lnTo>
                <a:lnTo>
                  <a:pt x="13479" y="1693"/>
                </a:lnTo>
                <a:lnTo>
                  <a:pt x="13484" y="1701"/>
                </a:lnTo>
                <a:lnTo>
                  <a:pt x="13489" y="1709"/>
                </a:lnTo>
                <a:lnTo>
                  <a:pt x="13493" y="1718"/>
                </a:lnTo>
                <a:lnTo>
                  <a:pt x="13496" y="1727"/>
                </a:lnTo>
                <a:lnTo>
                  <a:pt x="13499" y="1737"/>
                </a:lnTo>
                <a:lnTo>
                  <a:pt x="13502" y="1747"/>
                </a:lnTo>
                <a:lnTo>
                  <a:pt x="13505" y="1757"/>
                </a:lnTo>
                <a:lnTo>
                  <a:pt x="13508" y="1778"/>
                </a:lnTo>
                <a:lnTo>
                  <a:pt x="13511" y="1801"/>
                </a:lnTo>
                <a:lnTo>
                  <a:pt x="13512" y="1824"/>
                </a:lnTo>
                <a:lnTo>
                  <a:pt x="13513" y="1850"/>
                </a:lnTo>
                <a:lnTo>
                  <a:pt x="13514" y="1877"/>
                </a:lnTo>
                <a:lnTo>
                  <a:pt x="13514" y="1903"/>
                </a:lnTo>
                <a:lnTo>
                  <a:pt x="13514" y="2264"/>
                </a:lnTo>
                <a:lnTo>
                  <a:pt x="13736" y="2264"/>
                </a:lnTo>
                <a:lnTo>
                  <a:pt x="13736" y="1823"/>
                </a:lnTo>
                <a:lnTo>
                  <a:pt x="13736" y="1791"/>
                </a:lnTo>
                <a:lnTo>
                  <a:pt x="13734" y="1759"/>
                </a:lnTo>
                <a:lnTo>
                  <a:pt x="13731" y="1728"/>
                </a:lnTo>
                <a:lnTo>
                  <a:pt x="13726" y="1697"/>
                </a:lnTo>
                <a:lnTo>
                  <a:pt x="13722" y="1681"/>
                </a:lnTo>
                <a:lnTo>
                  <a:pt x="13719" y="1667"/>
                </a:lnTo>
                <a:lnTo>
                  <a:pt x="13714" y="1652"/>
                </a:lnTo>
                <a:lnTo>
                  <a:pt x="13709" y="1638"/>
                </a:lnTo>
                <a:lnTo>
                  <a:pt x="13704" y="1623"/>
                </a:lnTo>
                <a:lnTo>
                  <a:pt x="13697" y="1610"/>
                </a:lnTo>
                <a:lnTo>
                  <a:pt x="13690" y="1597"/>
                </a:lnTo>
                <a:lnTo>
                  <a:pt x="13682" y="1584"/>
                </a:lnTo>
                <a:lnTo>
                  <a:pt x="13673" y="1572"/>
                </a:lnTo>
                <a:lnTo>
                  <a:pt x="13664" y="1561"/>
                </a:lnTo>
                <a:lnTo>
                  <a:pt x="13653" y="1550"/>
                </a:lnTo>
                <a:lnTo>
                  <a:pt x="13642" y="1539"/>
                </a:lnTo>
                <a:lnTo>
                  <a:pt x="13630" y="1529"/>
                </a:lnTo>
                <a:lnTo>
                  <a:pt x="13616" y="1520"/>
                </a:lnTo>
                <a:lnTo>
                  <a:pt x="13602" y="1512"/>
                </a:lnTo>
                <a:lnTo>
                  <a:pt x="13587" y="1504"/>
                </a:lnTo>
                <a:lnTo>
                  <a:pt x="13570" y="1498"/>
                </a:lnTo>
                <a:lnTo>
                  <a:pt x="13552" y="1491"/>
                </a:lnTo>
                <a:lnTo>
                  <a:pt x="13534" y="1486"/>
                </a:lnTo>
                <a:lnTo>
                  <a:pt x="13514" y="1481"/>
                </a:lnTo>
                <a:lnTo>
                  <a:pt x="13492" y="1478"/>
                </a:lnTo>
                <a:lnTo>
                  <a:pt x="13470" y="1476"/>
                </a:lnTo>
                <a:lnTo>
                  <a:pt x="13446" y="1474"/>
                </a:lnTo>
                <a:lnTo>
                  <a:pt x="13421" y="1473"/>
                </a:lnTo>
                <a:close/>
                <a:moveTo>
                  <a:pt x="11542" y="1777"/>
                </a:moveTo>
                <a:lnTo>
                  <a:pt x="11542" y="1759"/>
                </a:lnTo>
                <a:lnTo>
                  <a:pt x="11541" y="1740"/>
                </a:lnTo>
                <a:lnTo>
                  <a:pt x="11539" y="1723"/>
                </a:lnTo>
                <a:lnTo>
                  <a:pt x="11537" y="1707"/>
                </a:lnTo>
                <a:lnTo>
                  <a:pt x="11534" y="1690"/>
                </a:lnTo>
                <a:lnTo>
                  <a:pt x="11530" y="1674"/>
                </a:lnTo>
                <a:lnTo>
                  <a:pt x="11526" y="1660"/>
                </a:lnTo>
                <a:lnTo>
                  <a:pt x="11521" y="1646"/>
                </a:lnTo>
                <a:lnTo>
                  <a:pt x="11515" y="1631"/>
                </a:lnTo>
                <a:lnTo>
                  <a:pt x="11509" y="1618"/>
                </a:lnTo>
                <a:lnTo>
                  <a:pt x="11501" y="1606"/>
                </a:lnTo>
                <a:lnTo>
                  <a:pt x="11494" y="1593"/>
                </a:lnTo>
                <a:lnTo>
                  <a:pt x="11485" y="1582"/>
                </a:lnTo>
                <a:lnTo>
                  <a:pt x="11476" y="1571"/>
                </a:lnTo>
                <a:lnTo>
                  <a:pt x="11466" y="1560"/>
                </a:lnTo>
                <a:lnTo>
                  <a:pt x="11455" y="1550"/>
                </a:lnTo>
                <a:lnTo>
                  <a:pt x="11443" y="1541"/>
                </a:lnTo>
                <a:lnTo>
                  <a:pt x="11431" y="1532"/>
                </a:lnTo>
                <a:lnTo>
                  <a:pt x="11418" y="1524"/>
                </a:lnTo>
                <a:lnTo>
                  <a:pt x="11404" y="1517"/>
                </a:lnTo>
                <a:lnTo>
                  <a:pt x="11390" y="1510"/>
                </a:lnTo>
                <a:lnTo>
                  <a:pt x="11374" y="1503"/>
                </a:lnTo>
                <a:lnTo>
                  <a:pt x="11358" y="1498"/>
                </a:lnTo>
                <a:lnTo>
                  <a:pt x="11341" y="1493"/>
                </a:lnTo>
                <a:lnTo>
                  <a:pt x="11324" y="1489"/>
                </a:lnTo>
                <a:lnTo>
                  <a:pt x="11305" y="1484"/>
                </a:lnTo>
                <a:lnTo>
                  <a:pt x="11286" y="1481"/>
                </a:lnTo>
                <a:lnTo>
                  <a:pt x="11266" y="1479"/>
                </a:lnTo>
                <a:lnTo>
                  <a:pt x="11245" y="1477"/>
                </a:lnTo>
                <a:lnTo>
                  <a:pt x="11223" y="1474"/>
                </a:lnTo>
                <a:lnTo>
                  <a:pt x="11201" y="1473"/>
                </a:lnTo>
                <a:lnTo>
                  <a:pt x="11177" y="1473"/>
                </a:lnTo>
                <a:lnTo>
                  <a:pt x="11145" y="1474"/>
                </a:lnTo>
                <a:lnTo>
                  <a:pt x="11109" y="1476"/>
                </a:lnTo>
                <a:lnTo>
                  <a:pt x="11071" y="1479"/>
                </a:lnTo>
                <a:lnTo>
                  <a:pt x="11032" y="1482"/>
                </a:lnTo>
                <a:lnTo>
                  <a:pt x="10992" y="1488"/>
                </a:lnTo>
                <a:lnTo>
                  <a:pt x="10951" y="1496"/>
                </a:lnTo>
                <a:lnTo>
                  <a:pt x="10910" y="1504"/>
                </a:lnTo>
                <a:lnTo>
                  <a:pt x="10871" y="1514"/>
                </a:lnTo>
                <a:lnTo>
                  <a:pt x="10871" y="1669"/>
                </a:lnTo>
                <a:lnTo>
                  <a:pt x="10902" y="1658"/>
                </a:lnTo>
                <a:lnTo>
                  <a:pt x="10934" y="1648"/>
                </a:lnTo>
                <a:lnTo>
                  <a:pt x="10967" y="1640"/>
                </a:lnTo>
                <a:lnTo>
                  <a:pt x="11000" y="1633"/>
                </a:lnTo>
                <a:lnTo>
                  <a:pt x="11034" y="1628"/>
                </a:lnTo>
                <a:lnTo>
                  <a:pt x="11066" y="1623"/>
                </a:lnTo>
                <a:lnTo>
                  <a:pt x="11098" y="1621"/>
                </a:lnTo>
                <a:lnTo>
                  <a:pt x="11128" y="1621"/>
                </a:lnTo>
                <a:lnTo>
                  <a:pt x="11149" y="1621"/>
                </a:lnTo>
                <a:lnTo>
                  <a:pt x="11169" y="1622"/>
                </a:lnTo>
                <a:lnTo>
                  <a:pt x="11188" y="1623"/>
                </a:lnTo>
                <a:lnTo>
                  <a:pt x="11207" y="1626"/>
                </a:lnTo>
                <a:lnTo>
                  <a:pt x="11224" y="1629"/>
                </a:lnTo>
                <a:lnTo>
                  <a:pt x="11240" y="1634"/>
                </a:lnTo>
                <a:lnTo>
                  <a:pt x="11256" y="1640"/>
                </a:lnTo>
                <a:lnTo>
                  <a:pt x="11270" y="1648"/>
                </a:lnTo>
                <a:lnTo>
                  <a:pt x="11276" y="1652"/>
                </a:lnTo>
                <a:lnTo>
                  <a:pt x="11282" y="1658"/>
                </a:lnTo>
                <a:lnTo>
                  <a:pt x="11288" y="1663"/>
                </a:lnTo>
                <a:lnTo>
                  <a:pt x="11294" y="1670"/>
                </a:lnTo>
                <a:lnTo>
                  <a:pt x="11299" y="1677"/>
                </a:lnTo>
                <a:lnTo>
                  <a:pt x="11303" y="1683"/>
                </a:lnTo>
                <a:lnTo>
                  <a:pt x="11308" y="1691"/>
                </a:lnTo>
                <a:lnTo>
                  <a:pt x="11312" y="1700"/>
                </a:lnTo>
                <a:lnTo>
                  <a:pt x="11315" y="1709"/>
                </a:lnTo>
                <a:lnTo>
                  <a:pt x="11318" y="1719"/>
                </a:lnTo>
                <a:lnTo>
                  <a:pt x="11321" y="1729"/>
                </a:lnTo>
                <a:lnTo>
                  <a:pt x="11323" y="1740"/>
                </a:lnTo>
                <a:lnTo>
                  <a:pt x="11325" y="1752"/>
                </a:lnTo>
                <a:lnTo>
                  <a:pt x="11326" y="1764"/>
                </a:lnTo>
                <a:lnTo>
                  <a:pt x="11327" y="1778"/>
                </a:lnTo>
                <a:lnTo>
                  <a:pt x="11327" y="1792"/>
                </a:lnTo>
                <a:lnTo>
                  <a:pt x="11217" y="1792"/>
                </a:lnTo>
                <a:lnTo>
                  <a:pt x="11181" y="1792"/>
                </a:lnTo>
                <a:lnTo>
                  <a:pt x="11143" y="1794"/>
                </a:lnTo>
                <a:lnTo>
                  <a:pt x="11103" y="1797"/>
                </a:lnTo>
                <a:lnTo>
                  <a:pt x="11063" y="1800"/>
                </a:lnTo>
                <a:lnTo>
                  <a:pt x="11025" y="1806"/>
                </a:lnTo>
                <a:lnTo>
                  <a:pt x="10989" y="1811"/>
                </a:lnTo>
                <a:lnTo>
                  <a:pt x="10971" y="1816"/>
                </a:lnTo>
                <a:lnTo>
                  <a:pt x="10955" y="1819"/>
                </a:lnTo>
                <a:lnTo>
                  <a:pt x="10940" y="1823"/>
                </a:lnTo>
                <a:lnTo>
                  <a:pt x="10927" y="1828"/>
                </a:lnTo>
                <a:lnTo>
                  <a:pt x="10912" y="1834"/>
                </a:lnTo>
                <a:lnTo>
                  <a:pt x="10897" y="1841"/>
                </a:lnTo>
                <a:lnTo>
                  <a:pt x="10882" y="1849"/>
                </a:lnTo>
                <a:lnTo>
                  <a:pt x="10868" y="1857"/>
                </a:lnTo>
                <a:lnTo>
                  <a:pt x="10854" y="1867"/>
                </a:lnTo>
                <a:lnTo>
                  <a:pt x="10841" y="1877"/>
                </a:lnTo>
                <a:lnTo>
                  <a:pt x="10829" y="1888"/>
                </a:lnTo>
                <a:lnTo>
                  <a:pt x="10818" y="1900"/>
                </a:lnTo>
                <a:lnTo>
                  <a:pt x="10806" y="1913"/>
                </a:lnTo>
                <a:lnTo>
                  <a:pt x="10797" y="1928"/>
                </a:lnTo>
                <a:lnTo>
                  <a:pt x="10788" y="1942"/>
                </a:lnTo>
                <a:lnTo>
                  <a:pt x="10781" y="1959"/>
                </a:lnTo>
                <a:lnTo>
                  <a:pt x="10776" y="1977"/>
                </a:lnTo>
                <a:lnTo>
                  <a:pt x="10771" y="1994"/>
                </a:lnTo>
                <a:lnTo>
                  <a:pt x="10769" y="2014"/>
                </a:lnTo>
                <a:lnTo>
                  <a:pt x="10768" y="2034"/>
                </a:lnTo>
                <a:lnTo>
                  <a:pt x="10768" y="2051"/>
                </a:lnTo>
                <a:lnTo>
                  <a:pt x="10770" y="2068"/>
                </a:lnTo>
                <a:lnTo>
                  <a:pt x="10772" y="2083"/>
                </a:lnTo>
                <a:lnTo>
                  <a:pt x="10774" y="2098"/>
                </a:lnTo>
                <a:lnTo>
                  <a:pt x="10778" y="2112"/>
                </a:lnTo>
                <a:lnTo>
                  <a:pt x="10782" y="2126"/>
                </a:lnTo>
                <a:lnTo>
                  <a:pt x="10787" y="2138"/>
                </a:lnTo>
                <a:lnTo>
                  <a:pt x="10793" y="2150"/>
                </a:lnTo>
                <a:lnTo>
                  <a:pt x="10799" y="2162"/>
                </a:lnTo>
                <a:lnTo>
                  <a:pt x="10806" y="2172"/>
                </a:lnTo>
                <a:lnTo>
                  <a:pt x="10815" y="2183"/>
                </a:lnTo>
                <a:lnTo>
                  <a:pt x="10823" y="2193"/>
                </a:lnTo>
                <a:lnTo>
                  <a:pt x="10831" y="2202"/>
                </a:lnTo>
                <a:lnTo>
                  <a:pt x="10841" y="2211"/>
                </a:lnTo>
                <a:lnTo>
                  <a:pt x="10850" y="2219"/>
                </a:lnTo>
                <a:lnTo>
                  <a:pt x="10861" y="2227"/>
                </a:lnTo>
                <a:lnTo>
                  <a:pt x="10871" y="2233"/>
                </a:lnTo>
                <a:lnTo>
                  <a:pt x="10883" y="2240"/>
                </a:lnTo>
                <a:lnTo>
                  <a:pt x="10894" y="2247"/>
                </a:lnTo>
                <a:lnTo>
                  <a:pt x="10906" y="2251"/>
                </a:lnTo>
                <a:lnTo>
                  <a:pt x="10919" y="2257"/>
                </a:lnTo>
                <a:lnTo>
                  <a:pt x="10931" y="2261"/>
                </a:lnTo>
                <a:lnTo>
                  <a:pt x="10944" y="2266"/>
                </a:lnTo>
                <a:lnTo>
                  <a:pt x="10958" y="2269"/>
                </a:lnTo>
                <a:lnTo>
                  <a:pt x="10985" y="2274"/>
                </a:lnTo>
                <a:lnTo>
                  <a:pt x="11014" y="2279"/>
                </a:lnTo>
                <a:lnTo>
                  <a:pt x="11043" y="2281"/>
                </a:lnTo>
                <a:lnTo>
                  <a:pt x="11073" y="2282"/>
                </a:lnTo>
                <a:lnTo>
                  <a:pt x="11095" y="2281"/>
                </a:lnTo>
                <a:lnTo>
                  <a:pt x="11116" y="2280"/>
                </a:lnTo>
                <a:lnTo>
                  <a:pt x="11136" y="2279"/>
                </a:lnTo>
                <a:lnTo>
                  <a:pt x="11156" y="2276"/>
                </a:lnTo>
                <a:lnTo>
                  <a:pt x="11175" y="2273"/>
                </a:lnTo>
                <a:lnTo>
                  <a:pt x="11193" y="2269"/>
                </a:lnTo>
                <a:lnTo>
                  <a:pt x="11210" y="2264"/>
                </a:lnTo>
                <a:lnTo>
                  <a:pt x="11227" y="2259"/>
                </a:lnTo>
                <a:lnTo>
                  <a:pt x="11243" y="2252"/>
                </a:lnTo>
                <a:lnTo>
                  <a:pt x="11258" y="2246"/>
                </a:lnTo>
                <a:lnTo>
                  <a:pt x="11272" y="2238"/>
                </a:lnTo>
                <a:lnTo>
                  <a:pt x="11286" y="2229"/>
                </a:lnTo>
                <a:lnTo>
                  <a:pt x="11300" y="2219"/>
                </a:lnTo>
                <a:lnTo>
                  <a:pt x="11313" y="2209"/>
                </a:lnTo>
                <a:lnTo>
                  <a:pt x="11325" y="2198"/>
                </a:lnTo>
                <a:lnTo>
                  <a:pt x="11336" y="2186"/>
                </a:lnTo>
                <a:lnTo>
                  <a:pt x="11340" y="2186"/>
                </a:lnTo>
                <a:lnTo>
                  <a:pt x="11340" y="2264"/>
                </a:lnTo>
                <a:lnTo>
                  <a:pt x="11542" y="2264"/>
                </a:lnTo>
                <a:lnTo>
                  <a:pt x="11542" y="1777"/>
                </a:lnTo>
                <a:close/>
                <a:moveTo>
                  <a:pt x="11327" y="2056"/>
                </a:moveTo>
                <a:lnTo>
                  <a:pt x="11313" y="2067"/>
                </a:lnTo>
                <a:lnTo>
                  <a:pt x="11300" y="2076"/>
                </a:lnTo>
                <a:lnTo>
                  <a:pt x="11287" y="2084"/>
                </a:lnTo>
                <a:lnTo>
                  <a:pt x="11273" y="2092"/>
                </a:lnTo>
                <a:lnTo>
                  <a:pt x="11260" y="2100"/>
                </a:lnTo>
                <a:lnTo>
                  <a:pt x="11247" y="2107"/>
                </a:lnTo>
                <a:lnTo>
                  <a:pt x="11234" y="2112"/>
                </a:lnTo>
                <a:lnTo>
                  <a:pt x="11221" y="2117"/>
                </a:lnTo>
                <a:lnTo>
                  <a:pt x="11194" y="2124"/>
                </a:lnTo>
                <a:lnTo>
                  <a:pt x="11169" y="2130"/>
                </a:lnTo>
                <a:lnTo>
                  <a:pt x="11144" y="2133"/>
                </a:lnTo>
                <a:lnTo>
                  <a:pt x="11120" y="2136"/>
                </a:lnTo>
                <a:lnTo>
                  <a:pt x="11106" y="2136"/>
                </a:lnTo>
                <a:lnTo>
                  <a:pt x="11092" y="2134"/>
                </a:lnTo>
                <a:lnTo>
                  <a:pt x="11079" y="2133"/>
                </a:lnTo>
                <a:lnTo>
                  <a:pt x="11067" y="2131"/>
                </a:lnTo>
                <a:lnTo>
                  <a:pt x="11056" y="2128"/>
                </a:lnTo>
                <a:lnTo>
                  <a:pt x="11045" y="2124"/>
                </a:lnTo>
                <a:lnTo>
                  <a:pt x="11036" y="2120"/>
                </a:lnTo>
                <a:lnTo>
                  <a:pt x="11027" y="2114"/>
                </a:lnTo>
                <a:lnTo>
                  <a:pt x="11019" y="2108"/>
                </a:lnTo>
                <a:lnTo>
                  <a:pt x="11011" y="2100"/>
                </a:lnTo>
                <a:lnTo>
                  <a:pt x="11005" y="2091"/>
                </a:lnTo>
                <a:lnTo>
                  <a:pt x="11000" y="2081"/>
                </a:lnTo>
                <a:lnTo>
                  <a:pt x="10996" y="2071"/>
                </a:lnTo>
                <a:lnTo>
                  <a:pt x="10993" y="2059"/>
                </a:lnTo>
                <a:lnTo>
                  <a:pt x="10991" y="2046"/>
                </a:lnTo>
                <a:lnTo>
                  <a:pt x="10991" y="2031"/>
                </a:lnTo>
                <a:lnTo>
                  <a:pt x="10991" y="2023"/>
                </a:lnTo>
                <a:lnTo>
                  <a:pt x="10992" y="2014"/>
                </a:lnTo>
                <a:lnTo>
                  <a:pt x="10994" y="2007"/>
                </a:lnTo>
                <a:lnTo>
                  <a:pt x="10996" y="2000"/>
                </a:lnTo>
                <a:lnTo>
                  <a:pt x="10999" y="1992"/>
                </a:lnTo>
                <a:lnTo>
                  <a:pt x="11003" y="1986"/>
                </a:lnTo>
                <a:lnTo>
                  <a:pt x="11007" y="1980"/>
                </a:lnTo>
                <a:lnTo>
                  <a:pt x="11012" y="1974"/>
                </a:lnTo>
                <a:lnTo>
                  <a:pt x="11018" y="1969"/>
                </a:lnTo>
                <a:lnTo>
                  <a:pt x="11023" y="1963"/>
                </a:lnTo>
                <a:lnTo>
                  <a:pt x="11030" y="1959"/>
                </a:lnTo>
                <a:lnTo>
                  <a:pt x="11037" y="1954"/>
                </a:lnTo>
                <a:lnTo>
                  <a:pt x="11052" y="1947"/>
                </a:lnTo>
                <a:lnTo>
                  <a:pt x="11069" y="1940"/>
                </a:lnTo>
                <a:lnTo>
                  <a:pt x="11088" y="1934"/>
                </a:lnTo>
                <a:lnTo>
                  <a:pt x="11108" y="1930"/>
                </a:lnTo>
                <a:lnTo>
                  <a:pt x="11130" y="1927"/>
                </a:lnTo>
                <a:lnTo>
                  <a:pt x="11152" y="1924"/>
                </a:lnTo>
                <a:lnTo>
                  <a:pt x="11176" y="1922"/>
                </a:lnTo>
                <a:lnTo>
                  <a:pt x="11200" y="1921"/>
                </a:lnTo>
                <a:lnTo>
                  <a:pt x="11225" y="1920"/>
                </a:lnTo>
                <a:lnTo>
                  <a:pt x="11250" y="1920"/>
                </a:lnTo>
                <a:lnTo>
                  <a:pt x="11327" y="1920"/>
                </a:lnTo>
                <a:lnTo>
                  <a:pt x="11327" y="2056"/>
                </a:lnTo>
                <a:close/>
                <a:moveTo>
                  <a:pt x="12159" y="1473"/>
                </a:moveTo>
                <a:lnTo>
                  <a:pt x="12142" y="1474"/>
                </a:lnTo>
                <a:lnTo>
                  <a:pt x="12124" y="1474"/>
                </a:lnTo>
                <a:lnTo>
                  <a:pt x="12107" y="1477"/>
                </a:lnTo>
                <a:lnTo>
                  <a:pt x="12090" y="1480"/>
                </a:lnTo>
                <a:lnTo>
                  <a:pt x="12073" y="1483"/>
                </a:lnTo>
                <a:lnTo>
                  <a:pt x="12057" y="1488"/>
                </a:lnTo>
                <a:lnTo>
                  <a:pt x="12041" y="1493"/>
                </a:lnTo>
                <a:lnTo>
                  <a:pt x="12025" y="1500"/>
                </a:lnTo>
                <a:lnTo>
                  <a:pt x="12010" y="1509"/>
                </a:lnTo>
                <a:lnTo>
                  <a:pt x="11996" y="1518"/>
                </a:lnTo>
                <a:lnTo>
                  <a:pt x="11982" y="1529"/>
                </a:lnTo>
                <a:lnTo>
                  <a:pt x="11968" y="1541"/>
                </a:lnTo>
                <a:lnTo>
                  <a:pt x="11956" y="1556"/>
                </a:lnTo>
                <a:lnTo>
                  <a:pt x="11943" y="1571"/>
                </a:lnTo>
                <a:lnTo>
                  <a:pt x="11932" y="1588"/>
                </a:lnTo>
                <a:lnTo>
                  <a:pt x="11921" y="1607"/>
                </a:lnTo>
                <a:lnTo>
                  <a:pt x="11918" y="1607"/>
                </a:lnTo>
                <a:lnTo>
                  <a:pt x="11918" y="1489"/>
                </a:lnTo>
                <a:lnTo>
                  <a:pt x="11706" y="1489"/>
                </a:lnTo>
                <a:lnTo>
                  <a:pt x="11706" y="2264"/>
                </a:lnTo>
                <a:lnTo>
                  <a:pt x="11937" y="2264"/>
                </a:lnTo>
                <a:lnTo>
                  <a:pt x="11937" y="1886"/>
                </a:lnTo>
                <a:lnTo>
                  <a:pt x="11937" y="1857"/>
                </a:lnTo>
                <a:lnTo>
                  <a:pt x="11939" y="1830"/>
                </a:lnTo>
                <a:lnTo>
                  <a:pt x="11941" y="1807"/>
                </a:lnTo>
                <a:lnTo>
                  <a:pt x="11944" y="1787"/>
                </a:lnTo>
                <a:lnTo>
                  <a:pt x="11948" y="1768"/>
                </a:lnTo>
                <a:lnTo>
                  <a:pt x="11953" y="1752"/>
                </a:lnTo>
                <a:lnTo>
                  <a:pt x="11958" y="1739"/>
                </a:lnTo>
                <a:lnTo>
                  <a:pt x="11964" y="1728"/>
                </a:lnTo>
                <a:lnTo>
                  <a:pt x="11974" y="1711"/>
                </a:lnTo>
                <a:lnTo>
                  <a:pt x="11984" y="1697"/>
                </a:lnTo>
                <a:lnTo>
                  <a:pt x="11990" y="1690"/>
                </a:lnTo>
                <a:lnTo>
                  <a:pt x="11996" y="1683"/>
                </a:lnTo>
                <a:lnTo>
                  <a:pt x="12002" y="1678"/>
                </a:lnTo>
                <a:lnTo>
                  <a:pt x="12009" y="1672"/>
                </a:lnTo>
                <a:lnTo>
                  <a:pt x="12016" y="1668"/>
                </a:lnTo>
                <a:lnTo>
                  <a:pt x="12024" y="1663"/>
                </a:lnTo>
                <a:lnTo>
                  <a:pt x="12032" y="1659"/>
                </a:lnTo>
                <a:lnTo>
                  <a:pt x="12041" y="1656"/>
                </a:lnTo>
                <a:lnTo>
                  <a:pt x="12059" y="1650"/>
                </a:lnTo>
                <a:lnTo>
                  <a:pt x="12081" y="1646"/>
                </a:lnTo>
                <a:lnTo>
                  <a:pt x="12093" y="1643"/>
                </a:lnTo>
                <a:lnTo>
                  <a:pt x="12106" y="1643"/>
                </a:lnTo>
                <a:lnTo>
                  <a:pt x="12120" y="1643"/>
                </a:lnTo>
                <a:lnTo>
                  <a:pt x="12134" y="1646"/>
                </a:lnTo>
                <a:lnTo>
                  <a:pt x="12148" y="1648"/>
                </a:lnTo>
                <a:lnTo>
                  <a:pt x="12162" y="1652"/>
                </a:lnTo>
                <a:lnTo>
                  <a:pt x="12175" y="1658"/>
                </a:lnTo>
                <a:lnTo>
                  <a:pt x="12187" y="1664"/>
                </a:lnTo>
                <a:lnTo>
                  <a:pt x="12290" y="1500"/>
                </a:lnTo>
                <a:lnTo>
                  <a:pt x="12275" y="1494"/>
                </a:lnTo>
                <a:lnTo>
                  <a:pt x="12259" y="1489"/>
                </a:lnTo>
                <a:lnTo>
                  <a:pt x="12244" y="1484"/>
                </a:lnTo>
                <a:lnTo>
                  <a:pt x="12228" y="1480"/>
                </a:lnTo>
                <a:lnTo>
                  <a:pt x="12212" y="1478"/>
                </a:lnTo>
                <a:lnTo>
                  <a:pt x="12196" y="1476"/>
                </a:lnTo>
                <a:lnTo>
                  <a:pt x="12178" y="1474"/>
                </a:lnTo>
                <a:lnTo>
                  <a:pt x="12159" y="1473"/>
                </a:lnTo>
                <a:close/>
                <a:moveTo>
                  <a:pt x="15209" y="1473"/>
                </a:moveTo>
                <a:lnTo>
                  <a:pt x="15191" y="1474"/>
                </a:lnTo>
                <a:lnTo>
                  <a:pt x="15173" y="1474"/>
                </a:lnTo>
                <a:lnTo>
                  <a:pt x="15156" y="1477"/>
                </a:lnTo>
                <a:lnTo>
                  <a:pt x="15139" y="1480"/>
                </a:lnTo>
                <a:lnTo>
                  <a:pt x="15123" y="1483"/>
                </a:lnTo>
                <a:lnTo>
                  <a:pt x="15106" y="1488"/>
                </a:lnTo>
                <a:lnTo>
                  <a:pt x="15090" y="1493"/>
                </a:lnTo>
                <a:lnTo>
                  <a:pt x="15075" y="1500"/>
                </a:lnTo>
                <a:lnTo>
                  <a:pt x="15060" y="1509"/>
                </a:lnTo>
                <a:lnTo>
                  <a:pt x="15045" y="1518"/>
                </a:lnTo>
                <a:lnTo>
                  <a:pt x="15031" y="1529"/>
                </a:lnTo>
                <a:lnTo>
                  <a:pt x="15018" y="1541"/>
                </a:lnTo>
                <a:lnTo>
                  <a:pt x="15005" y="1556"/>
                </a:lnTo>
                <a:lnTo>
                  <a:pt x="14993" y="1571"/>
                </a:lnTo>
                <a:lnTo>
                  <a:pt x="14981" y="1588"/>
                </a:lnTo>
                <a:lnTo>
                  <a:pt x="14970" y="1607"/>
                </a:lnTo>
                <a:lnTo>
                  <a:pt x="14967" y="1607"/>
                </a:lnTo>
                <a:lnTo>
                  <a:pt x="14967" y="1489"/>
                </a:lnTo>
                <a:lnTo>
                  <a:pt x="14755" y="1489"/>
                </a:lnTo>
                <a:lnTo>
                  <a:pt x="14755" y="2264"/>
                </a:lnTo>
                <a:lnTo>
                  <a:pt x="14986" y="2264"/>
                </a:lnTo>
                <a:lnTo>
                  <a:pt x="14986" y="1886"/>
                </a:lnTo>
                <a:lnTo>
                  <a:pt x="14987" y="1857"/>
                </a:lnTo>
                <a:lnTo>
                  <a:pt x="14988" y="1830"/>
                </a:lnTo>
                <a:lnTo>
                  <a:pt x="14991" y="1807"/>
                </a:lnTo>
                <a:lnTo>
                  <a:pt x="14994" y="1787"/>
                </a:lnTo>
                <a:lnTo>
                  <a:pt x="14998" y="1768"/>
                </a:lnTo>
                <a:lnTo>
                  <a:pt x="15003" y="1752"/>
                </a:lnTo>
                <a:lnTo>
                  <a:pt x="15008" y="1739"/>
                </a:lnTo>
                <a:lnTo>
                  <a:pt x="15013" y="1728"/>
                </a:lnTo>
                <a:lnTo>
                  <a:pt x="15023" y="1711"/>
                </a:lnTo>
                <a:lnTo>
                  <a:pt x="15034" y="1697"/>
                </a:lnTo>
                <a:lnTo>
                  <a:pt x="15039" y="1690"/>
                </a:lnTo>
                <a:lnTo>
                  <a:pt x="15045" y="1683"/>
                </a:lnTo>
                <a:lnTo>
                  <a:pt x="15052" y="1678"/>
                </a:lnTo>
                <a:lnTo>
                  <a:pt x="15058" y="1672"/>
                </a:lnTo>
                <a:lnTo>
                  <a:pt x="15066" y="1668"/>
                </a:lnTo>
                <a:lnTo>
                  <a:pt x="15073" y="1663"/>
                </a:lnTo>
                <a:lnTo>
                  <a:pt x="15081" y="1659"/>
                </a:lnTo>
                <a:lnTo>
                  <a:pt x="15090" y="1656"/>
                </a:lnTo>
                <a:lnTo>
                  <a:pt x="15109" y="1650"/>
                </a:lnTo>
                <a:lnTo>
                  <a:pt x="15130" y="1646"/>
                </a:lnTo>
                <a:lnTo>
                  <a:pt x="15142" y="1643"/>
                </a:lnTo>
                <a:lnTo>
                  <a:pt x="15155" y="1643"/>
                </a:lnTo>
                <a:lnTo>
                  <a:pt x="15169" y="1643"/>
                </a:lnTo>
                <a:lnTo>
                  <a:pt x="15183" y="1646"/>
                </a:lnTo>
                <a:lnTo>
                  <a:pt x="15197" y="1648"/>
                </a:lnTo>
                <a:lnTo>
                  <a:pt x="15211" y="1652"/>
                </a:lnTo>
                <a:lnTo>
                  <a:pt x="15224" y="1658"/>
                </a:lnTo>
                <a:lnTo>
                  <a:pt x="15236" y="1664"/>
                </a:lnTo>
                <a:lnTo>
                  <a:pt x="15340" y="1500"/>
                </a:lnTo>
                <a:lnTo>
                  <a:pt x="15324" y="1494"/>
                </a:lnTo>
                <a:lnTo>
                  <a:pt x="15309" y="1489"/>
                </a:lnTo>
                <a:lnTo>
                  <a:pt x="15293" y="1484"/>
                </a:lnTo>
                <a:lnTo>
                  <a:pt x="15278" y="1480"/>
                </a:lnTo>
                <a:lnTo>
                  <a:pt x="15262" y="1478"/>
                </a:lnTo>
                <a:lnTo>
                  <a:pt x="15245" y="1476"/>
                </a:lnTo>
                <a:lnTo>
                  <a:pt x="15228" y="1474"/>
                </a:lnTo>
                <a:lnTo>
                  <a:pt x="15209" y="1473"/>
                </a:lnTo>
                <a:close/>
                <a:moveTo>
                  <a:pt x="10488" y="1578"/>
                </a:moveTo>
                <a:lnTo>
                  <a:pt x="10487" y="1590"/>
                </a:lnTo>
                <a:lnTo>
                  <a:pt x="10486" y="1603"/>
                </a:lnTo>
                <a:lnTo>
                  <a:pt x="10483" y="1618"/>
                </a:lnTo>
                <a:lnTo>
                  <a:pt x="10480" y="1631"/>
                </a:lnTo>
                <a:lnTo>
                  <a:pt x="10475" y="1644"/>
                </a:lnTo>
                <a:lnTo>
                  <a:pt x="10469" y="1659"/>
                </a:lnTo>
                <a:lnTo>
                  <a:pt x="10461" y="1672"/>
                </a:lnTo>
                <a:lnTo>
                  <a:pt x="10452" y="1684"/>
                </a:lnTo>
                <a:lnTo>
                  <a:pt x="10440" y="1697"/>
                </a:lnTo>
                <a:lnTo>
                  <a:pt x="10427" y="1707"/>
                </a:lnTo>
                <a:lnTo>
                  <a:pt x="10419" y="1712"/>
                </a:lnTo>
                <a:lnTo>
                  <a:pt x="10411" y="1717"/>
                </a:lnTo>
                <a:lnTo>
                  <a:pt x="10403" y="1721"/>
                </a:lnTo>
                <a:lnTo>
                  <a:pt x="10394" y="1726"/>
                </a:lnTo>
                <a:lnTo>
                  <a:pt x="10384" y="1729"/>
                </a:lnTo>
                <a:lnTo>
                  <a:pt x="10373" y="1732"/>
                </a:lnTo>
                <a:lnTo>
                  <a:pt x="10362" y="1734"/>
                </a:lnTo>
                <a:lnTo>
                  <a:pt x="10351" y="1737"/>
                </a:lnTo>
                <a:lnTo>
                  <a:pt x="10338" y="1739"/>
                </a:lnTo>
                <a:lnTo>
                  <a:pt x="10326" y="1740"/>
                </a:lnTo>
                <a:lnTo>
                  <a:pt x="10312" y="1741"/>
                </a:lnTo>
                <a:lnTo>
                  <a:pt x="10297" y="1741"/>
                </a:lnTo>
                <a:lnTo>
                  <a:pt x="10108" y="1741"/>
                </a:lnTo>
                <a:lnTo>
                  <a:pt x="10108" y="1430"/>
                </a:lnTo>
                <a:lnTo>
                  <a:pt x="10297" y="1430"/>
                </a:lnTo>
                <a:lnTo>
                  <a:pt x="10326" y="1431"/>
                </a:lnTo>
                <a:lnTo>
                  <a:pt x="10351" y="1433"/>
                </a:lnTo>
                <a:lnTo>
                  <a:pt x="10373" y="1438"/>
                </a:lnTo>
                <a:lnTo>
                  <a:pt x="10394" y="1444"/>
                </a:lnTo>
                <a:lnTo>
                  <a:pt x="10411" y="1451"/>
                </a:lnTo>
                <a:lnTo>
                  <a:pt x="10427" y="1460"/>
                </a:lnTo>
                <a:lnTo>
                  <a:pt x="10440" y="1469"/>
                </a:lnTo>
                <a:lnTo>
                  <a:pt x="10452" y="1480"/>
                </a:lnTo>
                <a:lnTo>
                  <a:pt x="10461" y="1491"/>
                </a:lnTo>
                <a:lnTo>
                  <a:pt x="10469" y="1502"/>
                </a:lnTo>
                <a:lnTo>
                  <a:pt x="10475" y="1514"/>
                </a:lnTo>
                <a:lnTo>
                  <a:pt x="10480" y="1527"/>
                </a:lnTo>
                <a:lnTo>
                  <a:pt x="10483" y="1540"/>
                </a:lnTo>
                <a:lnTo>
                  <a:pt x="10486" y="1552"/>
                </a:lnTo>
                <a:lnTo>
                  <a:pt x="10487" y="1566"/>
                </a:lnTo>
                <a:lnTo>
                  <a:pt x="10488" y="1578"/>
                </a:lnTo>
                <a:close/>
                <a:moveTo>
                  <a:pt x="10279" y="1263"/>
                </a:moveTo>
                <a:lnTo>
                  <a:pt x="9841" y="1263"/>
                </a:lnTo>
                <a:lnTo>
                  <a:pt x="9841" y="2264"/>
                </a:lnTo>
                <a:lnTo>
                  <a:pt x="10108" y="2264"/>
                </a:lnTo>
                <a:lnTo>
                  <a:pt x="10108" y="1909"/>
                </a:lnTo>
                <a:lnTo>
                  <a:pt x="10335" y="1909"/>
                </a:lnTo>
                <a:lnTo>
                  <a:pt x="10359" y="1909"/>
                </a:lnTo>
                <a:lnTo>
                  <a:pt x="10383" y="1908"/>
                </a:lnTo>
                <a:lnTo>
                  <a:pt x="10406" y="1906"/>
                </a:lnTo>
                <a:lnTo>
                  <a:pt x="10428" y="1903"/>
                </a:lnTo>
                <a:lnTo>
                  <a:pt x="10450" y="1899"/>
                </a:lnTo>
                <a:lnTo>
                  <a:pt x="10471" y="1896"/>
                </a:lnTo>
                <a:lnTo>
                  <a:pt x="10491" y="1890"/>
                </a:lnTo>
                <a:lnTo>
                  <a:pt x="10511" y="1884"/>
                </a:lnTo>
                <a:lnTo>
                  <a:pt x="10529" y="1878"/>
                </a:lnTo>
                <a:lnTo>
                  <a:pt x="10548" y="1871"/>
                </a:lnTo>
                <a:lnTo>
                  <a:pt x="10565" y="1863"/>
                </a:lnTo>
                <a:lnTo>
                  <a:pt x="10582" y="1854"/>
                </a:lnTo>
                <a:lnTo>
                  <a:pt x="10598" y="1846"/>
                </a:lnTo>
                <a:lnTo>
                  <a:pt x="10614" y="1837"/>
                </a:lnTo>
                <a:lnTo>
                  <a:pt x="10628" y="1826"/>
                </a:lnTo>
                <a:lnTo>
                  <a:pt x="10642" y="1816"/>
                </a:lnTo>
                <a:lnTo>
                  <a:pt x="10655" y="1804"/>
                </a:lnTo>
                <a:lnTo>
                  <a:pt x="10667" y="1792"/>
                </a:lnTo>
                <a:lnTo>
                  <a:pt x="10679" y="1780"/>
                </a:lnTo>
                <a:lnTo>
                  <a:pt x="10690" y="1768"/>
                </a:lnTo>
                <a:lnTo>
                  <a:pt x="10700" y="1754"/>
                </a:lnTo>
                <a:lnTo>
                  <a:pt x="10709" y="1740"/>
                </a:lnTo>
                <a:lnTo>
                  <a:pt x="10717" y="1726"/>
                </a:lnTo>
                <a:lnTo>
                  <a:pt x="10724" y="1711"/>
                </a:lnTo>
                <a:lnTo>
                  <a:pt x="10731" y="1697"/>
                </a:lnTo>
                <a:lnTo>
                  <a:pt x="10737" y="1681"/>
                </a:lnTo>
                <a:lnTo>
                  <a:pt x="10742" y="1666"/>
                </a:lnTo>
                <a:lnTo>
                  <a:pt x="10746" y="1649"/>
                </a:lnTo>
                <a:lnTo>
                  <a:pt x="10749" y="1633"/>
                </a:lnTo>
                <a:lnTo>
                  <a:pt x="10751" y="1617"/>
                </a:lnTo>
                <a:lnTo>
                  <a:pt x="10753" y="1599"/>
                </a:lnTo>
                <a:lnTo>
                  <a:pt x="10753" y="1582"/>
                </a:lnTo>
                <a:lnTo>
                  <a:pt x="10753" y="1562"/>
                </a:lnTo>
                <a:lnTo>
                  <a:pt x="10751" y="1544"/>
                </a:lnTo>
                <a:lnTo>
                  <a:pt x="10749" y="1527"/>
                </a:lnTo>
                <a:lnTo>
                  <a:pt x="10746" y="1509"/>
                </a:lnTo>
                <a:lnTo>
                  <a:pt x="10743" y="1492"/>
                </a:lnTo>
                <a:lnTo>
                  <a:pt x="10738" y="1476"/>
                </a:lnTo>
                <a:lnTo>
                  <a:pt x="10732" y="1460"/>
                </a:lnTo>
                <a:lnTo>
                  <a:pt x="10726" y="1444"/>
                </a:lnTo>
                <a:lnTo>
                  <a:pt x="10719" y="1430"/>
                </a:lnTo>
                <a:lnTo>
                  <a:pt x="10711" y="1417"/>
                </a:lnTo>
                <a:lnTo>
                  <a:pt x="10702" y="1403"/>
                </a:lnTo>
                <a:lnTo>
                  <a:pt x="10692" y="1390"/>
                </a:lnTo>
                <a:lnTo>
                  <a:pt x="10681" y="1378"/>
                </a:lnTo>
                <a:lnTo>
                  <a:pt x="10669" y="1367"/>
                </a:lnTo>
                <a:lnTo>
                  <a:pt x="10656" y="1356"/>
                </a:lnTo>
                <a:lnTo>
                  <a:pt x="10642" y="1346"/>
                </a:lnTo>
                <a:lnTo>
                  <a:pt x="10627" y="1336"/>
                </a:lnTo>
                <a:lnTo>
                  <a:pt x="10611" y="1326"/>
                </a:lnTo>
                <a:lnTo>
                  <a:pt x="10594" y="1318"/>
                </a:lnTo>
                <a:lnTo>
                  <a:pt x="10576" y="1310"/>
                </a:lnTo>
                <a:lnTo>
                  <a:pt x="10558" y="1302"/>
                </a:lnTo>
                <a:lnTo>
                  <a:pt x="10538" y="1296"/>
                </a:lnTo>
                <a:lnTo>
                  <a:pt x="10517" y="1290"/>
                </a:lnTo>
                <a:lnTo>
                  <a:pt x="10495" y="1284"/>
                </a:lnTo>
                <a:lnTo>
                  <a:pt x="10471" y="1279"/>
                </a:lnTo>
                <a:lnTo>
                  <a:pt x="10447" y="1274"/>
                </a:lnTo>
                <a:lnTo>
                  <a:pt x="10422" y="1271"/>
                </a:lnTo>
                <a:lnTo>
                  <a:pt x="10396" y="1269"/>
                </a:lnTo>
                <a:lnTo>
                  <a:pt x="10368" y="1267"/>
                </a:lnTo>
                <a:lnTo>
                  <a:pt x="10339" y="1264"/>
                </a:lnTo>
                <a:lnTo>
                  <a:pt x="10310" y="1263"/>
                </a:lnTo>
                <a:lnTo>
                  <a:pt x="10279" y="1263"/>
                </a:lnTo>
                <a:close/>
                <a:moveTo>
                  <a:pt x="14262" y="1620"/>
                </a:moveTo>
                <a:lnTo>
                  <a:pt x="14282" y="1621"/>
                </a:lnTo>
                <a:lnTo>
                  <a:pt x="14300" y="1623"/>
                </a:lnTo>
                <a:lnTo>
                  <a:pt x="14316" y="1627"/>
                </a:lnTo>
                <a:lnTo>
                  <a:pt x="14332" y="1631"/>
                </a:lnTo>
                <a:lnTo>
                  <a:pt x="14346" y="1638"/>
                </a:lnTo>
                <a:lnTo>
                  <a:pt x="14359" y="1646"/>
                </a:lnTo>
                <a:lnTo>
                  <a:pt x="14372" y="1653"/>
                </a:lnTo>
                <a:lnTo>
                  <a:pt x="14383" y="1663"/>
                </a:lnTo>
                <a:lnTo>
                  <a:pt x="14392" y="1673"/>
                </a:lnTo>
                <a:lnTo>
                  <a:pt x="14401" y="1686"/>
                </a:lnTo>
                <a:lnTo>
                  <a:pt x="14409" y="1698"/>
                </a:lnTo>
                <a:lnTo>
                  <a:pt x="14416" y="1710"/>
                </a:lnTo>
                <a:lnTo>
                  <a:pt x="14422" y="1723"/>
                </a:lnTo>
                <a:lnTo>
                  <a:pt x="14427" y="1738"/>
                </a:lnTo>
                <a:lnTo>
                  <a:pt x="14432" y="1752"/>
                </a:lnTo>
                <a:lnTo>
                  <a:pt x="14435" y="1767"/>
                </a:lnTo>
                <a:lnTo>
                  <a:pt x="14436" y="1771"/>
                </a:lnTo>
                <a:lnTo>
                  <a:pt x="14437" y="1777"/>
                </a:lnTo>
                <a:lnTo>
                  <a:pt x="14437" y="1781"/>
                </a:lnTo>
                <a:lnTo>
                  <a:pt x="14438" y="1787"/>
                </a:lnTo>
                <a:lnTo>
                  <a:pt x="14438" y="1791"/>
                </a:lnTo>
                <a:lnTo>
                  <a:pt x="14438" y="1796"/>
                </a:lnTo>
                <a:lnTo>
                  <a:pt x="14438" y="1800"/>
                </a:lnTo>
                <a:lnTo>
                  <a:pt x="14438" y="1804"/>
                </a:lnTo>
                <a:lnTo>
                  <a:pt x="14069" y="1804"/>
                </a:lnTo>
                <a:lnTo>
                  <a:pt x="14071" y="1787"/>
                </a:lnTo>
                <a:lnTo>
                  <a:pt x="14075" y="1769"/>
                </a:lnTo>
                <a:lnTo>
                  <a:pt x="14080" y="1751"/>
                </a:lnTo>
                <a:lnTo>
                  <a:pt x="14086" y="1734"/>
                </a:lnTo>
                <a:lnTo>
                  <a:pt x="14093" y="1719"/>
                </a:lnTo>
                <a:lnTo>
                  <a:pt x="14102" y="1703"/>
                </a:lnTo>
                <a:lnTo>
                  <a:pt x="14112" y="1689"/>
                </a:lnTo>
                <a:lnTo>
                  <a:pt x="14123" y="1676"/>
                </a:lnTo>
                <a:lnTo>
                  <a:pt x="14136" y="1663"/>
                </a:lnTo>
                <a:lnTo>
                  <a:pt x="14150" y="1652"/>
                </a:lnTo>
                <a:lnTo>
                  <a:pt x="14165" y="1643"/>
                </a:lnTo>
                <a:lnTo>
                  <a:pt x="14182" y="1634"/>
                </a:lnTo>
                <a:lnTo>
                  <a:pt x="14200" y="1629"/>
                </a:lnTo>
                <a:lnTo>
                  <a:pt x="14219" y="1623"/>
                </a:lnTo>
                <a:lnTo>
                  <a:pt x="14240" y="1621"/>
                </a:lnTo>
                <a:lnTo>
                  <a:pt x="14262" y="1620"/>
                </a:lnTo>
                <a:close/>
                <a:moveTo>
                  <a:pt x="14555" y="2088"/>
                </a:moveTo>
                <a:lnTo>
                  <a:pt x="14525" y="2098"/>
                </a:lnTo>
                <a:lnTo>
                  <a:pt x="14496" y="2104"/>
                </a:lnTo>
                <a:lnTo>
                  <a:pt x="14468" y="2111"/>
                </a:lnTo>
                <a:lnTo>
                  <a:pt x="14441" y="2117"/>
                </a:lnTo>
                <a:lnTo>
                  <a:pt x="14413" y="2121"/>
                </a:lnTo>
                <a:lnTo>
                  <a:pt x="14385" y="2124"/>
                </a:lnTo>
                <a:lnTo>
                  <a:pt x="14355" y="2127"/>
                </a:lnTo>
                <a:lnTo>
                  <a:pt x="14323" y="2127"/>
                </a:lnTo>
                <a:lnTo>
                  <a:pt x="14296" y="2126"/>
                </a:lnTo>
                <a:lnTo>
                  <a:pt x="14271" y="2124"/>
                </a:lnTo>
                <a:lnTo>
                  <a:pt x="14247" y="2120"/>
                </a:lnTo>
                <a:lnTo>
                  <a:pt x="14224" y="2116"/>
                </a:lnTo>
                <a:lnTo>
                  <a:pt x="14202" y="2109"/>
                </a:lnTo>
                <a:lnTo>
                  <a:pt x="14182" y="2101"/>
                </a:lnTo>
                <a:lnTo>
                  <a:pt x="14163" y="2092"/>
                </a:lnTo>
                <a:lnTo>
                  <a:pt x="14146" y="2081"/>
                </a:lnTo>
                <a:lnTo>
                  <a:pt x="14138" y="2076"/>
                </a:lnTo>
                <a:lnTo>
                  <a:pt x="14130" y="2069"/>
                </a:lnTo>
                <a:lnTo>
                  <a:pt x="14123" y="2062"/>
                </a:lnTo>
                <a:lnTo>
                  <a:pt x="14116" y="2056"/>
                </a:lnTo>
                <a:lnTo>
                  <a:pt x="14110" y="2048"/>
                </a:lnTo>
                <a:lnTo>
                  <a:pt x="14104" y="2040"/>
                </a:lnTo>
                <a:lnTo>
                  <a:pt x="14098" y="2032"/>
                </a:lnTo>
                <a:lnTo>
                  <a:pt x="14093" y="2023"/>
                </a:lnTo>
                <a:lnTo>
                  <a:pt x="14088" y="2014"/>
                </a:lnTo>
                <a:lnTo>
                  <a:pt x="14084" y="2006"/>
                </a:lnTo>
                <a:lnTo>
                  <a:pt x="14080" y="1996"/>
                </a:lnTo>
                <a:lnTo>
                  <a:pt x="14077" y="1986"/>
                </a:lnTo>
                <a:lnTo>
                  <a:pt x="14074" y="1976"/>
                </a:lnTo>
                <a:lnTo>
                  <a:pt x="14072" y="1964"/>
                </a:lnTo>
                <a:lnTo>
                  <a:pt x="14070" y="1953"/>
                </a:lnTo>
                <a:lnTo>
                  <a:pt x="14069" y="1942"/>
                </a:lnTo>
                <a:lnTo>
                  <a:pt x="14637" y="1942"/>
                </a:lnTo>
                <a:lnTo>
                  <a:pt x="14638" y="1929"/>
                </a:lnTo>
                <a:lnTo>
                  <a:pt x="14639" y="1914"/>
                </a:lnTo>
                <a:lnTo>
                  <a:pt x="14639" y="1900"/>
                </a:lnTo>
                <a:lnTo>
                  <a:pt x="14640" y="1884"/>
                </a:lnTo>
                <a:lnTo>
                  <a:pt x="14639" y="1868"/>
                </a:lnTo>
                <a:lnTo>
                  <a:pt x="14639" y="1852"/>
                </a:lnTo>
                <a:lnTo>
                  <a:pt x="14638" y="1837"/>
                </a:lnTo>
                <a:lnTo>
                  <a:pt x="14637" y="1822"/>
                </a:lnTo>
                <a:lnTo>
                  <a:pt x="14635" y="1804"/>
                </a:lnTo>
                <a:lnTo>
                  <a:pt x="14633" y="1787"/>
                </a:lnTo>
                <a:lnTo>
                  <a:pt x="14630" y="1769"/>
                </a:lnTo>
                <a:lnTo>
                  <a:pt x="14626" y="1751"/>
                </a:lnTo>
                <a:lnTo>
                  <a:pt x="14622" y="1734"/>
                </a:lnTo>
                <a:lnTo>
                  <a:pt x="14618" y="1718"/>
                </a:lnTo>
                <a:lnTo>
                  <a:pt x="14612" y="1701"/>
                </a:lnTo>
                <a:lnTo>
                  <a:pt x="14606" y="1686"/>
                </a:lnTo>
                <a:lnTo>
                  <a:pt x="14600" y="1670"/>
                </a:lnTo>
                <a:lnTo>
                  <a:pt x="14593" y="1654"/>
                </a:lnTo>
                <a:lnTo>
                  <a:pt x="14585" y="1640"/>
                </a:lnTo>
                <a:lnTo>
                  <a:pt x="14576" y="1626"/>
                </a:lnTo>
                <a:lnTo>
                  <a:pt x="14567" y="1612"/>
                </a:lnTo>
                <a:lnTo>
                  <a:pt x="14557" y="1599"/>
                </a:lnTo>
                <a:lnTo>
                  <a:pt x="14547" y="1587"/>
                </a:lnTo>
                <a:lnTo>
                  <a:pt x="14536" y="1574"/>
                </a:lnTo>
                <a:lnTo>
                  <a:pt x="14524" y="1563"/>
                </a:lnTo>
                <a:lnTo>
                  <a:pt x="14511" y="1552"/>
                </a:lnTo>
                <a:lnTo>
                  <a:pt x="14497" y="1542"/>
                </a:lnTo>
                <a:lnTo>
                  <a:pt x="14483" y="1532"/>
                </a:lnTo>
                <a:lnTo>
                  <a:pt x="14468" y="1523"/>
                </a:lnTo>
                <a:lnTo>
                  <a:pt x="14452" y="1514"/>
                </a:lnTo>
                <a:lnTo>
                  <a:pt x="14436" y="1508"/>
                </a:lnTo>
                <a:lnTo>
                  <a:pt x="14419" y="1500"/>
                </a:lnTo>
                <a:lnTo>
                  <a:pt x="14400" y="1494"/>
                </a:lnTo>
                <a:lnTo>
                  <a:pt x="14381" y="1489"/>
                </a:lnTo>
                <a:lnTo>
                  <a:pt x="14362" y="1484"/>
                </a:lnTo>
                <a:lnTo>
                  <a:pt x="14341" y="1480"/>
                </a:lnTo>
                <a:lnTo>
                  <a:pt x="14319" y="1478"/>
                </a:lnTo>
                <a:lnTo>
                  <a:pt x="14297" y="1476"/>
                </a:lnTo>
                <a:lnTo>
                  <a:pt x="14274" y="1474"/>
                </a:lnTo>
                <a:lnTo>
                  <a:pt x="14250" y="1473"/>
                </a:lnTo>
                <a:lnTo>
                  <a:pt x="14225" y="1474"/>
                </a:lnTo>
                <a:lnTo>
                  <a:pt x="14201" y="1476"/>
                </a:lnTo>
                <a:lnTo>
                  <a:pt x="14178" y="1479"/>
                </a:lnTo>
                <a:lnTo>
                  <a:pt x="14156" y="1482"/>
                </a:lnTo>
                <a:lnTo>
                  <a:pt x="14134" y="1488"/>
                </a:lnTo>
                <a:lnTo>
                  <a:pt x="14114" y="1493"/>
                </a:lnTo>
                <a:lnTo>
                  <a:pt x="14094" y="1500"/>
                </a:lnTo>
                <a:lnTo>
                  <a:pt x="14075" y="1508"/>
                </a:lnTo>
                <a:lnTo>
                  <a:pt x="14057" y="1517"/>
                </a:lnTo>
                <a:lnTo>
                  <a:pt x="14040" y="1527"/>
                </a:lnTo>
                <a:lnTo>
                  <a:pt x="14024" y="1537"/>
                </a:lnTo>
                <a:lnTo>
                  <a:pt x="14007" y="1548"/>
                </a:lnTo>
                <a:lnTo>
                  <a:pt x="13992" y="1560"/>
                </a:lnTo>
                <a:lnTo>
                  <a:pt x="13978" y="1572"/>
                </a:lnTo>
                <a:lnTo>
                  <a:pt x="13965" y="1586"/>
                </a:lnTo>
                <a:lnTo>
                  <a:pt x="13953" y="1599"/>
                </a:lnTo>
                <a:lnTo>
                  <a:pt x="13941" y="1614"/>
                </a:lnTo>
                <a:lnTo>
                  <a:pt x="13931" y="1629"/>
                </a:lnTo>
                <a:lnTo>
                  <a:pt x="13921" y="1644"/>
                </a:lnTo>
                <a:lnTo>
                  <a:pt x="13911" y="1661"/>
                </a:lnTo>
                <a:lnTo>
                  <a:pt x="13903" y="1678"/>
                </a:lnTo>
                <a:lnTo>
                  <a:pt x="13895" y="1694"/>
                </a:lnTo>
                <a:lnTo>
                  <a:pt x="13888" y="1712"/>
                </a:lnTo>
                <a:lnTo>
                  <a:pt x="13882" y="1730"/>
                </a:lnTo>
                <a:lnTo>
                  <a:pt x="13877" y="1749"/>
                </a:lnTo>
                <a:lnTo>
                  <a:pt x="13872" y="1768"/>
                </a:lnTo>
                <a:lnTo>
                  <a:pt x="13868" y="1787"/>
                </a:lnTo>
                <a:lnTo>
                  <a:pt x="13865" y="1806"/>
                </a:lnTo>
                <a:lnTo>
                  <a:pt x="13862" y="1824"/>
                </a:lnTo>
                <a:lnTo>
                  <a:pt x="13861" y="1844"/>
                </a:lnTo>
                <a:lnTo>
                  <a:pt x="13859" y="1864"/>
                </a:lnTo>
                <a:lnTo>
                  <a:pt x="13859" y="1883"/>
                </a:lnTo>
                <a:lnTo>
                  <a:pt x="13860" y="1910"/>
                </a:lnTo>
                <a:lnTo>
                  <a:pt x="13861" y="1936"/>
                </a:lnTo>
                <a:lnTo>
                  <a:pt x="13864" y="1960"/>
                </a:lnTo>
                <a:lnTo>
                  <a:pt x="13868" y="1983"/>
                </a:lnTo>
                <a:lnTo>
                  <a:pt x="13873" y="2006"/>
                </a:lnTo>
                <a:lnTo>
                  <a:pt x="13878" y="2027"/>
                </a:lnTo>
                <a:lnTo>
                  <a:pt x="13885" y="2047"/>
                </a:lnTo>
                <a:lnTo>
                  <a:pt x="13893" y="2067"/>
                </a:lnTo>
                <a:lnTo>
                  <a:pt x="13901" y="2086"/>
                </a:lnTo>
                <a:lnTo>
                  <a:pt x="13911" y="2102"/>
                </a:lnTo>
                <a:lnTo>
                  <a:pt x="13921" y="2120"/>
                </a:lnTo>
                <a:lnTo>
                  <a:pt x="13933" y="2136"/>
                </a:lnTo>
                <a:lnTo>
                  <a:pt x="13945" y="2150"/>
                </a:lnTo>
                <a:lnTo>
                  <a:pt x="13958" y="2164"/>
                </a:lnTo>
                <a:lnTo>
                  <a:pt x="13971" y="2178"/>
                </a:lnTo>
                <a:lnTo>
                  <a:pt x="13986" y="2190"/>
                </a:lnTo>
                <a:lnTo>
                  <a:pt x="14001" y="2201"/>
                </a:lnTo>
                <a:lnTo>
                  <a:pt x="14018" y="2212"/>
                </a:lnTo>
                <a:lnTo>
                  <a:pt x="14035" y="2222"/>
                </a:lnTo>
                <a:lnTo>
                  <a:pt x="14052" y="2231"/>
                </a:lnTo>
                <a:lnTo>
                  <a:pt x="14070" y="2240"/>
                </a:lnTo>
                <a:lnTo>
                  <a:pt x="14089" y="2247"/>
                </a:lnTo>
                <a:lnTo>
                  <a:pt x="14108" y="2253"/>
                </a:lnTo>
                <a:lnTo>
                  <a:pt x="14128" y="2260"/>
                </a:lnTo>
                <a:lnTo>
                  <a:pt x="14148" y="2264"/>
                </a:lnTo>
                <a:lnTo>
                  <a:pt x="14169" y="2270"/>
                </a:lnTo>
                <a:lnTo>
                  <a:pt x="14190" y="2273"/>
                </a:lnTo>
                <a:lnTo>
                  <a:pt x="14212" y="2277"/>
                </a:lnTo>
                <a:lnTo>
                  <a:pt x="14235" y="2279"/>
                </a:lnTo>
                <a:lnTo>
                  <a:pt x="14257" y="2280"/>
                </a:lnTo>
                <a:lnTo>
                  <a:pt x="14281" y="2281"/>
                </a:lnTo>
                <a:lnTo>
                  <a:pt x="14304" y="2281"/>
                </a:lnTo>
                <a:lnTo>
                  <a:pt x="14342" y="2281"/>
                </a:lnTo>
                <a:lnTo>
                  <a:pt x="14378" y="2279"/>
                </a:lnTo>
                <a:lnTo>
                  <a:pt x="14411" y="2276"/>
                </a:lnTo>
                <a:lnTo>
                  <a:pt x="14442" y="2271"/>
                </a:lnTo>
                <a:lnTo>
                  <a:pt x="14472" y="2266"/>
                </a:lnTo>
                <a:lnTo>
                  <a:pt x="14500" y="2260"/>
                </a:lnTo>
                <a:lnTo>
                  <a:pt x="14528" y="2253"/>
                </a:lnTo>
                <a:lnTo>
                  <a:pt x="14555" y="2246"/>
                </a:lnTo>
                <a:lnTo>
                  <a:pt x="14555" y="2088"/>
                </a:lnTo>
                <a:close/>
                <a:moveTo>
                  <a:pt x="12812" y="1642"/>
                </a:moveTo>
                <a:lnTo>
                  <a:pt x="12812" y="1489"/>
                </a:lnTo>
                <a:lnTo>
                  <a:pt x="12573" y="1489"/>
                </a:lnTo>
                <a:lnTo>
                  <a:pt x="12573" y="1326"/>
                </a:lnTo>
                <a:lnTo>
                  <a:pt x="12350" y="1326"/>
                </a:lnTo>
                <a:lnTo>
                  <a:pt x="12350" y="1992"/>
                </a:lnTo>
                <a:lnTo>
                  <a:pt x="12351" y="2029"/>
                </a:lnTo>
                <a:lnTo>
                  <a:pt x="12353" y="2063"/>
                </a:lnTo>
                <a:lnTo>
                  <a:pt x="12355" y="2079"/>
                </a:lnTo>
                <a:lnTo>
                  <a:pt x="12357" y="2094"/>
                </a:lnTo>
                <a:lnTo>
                  <a:pt x="12360" y="2109"/>
                </a:lnTo>
                <a:lnTo>
                  <a:pt x="12363" y="2123"/>
                </a:lnTo>
                <a:lnTo>
                  <a:pt x="12367" y="2137"/>
                </a:lnTo>
                <a:lnTo>
                  <a:pt x="12371" y="2150"/>
                </a:lnTo>
                <a:lnTo>
                  <a:pt x="12376" y="2162"/>
                </a:lnTo>
                <a:lnTo>
                  <a:pt x="12381" y="2173"/>
                </a:lnTo>
                <a:lnTo>
                  <a:pt x="12387" y="2184"/>
                </a:lnTo>
                <a:lnTo>
                  <a:pt x="12393" y="2194"/>
                </a:lnTo>
                <a:lnTo>
                  <a:pt x="12400" y="2204"/>
                </a:lnTo>
                <a:lnTo>
                  <a:pt x="12408" y="2213"/>
                </a:lnTo>
                <a:lnTo>
                  <a:pt x="12417" y="2222"/>
                </a:lnTo>
                <a:lnTo>
                  <a:pt x="12426" y="2230"/>
                </a:lnTo>
                <a:lnTo>
                  <a:pt x="12435" y="2237"/>
                </a:lnTo>
                <a:lnTo>
                  <a:pt x="12446" y="2243"/>
                </a:lnTo>
                <a:lnTo>
                  <a:pt x="12456" y="2250"/>
                </a:lnTo>
                <a:lnTo>
                  <a:pt x="12468" y="2256"/>
                </a:lnTo>
                <a:lnTo>
                  <a:pt x="12480" y="2260"/>
                </a:lnTo>
                <a:lnTo>
                  <a:pt x="12493" y="2264"/>
                </a:lnTo>
                <a:lnTo>
                  <a:pt x="12507" y="2269"/>
                </a:lnTo>
                <a:lnTo>
                  <a:pt x="12521" y="2272"/>
                </a:lnTo>
                <a:lnTo>
                  <a:pt x="12536" y="2276"/>
                </a:lnTo>
                <a:lnTo>
                  <a:pt x="12552" y="2278"/>
                </a:lnTo>
                <a:lnTo>
                  <a:pt x="12569" y="2279"/>
                </a:lnTo>
                <a:lnTo>
                  <a:pt x="12587" y="2280"/>
                </a:lnTo>
                <a:lnTo>
                  <a:pt x="12605" y="2281"/>
                </a:lnTo>
                <a:lnTo>
                  <a:pt x="12624" y="2281"/>
                </a:lnTo>
                <a:lnTo>
                  <a:pt x="12644" y="2281"/>
                </a:lnTo>
                <a:lnTo>
                  <a:pt x="12667" y="2281"/>
                </a:lnTo>
                <a:lnTo>
                  <a:pt x="12691" y="2280"/>
                </a:lnTo>
                <a:lnTo>
                  <a:pt x="12716" y="2278"/>
                </a:lnTo>
                <a:lnTo>
                  <a:pt x="12741" y="2277"/>
                </a:lnTo>
                <a:lnTo>
                  <a:pt x="12766" y="2273"/>
                </a:lnTo>
                <a:lnTo>
                  <a:pt x="12790" y="2271"/>
                </a:lnTo>
                <a:lnTo>
                  <a:pt x="12812" y="2267"/>
                </a:lnTo>
                <a:lnTo>
                  <a:pt x="12812" y="2109"/>
                </a:lnTo>
                <a:lnTo>
                  <a:pt x="12793" y="2113"/>
                </a:lnTo>
                <a:lnTo>
                  <a:pt x="12774" y="2118"/>
                </a:lnTo>
                <a:lnTo>
                  <a:pt x="12755" y="2121"/>
                </a:lnTo>
                <a:lnTo>
                  <a:pt x="12737" y="2123"/>
                </a:lnTo>
                <a:lnTo>
                  <a:pt x="12720" y="2124"/>
                </a:lnTo>
                <a:lnTo>
                  <a:pt x="12705" y="2126"/>
                </a:lnTo>
                <a:lnTo>
                  <a:pt x="12691" y="2126"/>
                </a:lnTo>
                <a:lnTo>
                  <a:pt x="12680" y="2126"/>
                </a:lnTo>
                <a:lnTo>
                  <a:pt x="12666" y="2124"/>
                </a:lnTo>
                <a:lnTo>
                  <a:pt x="12653" y="2122"/>
                </a:lnTo>
                <a:lnTo>
                  <a:pt x="12641" y="2120"/>
                </a:lnTo>
                <a:lnTo>
                  <a:pt x="12631" y="2116"/>
                </a:lnTo>
                <a:lnTo>
                  <a:pt x="12621" y="2110"/>
                </a:lnTo>
                <a:lnTo>
                  <a:pt x="12612" y="2104"/>
                </a:lnTo>
                <a:lnTo>
                  <a:pt x="12605" y="2097"/>
                </a:lnTo>
                <a:lnTo>
                  <a:pt x="12598" y="2087"/>
                </a:lnTo>
                <a:lnTo>
                  <a:pt x="12592" y="2076"/>
                </a:lnTo>
                <a:lnTo>
                  <a:pt x="12587" y="2062"/>
                </a:lnTo>
                <a:lnTo>
                  <a:pt x="12583" y="2048"/>
                </a:lnTo>
                <a:lnTo>
                  <a:pt x="12579" y="2030"/>
                </a:lnTo>
                <a:lnTo>
                  <a:pt x="12577" y="2011"/>
                </a:lnTo>
                <a:lnTo>
                  <a:pt x="12575" y="1989"/>
                </a:lnTo>
                <a:lnTo>
                  <a:pt x="12574" y="1964"/>
                </a:lnTo>
                <a:lnTo>
                  <a:pt x="12573" y="1938"/>
                </a:lnTo>
                <a:lnTo>
                  <a:pt x="12573" y="1642"/>
                </a:lnTo>
                <a:lnTo>
                  <a:pt x="12812" y="1642"/>
                </a:lnTo>
                <a:close/>
                <a:moveTo>
                  <a:pt x="15705" y="1473"/>
                </a:moveTo>
                <a:lnTo>
                  <a:pt x="15673" y="1474"/>
                </a:lnTo>
                <a:lnTo>
                  <a:pt x="15641" y="1477"/>
                </a:lnTo>
                <a:lnTo>
                  <a:pt x="15609" y="1481"/>
                </a:lnTo>
                <a:lnTo>
                  <a:pt x="15579" y="1486"/>
                </a:lnTo>
                <a:lnTo>
                  <a:pt x="15549" y="1493"/>
                </a:lnTo>
                <a:lnTo>
                  <a:pt x="15521" y="1502"/>
                </a:lnTo>
                <a:lnTo>
                  <a:pt x="15508" y="1508"/>
                </a:lnTo>
                <a:lnTo>
                  <a:pt x="15494" y="1513"/>
                </a:lnTo>
                <a:lnTo>
                  <a:pt x="15482" y="1520"/>
                </a:lnTo>
                <a:lnTo>
                  <a:pt x="15470" y="1527"/>
                </a:lnTo>
                <a:lnTo>
                  <a:pt x="15458" y="1533"/>
                </a:lnTo>
                <a:lnTo>
                  <a:pt x="15447" y="1541"/>
                </a:lnTo>
                <a:lnTo>
                  <a:pt x="15436" y="1550"/>
                </a:lnTo>
                <a:lnTo>
                  <a:pt x="15426" y="1559"/>
                </a:lnTo>
                <a:lnTo>
                  <a:pt x="15416" y="1568"/>
                </a:lnTo>
                <a:lnTo>
                  <a:pt x="15408" y="1578"/>
                </a:lnTo>
                <a:lnTo>
                  <a:pt x="15400" y="1589"/>
                </a:lnTo>
                <a:lnTo>
                  <a:pt x="15392" y="1600"/>
                </a:lnTo>
                <a:lnTo>
                  <a:pt x="15386" y="1611"/>
                </a:lnTo>
                <a:lnTo>
                  <a:pt x="15380" y="1624"/>
                </a:lnTo>
                <a:lnTo>
                  <a:pt x="15375" y="1637"/>
                </a:lnTo>
                <a:lnTo>
                  <a:pt x="15371" y="1651"/>
                </a:lnTo>
                <a:lnTo>
                  <a:pt x="15367" y="1666"/>
                </a:lnTo>
                <a:lnTo>
                  <a:pt x="15365" y="1680"/>
                </a:lnTo>
                <a:lnTo>
                  <a:pt x="15363" y="1696"/>
                </a:lnTo>
                <a:lnTo>
                  <a:pt x="15363" y="1712"/>
                </a:lnTo>
                <a:lnTo>
                  <a:pt x="15363" y="1726"/>
                </a:lnTo>
                <a:lnTo>
                  <a:pt x="15364" y="1739"/>
                </a:lnTo>
                <a:lnTo>
                  <a:pt x="15366" y="1752"/>
                </a:lnTo>
                <a:lnTo>
                  <a:pt x="15368" y="1764"/>
                </a:lnTo>
                <a:lnTo>
                  <a:pt x="15371" y="1776"/>
                </a:lnTo>
                <a:lnTo>
                  <a:pt x="15374" y="1787"/>
                </a:lnTo>
                <a:lnTo>
                  <a:pt x="15378" y="1798"/>
                </a:lnTo>
                <a:lnTo>
                  <a:pt x="15383" y="1808"/>
                </a:lnTo>
                <a:lnTo>
                  <a:pt x="15388" y="1817"/>
                </a:lnTo>
                <a:lnTo>
                  <a:pt x="15393" y="1827"/>
                </a:lnTo>
                <a:lnTo>
                  <a:pt x="15399" y="1836"/>
                </a:lnTo>
                <a:lnTo>
                  <a:pt x="15406" y="1843"/>
                </a:lnTo>
                <a:lnTo>
                  <a:pt x="15413" y="1851"/>
                </a:lnTo>
                <a:lnTo>
                  <a:pt x="15420" y="1859"/>
                </a:lnTo>
                <a:lnTo>
                  <a:pt x="15428" y="1866"/>
                </a:lnTo>
                <a:lnTo>
                  <a:pt x="15436" y="1872"/>
                </a:lnTo>
                <a:lnTo>
                  <a:pt x="15453" y="1886"/>
                </a:lnTo>
                <a:lnTo>
                  <a:pt x="15472" y="1897"/>
                </a:lnTo>
                <a:lnTo>
                  <a:pt x="15492" y="1908"/>
                </a:lnTo>
                <a:lnTo>
                  <a:pt x="15513" y="1917"/>
                </a:lnTo>
                <a:lnTo>
                  <a:pt x="15535" y="1926"/>
                </a:lnTo>
                <a:lnTo>
                  <a:pt x="15558" y="1933"/>
                </a:lnTo>
                <a:lnTo>
                  <a:pt x="15582" y="1941"/>
                </a:lnTo>
                <a:lnTo>
                  <a:pt x="15605" y="1949"/>
                </a:lnTo>
                <a:lnTo>
                  <a:pt x="15654" y="1962"/>
                </a:lnTo>
                <a:lnTo>
                  <a:pt x="15693" y="1974"/>
                </a:lnTo>
                <a:lnTo>
                  <a:pt x="15725" y="1986"/>
                </a:lnTo>
                <a:lnTo>
                  <a:pt x="15751" y="1996"/>
                </a:lnTo>
                <a:lnTo>
                  <a:pt x="15761" y="2001"/>
                </a:lnTo>
                <a:lnTo>
                  <a:pt x="15770" y="2007"/>
                </a:lnTo>
                <a:lnTo>
                  <a:pt x="15777" y="2013"/>
                </a:lnTo>
                <a:lnTo>
                  <a:pt x="15783" y="2020"/>
                </a:lnTo>
                <a:lnTo>
                  <a:pt x="15788" y="2027"/>
                </a:lnTo>
                <a:lnTo>
                  <a:pt x="15791" y="2034"/>
                </a:lnTo>
                <a:lnTo>
                  <a:pt x="15793" y="2043"/>
                </a:lnTo>
                <a:lnTo>
                  <a:pt x="15794" y="2052"/>
                </a:lnTo>
                <a:lnTo>
                  <a:pt x="15794" y="2062"/>
                </a:lnTo>
                <a:lnTo>
                  <a:pt x="15793" y="2072"/>
                </a:lnTo>
                <a:lnTo>
                  <a:pt x="15790" y="2081"/>
                </a:lnTo>
                <a:lnTo>
                  <a:pt x="15786" y="2089"/>
                </a:lnTo>
                <a:lnTo>
                  <a:pt x="15781" y="2097"/>
                </a:lnTo>
                <a:lnTo>
                  <a:pt x="15774" y="2103"/>
                </a:lnTo>
                <a:lnTo>
                  <a:pt x="15766" y="2109"/>
                </a:lnTo>
                <a:lnTo>
                  <a:pt x="15757" y="2114"/>
                </a:lnTo>
                <a:lnTo>
                  <a:pt x="15746" y="2119"/>
                </a:lnTo>
                <a:lnTo>
                  <a:pt x="15734" y="2123"/>
                </a:lnTo>
                <a:lnTo>
                  <a:pt x="15720" y="2127"/>
                </a:lnTo>
                <a:lnTo>
                  <a:pt x="15704" y="2130"/>
                </a:lnTo>
                <a:lnTo>
                  <a:pt x="15687" y="2132"/>
                </a:lnTo>
                <a:lnTo>
                  <a:pt x="15669" y="2133"/>
                </a:lnTo>
                <a:lnTo>
                  <a:pt x="15649" y="2134"/>
                </a:lnTo>
                <a:lnTo>
                  <a:pt x="15627" y="2134"/>
                </a:lnTo>
                <a:lnTo>
                  <a:pt x="15596" y="2134"/>
                </a:lnTo>
                <a:lnTo>
                  <a:pt x="15564" y="2131"/>
                </a:lnTo>
                <a:lnTo>
                  <a:pt x="15530" y="2127"/>
                </a:lnTo>
                <a:lnTo>
                  <a:pt x="15496" y="2120"/>
                </a:lnTo>
                <a:lnTo>
                  <a:pt x="15463" y="2112"/>
                </a:lnTo>
                <a:lnTo>
                  <a:pt x="15430" y="2103"/>
                </a:lnTo>
                <a:lnTo>
                  <a:pt x="15400" y="2092"/>
                </a:lnTo>
                <a:lnTo>
                  <a:pt x="15372" y="2080"/>
                </a:lnTo>
                <a:lnTo>
                  <a:pt x="15372" y="2244"/>
                </a:lnTo>
                <a:lnTo>
                  <a:pt x="15414" y="2256"/>
                </a:lnTo>
                <a:lnTo>
                  <a:pt x="15453" y="2263"/>
                </a:lnTo>
                <a:lnTo>
                  <a:pt x="15491" y="2270"/>
                </a:lnTo>
                <a:lnTo>
                  <a:pt x="15526" y="2274"/>
                </a:lnTo>
                <a:lnTo>
                  <a:pt x="15560" y="2278"/>
                </a:lnTo>
                <a:lnTo>
                  <a:pt x="15592" y="2280"/>
                </a:lnTo>
                <a:lnTo>
                  <a:pt x="15624" y="2281"/>
                </a:lnTo>
                <a:lnTo>
                  <a:pt x="15655" y="2281"/>
                </a:lnTo>
                <a:lnTo>
                  <a:pt x="15691" y="2281"/>
                </a:lnTo>
                <a:lnTo>
                  <a:pt x="15726" y="2279"/>
                </a:lnTo>
                <a:lnTo>
                  <a:pt x="15760" y="2274"/>
                </a:lnTo>
                <a:lnTo>
                  <a:pt x="15793" y="2269"/>
                </a:lnTo>
                <a:lnTo>
                  <a:pt x="15809" y="2266"/>
                </a:lnTo>
                <a:lnTo>
                  <a:pt x="15824" y="2262"/>
                </a:lnTo>
                <a:lnTo>
                  <a:pt x="15840" y="2258"/>
                </a:lnTo>
                <a:lnTo>
                  <a:pt x="15855" y="2252"/>
                </a:lnTo>
                <a:lnTo>
                  <a:pt x="15869" y="2248"/>
                </a:lnTo>
                <a:lnTo>
                  <a:pt x="15883" y="2241"/>
                </a:lnTo>
                <a:lnTo>
                  <a:pt x="15896" y="2236"/>
                </a:lnTo>
                <a:lnTo>
                  <a:pt x="15909" y="2228"/>
                </a:lnTo>
                <a:lnTo>
                  <a:pt x="15922" y="2221"/>
                </a:lnTo>
                <a:lnTo>
                  <a:pt x="15933" y="2213"/>
                </a:lnTo>
                <a:lnTo>
                  <a:pt x="15944" y="2204"/>
                </a:lnTo>
                <a:lnTo>
                  <a:pt x="15955" y="2196"/>
                </a:lnTo>
                <a:lnTo>
                  <a:pt x="15965" y="2186"/>
                </a:lnTo>
                <a:lnTo>
                  <a:pt x="15974" y="2176"/>
                </a:lnTo>
                <a:lnTo>
                  <a:pt x="15982" y="2164"/>
                </a:lnTo>
                <a:lnTo>
                  <a:pt x="15990" y="2153"/>
                </a:lnTo>
                <a:lnTo>
                  <a:pt x="15997" y="2141"/>
                </a:lnTo>
                <a:lnTo>
                  <a:pt x="16003" y="2128"/>
                </a:lnTo>
                <a:lnTo>
                  <a:pt x="16008" y="2114"/>
                </a:lnTo>
                <a:lnTo>
                  <a:pt x="16012" y="2100"/>
                </a:lnTo>
                <a:lnTo>
                  <a:pt x="16016" y="2086"/>
                </a:lnTo>
                <a:lnTo>
                  <a:pt x="16018" y="2070"/>
                </a:lnTo>
                <a:lnTo>
                  <a:pt x="16019" y="2054"/>
                </a:lnTo>
                <a:lnTo>
                  <a:pt x="16020" y="2037"/>
                </a:lnTo>
                <a:lnTo>
                  <a:pt x="16020" y="2023"/>
                </a:lnTo>
                <a:lnTo>
                  <a:pt x="16019" y="2010"/>
                </a:lnTo>
                <a:lnTo>
                  <a:pt x="16017" y="1997"/>
                </a:lnTo>
                <a:lnTo>
                  <a:pt x="16015" y="1984"/>
                </a:lnTo>
                <a:lnTo>
                  <a:pt x="16013" y="1972"/>
                </a:lnTo>
                <a:lnTo>
                  <a:pt x="16010" y="1961"/>
                </a:lnTo>
                <a:lnTo>
                  <a:pt x="16006" y="1950"/>
                </a:lnTo>
                <a:lnTo>
                  <a:pt x="16002" y="1940"/>
                </a:lnTo>
                <a:lnTo>
                  <a:pt x="15998" y="1930"/>
                </a:lnTo>
                <a:lnTo>
                  <a:pt x="15993" y="1920"/>
                </a:lnTo>
                <a:lnTo>
                  <a:pt x="15987" y="1911"/>
                </a:lnTo>
                <a:lnTo>
                  <a:pt x="15981" y="1902"/>
                </a:lnTo>
                <a:lnTo>
                  <a:pt x="15974" y="1893"/>
                </a:lnTo>
                <a:lnTo>
                  <a:pt x="15967" y="1886"/>
                </a:lnTo>
                <a:lnTo>
                  <a:pt x="15960" y="1878"/>
                </a:lnTo>
                <a:lnTo>
                  <a:pt x="15952" y="1870"/>
                </a:lnTo>
                <a:lnTo>
                  <a:pt x="15934" y="1857"/>
                </a:lnTo>
                <a:lnTo>
                  <a:pt x="15915" y="1844"/>
                </a:lnTo>
                <a:lnTo>
                  <a:pt x="15894" y="1832"/>
                </a:lnTo>
                <a:lnTo>
                  <a:pt x="15871" y="1822"/>
                </a:lnTo>
                <a:lnTo>
                  <a:pt x="15847" y="1812"/>
                </a:lnTo>
                <a:lnTo>
                  <a:pt x="15821" y="1803"/>
                </a:lnTo>
                <a:lnTo>
                  <a:pt x="15793" y="1794"/>
                </a:lnTo>
                <a:lnTo>
                  <a:pt x="15764" y="1787"/>
                </a:lnTo>
                <a:lnTo>
                  <a:pt x="15724" y="1777"/>
                </a:lnTo>
                <a:lnTo>
                  <a:pt x="15688" y="1767"/>
                </a:lnTo>
                <a:lnTo>
                  <a:pt x="15657" y="1758"/>
                </a:lnTo>
                <a:lnTo>
                  <a:pt x="15631" y="1748"/>
                </a:lnTo>
                <a:lnTo>
                  <a:pt x="15621" y="1742"/>
                </a:lnTo>
                <a:lnTo>
                  <a:pt x="15610" y="1737"/>
                </a:lnTo>
                <a:lnTo>
                  <a:pt x="15602" y="1731"/>
                </a:lnTo>
                <a:lnTo>
                  <a:pt x="15596" y="1724"/>
                </a:lnTo>
                <a:lnTo>
                  <a:pt x="15590" y="1717"/>
                </a:lnTo>
                <a:lnTo>
                  <a:pt x="15587" y="1709"/>
                </a:lnTo>
                <a:lnTo>
                  <a:pt x="15584" y="1700"/>
                </a:lnTo>
                <a:lnTo>
                  <a:pt x="15584" y="1691"/>
                </a:lnTo>
                <a:lnTo>
                  <a:pt x="15584" y="1681"/>
                </a:lnTo>
                <a:lnTo>
                  <a:pt x="15586" y="1672"/>
                </a:lnTo>
                <a:lnTo>
                  <a:pt x="15590" y="1663"/>
                </a:lnTo>
                <a:lnTo>
                  <a:pt x="15594" y="1656"/>
                </a:lnTo>
                <a:lnTo>
                  <a:pt x="15600" y="1649"/>
                </a:lnTo>
                <a:lnTo>
                  <a:pt x="15607" y="1643"/>
                </a:lnTo>
                <a:lnTo>
                  <a:pt x="15615" y="1638"/>
                </a:lnTo>
                <a:lnTo>
                  <a:pt x="15626" y="1632"/>
                </a:lnTo>
                <a:lnTo>
                  <a:pt x="15636" y="1629"/>
                </a:lnTo>
                <a:lnTo>
                  <a:pt x="15648" y="1624"/>
                </a:lnTo>
                <a:lnTo>
                  <a:pt x="15660" y="1622"/>
                </a:lnTo>
                <a:lnTo>
                  <a:pt x="15674" y="1620"/>
                </a:lnTo>
                <a:lnTo>
                  <a:pt x="15689" y="1618"/>
                </a:lnTo>
                <a:lnTo>
                  <a:pt x="15705" y="1617"/>
                </a:lnTo>
                <a:lnTo>
                  <a:pt x="15721" y="1616"/>
                </a:lnTo>
                <a:lnTo>
                  <a:pt x="15739" y="1616"/>
                </a:lnTo>
                <a:lnTo>
                  <a:pt x="15766" y="1617"/>
                </a:lnTo>
                <a:lnTo>
                  <a:pt x="15792" y="1619"/>
                </a:lnTo>
                <a:lnTo>
                  <a:pt x="15818" y="1623"/>
                </a:lnTo>
                <a:lnTo>
                  <a:pt x="15843" y="1628"/>
                </a:lnTo>
                <a:lnTo>
                  <a:pt x="15867" y="1633"/>
                </a:lnTo>
                <a:lnTo>
                  <a:pt x="15889" y="1640"/>
                </a:lnTo>
                <a:lnTo>
                  <a:pt x="15910" y="1647"/>
                </a:lnTo>
                <a:lnTo>
                  <a:pt x="15929" y="1653"/>
                </a:lnTo>
                <a:lnTo>
                  <a:pt x="16012" y="1522"/>
                </a:lnTo>
                <a:lnTo>
                  <a:pt x="15981" y="1512"/>
                </a:lnTo>
                <a:lnTo>
                  <a:pt x="15948" y="1503"/>
                </a:lnTo>
                <a:lnTo>
                  <a:pt x="15913" y="1494"/>
                </a:lnTo>
                <a:lnTo>
                  <a:pt x="15876" y="1488"/>
                </a:lnTo>
                <a:lnTo>
                  <a:pt x="15837" y="1482"/>
                </a:lnTo>
                <a:lnTo>
                  <a:pt x="15795" y="1478"/>
                </a:lnTo>
                <a:lnTo>
                  <a:pt x="15751" y="1474"/>
                </a:lnTo>
                <a:lnTo>
                  <a:pt x="15705" y="1473"/>
                </a:lnTo>
                <a:close/>
              </a:path>
            </a:pathLst>
          </a:custGeom>
          <a:solidFill>
            <a:schemeClr val="bg2"/>
          </a:solidFill>
          <a:ln w="9525" cap="flat" cmpd="sng">
            <a:noFill/>
            <a:prstDash val="solid"/>
            <a:round/>
            <a:headEnd type="none" w="med" len="med"/>
            <a:tailEnd type="none" w="med" len="med"/>
          </a:ln>
          <a:effectLst/>
        </p:spPr>
        <p:txBody>
          <a:bodyPr/>
          <a:lstStyle/>
          <a:p>
            <a:pPr>
              <a:defRPr/>
            </a:pPr>
            <a:endParaRPr lang="en-US"/>
          </a:p>
        </p:txBody>
      </p:sp>
      <p:sp>
        <p:nvSpPr>
          <p:cNvPr id="2053" name="Rectangle 5"/>
          <p:cNvSpPr>
            <a:spLocks noGrp="1" noChangeArrowheads="1"/>
          </p:cNvSpPr>
          <p:nvPr>
            <p:ph type="title"/>
          </p:nvPr>
        </p:nvSpPr>
        <p:spPr bwMode="auto">
          <a:xfrm>
            <a:off x="1014413" y="455613"/>
            <a:ext cx="7313612" cy="630237"/>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GB" smtClean="0"/>
              <a:t>Click to edit Master title style</a:t>
            </a:r>
          </a:p>
        </p:txBody>
      </p:sp>
      <p:sp>
        <p:nvSpPr>
          <p:cNvPr id="2054" name="Rectangle 6"/>
          <p:cNvSpPr>
            <a:spLocks noGrp="1" noChangeArrowheads="1"/>
          </p:cNvSpPr>
          <p:nvPr>
            <p:ph type="body" idx="1"/>
          </p:nvPr>
        </p:nvSpPr>
        <p:spPr bwMode="gray">
          <a:xfrm>
            <a:off x="2435225" y="1295400"/>
            <a:ext cx="7165975" cy="4799013"/>
          </a:xfrm>
          <a:prstGeom prst="rect">
            <a:avLst/>
          </a:prstGeom>
          <a:noFill/>
          <a:ln w="9525">
            <a:noFill/>
            <a:miter lim="800000"/>
            <a:headEnd/>
            <a:tailEnd/>
          </a:ln>
        </p:spPr>
        <p:txBody>
          <a:bodyPr vert="horz" wrap="square" lIns="91436" tIns="36574" rIns="36574" bIns="36574" numCol="1" anchor="t" anchorCtr="0" compatLnSpc="1">
            <a:prstTxWarp prst="textNoShape">
              <a:avLst/>
            </a:prstTxWarp>
          </a:bodyPr>
          <a:lstStyle/>
          <a:p>
            <a:pPr lvl="0"/>
            <a:r>
              <a:rPr lang="en-GB" smtClean="0"/>
              <a:t>Click to edit Master text styles</a:t>
            </a:r>
          </a:p>
          <a:p>
            <a:pPr lvl="1"/>
            <a:r>
              <a:rPr lang="en-GB" smtClean="0"/>
              <a:t>Bullet one</a:t>
            </a:r>
          </a:p>
          <a:p>
            <a:pPr lvl="2"/>
            <a:r>
              <a:rPr lang="en-GB" smtClean="0"/>
              <a:t>Bullet two</a:t>
            </a:r>
          </a:p>
          <a:p>
            <a:pPr lvl="3"/>
            <a:r>
              <a:rPr lang="en-GB" smtClean="0"/>
              <a:t>Bullet three</a:t>
            </a:r>
          </a:p>
          <a:p>
            <a:pPr lvl="4"/>
            <a:r>
              <a:rPr lang="en-GB" smtClean="0"/>
              <a:t>Bullet four</a:t>
            </a:r>
          </a:p>
        </p:txBody>
      </p:sp>
      <p:sp>
        <p:nvSpPr>
          <p:cNvPr id="16394" name="Freeform 10" hidden="1"/>
          <p:cNvSpPr>
            <a:spLocks noChangeAspect="1" noEditPoints="1"/>
          </p:cNvSpPr>
          <p:nvPr>
            <p:custDataLst>
              <p:tags r:id="rId17"/>
            </p:custDataLst>
          </p:nvPr>
        </p:nvSpPr>
        <p:spPr bwMode="gray">
          <a:xfrm>
            <a:off x="1169988" y="6973888"/>
            <a:ext cx="1819275" cy="217487"/>
          </a:xfrm>
          <a:custGeom>
            <a:avLst/>
            <a:gdLst/>
            <a:ahLst/>
            <a:cxnLst>
              <a:cxn ang="0">
                <a:pos x="15860" y="1324"/>
              </a:cxn>
              <a:cxn ang="0">
                <a:pos x="16254" y="1358"/>
              </a:cxn>
              <a:cxn ang="0">
                <a:pos x="15397" y="1316"/>
              </a:cxn>
              <a:cxn ang="0">
                <a:pos x="14875" y="1318"/>
              </a:cxn>
              <a:cxn ang="0">
                <a:pos x="14869" y="1463"/>
              </a:cxn>
              <a:cxn ang="0">
                <a:pos x="14820" y="1787"/>
              </a:cxn>
              <a:cxn ang="0">
                <a:pos x="15190" y="1668"/>
              </a:cxn>
              <a:cxn ang="0">
                <a:pos x="14967" y="1564"/>
              </a:cxn>
              <a:cxn ang="0">
                <a:pos x="11909" y="1203"/>
              </a:cxn>
              <a:cxn ang="0">
                <a:pos x="11816" y="1319"/>
              </a:cxn>
              <a:cxn ang="0">
                <a:pos x="11374" y="1596"/>
              </a:cxn>
              <a:cxn ang="0">
                <a:pos x="11731" y="1818"/>
              </a:cxn>
              <a:cxn ang="0">
                <a:pos x="11608" y="1695"/>
              </a:cxn>
              <a:cxn ang="0">
                <a:pos x="10016" y="1182"/>
              </a:cxn>
              <a:cxn ang="0">
                <a:pos x="9957" y="1325"/>
              </a:cxn>
              <a:cxn ang="0">
                <a:pos x="9223" y="1387"/>
              </a:cxn>
              <a:cxn ang="0">
                <a:pos x="9291" y="1519"/>
              </a:cxn>
              <a:cxn ang="0">
                <a:pos x="9548" y="1180"/>
              </a:cxn>
              <a:cxn ang="0">
                <a:pos x="13116" y="1316"/>
              </a:cxn>
              <a:cxn ang="0">
                <a:pos x="12992" y="1299"/>
              </a:cxn>
              <a:cxn ang="0">
                <a:pos x="13365" y="1495"/>
              </a:cxn>
              <a:cxn ang="0">
                <a:pos x="13019" y="1178"/>
              </a:cxn>
              <a:cxn ang="0">
                <a:pos x="12672" y="1528"/>
              </a:cxn>
              <a:cxn ang="0">
                <a:pos x="13132" y="1824"/>
              </a:cxn>
              <a:cxn ang="0">
                <a:pos x="12324" y="1813"/>
              </a:cxn>
              <a:cxn ang="0">
                <a:pos x="12408" y="1651"/>
              </a:cxn>
              <a:cxn ang="0">
                <a:pos x="10469" y="1191"/>
              </a:cxn>
              <a:cxn ang="0">
                <a:pos x="14577" y="1107"/>
              </a:cxn>
              <a:cxn ang="0">
                <a:pos x="14556" y="1757"/>
              </a:cxn>
              <a:cxn ang="0">
                <a:pos x="14212" y="1677"/>
              </a:cxn>
              <a:cxn ang="0">
                <a:pos x="14262" y="1676"/>
              </a:cxn>
              <a:cxn ang="0">
                <a:pos x="14360" y="1180"/>
              </a:cxn>
              <a:cxn ang="0">
                <a:pos x="2741" y="1338"/>
              </a:cxn>
              <a:cxn ang="0">
                <a:pos x="2427" y="1528"/>
              </a:cxn>
              <a:cxn ang="0">
                <a:pos x="3001" y="1266"/>
              </a:cxn>
              <a:cxn ang="0">
                <a:pos x="8021" y="1178"/>
              </a:cxn>
              <a:cxn ang="0">
                <a:pos x="7908" y="1320"/>
              </a:cxn>
              <a:cxn ang="0">
                <a:pos x="8290" y="1345"/>
              </a:cxn>
              <a:cxn ang="0">
                <a:pos x="4068" y="1177"/>
              </a:cxn>
              <a:cxn ang="0">
                <a:pos x="4780" y="1696"/>
              </a:cxn>
              <a:cxn ang="0">
                <a:pos x="4821" y="1298"/>
              </a:cxn>
              <a:cxn ang="0">
                <a:pos x="5147" y="1264"/>
              </a:cxn>
              <a:cxn ang="0">
                <a:pos x="4558" y="1253"/>
              </a:cxn>
              <a:cxn ang="0">
                <a:pos x="4572" y="1758"/>
              </a:cxn>
              <a:cxn ang="0">
                <a:pos x="5158" y="1726"/>
              </a:cxn>
              <a:cxn ang="0">
                <a:pos x="6216" y="1178"/>
              </a:cxn>
              <a:cxn ang="0">
                <a:pos x="5886" y="1515"/>
              </a:cxn>
              <a:cxn ang="0">
                <a:pos x="6241" y="1817"/>
              </a:cxn>
              <a:cxn ang="0">
                <a:pos x="6394" y="1893"/>
              </a:cxn>
              <a:cxn ang="0">
                <a:pos x="6159" y="2078"/>
              </a:cxn>
              <a:cxn ang="0">
                <a:pos x="6634" y="1191"/>
              </a:cxn>
              <a:cxn ang="0">
                <a:pos x="6162" y="1338"/>
              </a:cxn>
              <a:cxn ang="0">
                <a:pos x="6417" y="1596"/>
              </a:cxn>
              <a:cxn ang="0">
                <a:pos x="7363" y="1240"/>
              </a:cxn>
              <a:cxn ang="0">
                <a:pos x="7109" y="1297"/>
              </a:cxn>
              <a:cxn ang="0">
                <a:pos x="6796" y="1520"/>
              </a:cxn>
              <a:cxn ang="0">
                <a:pos x="6997" y="1826"/>
              </a:cxn>
              <a:cxn ang="0">
                <a:pos x="7087" y="1707"/>
              </a:cxn>
              <a:cxn ang="0">
                <a:pos x="7094" y="1539"/>
              </a:cxn>
              <a:cxn ang="0">
                <a:pos x="1466" y="1819"/>
              </a:cxn>
              <a:cxn ang="0">
                <a:pos x="1983" y="1606"/>
              </a:cxn>
              <a:cxn ang="0">
                <a:pos x="5582" y="1445"/>
              </a:cxn>
            </a:cxnLst>
            <a:rect l="0" t="0" r="r" b="b"/>
            <a:pathLst>
              <a:path w="17120" h="2080">
                <a:moveTo>
                  <a:pt x="15983" y="1178"/>
                </a:moveTo>
                <a:lnTo>
                  <a:pt x="15965" y="1179"/>
                </a:lnTo>
                <a:lnTo>
                  <a:pt x="15949" y="1180"/>
                </a:lnTo>
                <a:lnTo>
                  <a:pt x="15932" y="1182"/>
                </a:lnTo>
                <a:lnTo>
                  <a:pt x="15916" y="1185"/>
                </a:lnTo>
                <a:lnTo>
                  <a:pt x="15901" y="1188"/>
                </a:lnTo>
                <a:lnTo>
                  <a:pt x="15885" y="1191"/>
                </a:lnTo>
                <a:lnTo>
                  <a:pt x="15870" y="1195"/>
                </a:lnTo>
                <a:lnTo>
                  <a:pt x="15855" y="1201"/>
                </a:lnTo>
                <a:lnTo>
                  <a:pt x="15841" y="1206"/>
                </a:lnTo>
                <a:lnTo>
                  <a:pt x="15827" y="1211"/>
                </a:lnTo>
                <a:lnTo>
                  <a:pt x="15815" y="1218"/>
                </a:lnTo>
                <a:lnTo>
                  <a:pt x="15802" y="1225"/>
                </a:lnTo>
                <a:lnTo>
                  <a:pt x="15790" y="1232"/>
                </a:lnTo>
                <a:lnTo>
                  <a:pt x="15779" y="1239"/>
                </a:lnTo>
                <a:lnTo>
                  <a:pt x="15769" y="1248"/>
                </a:lnTo>
                <a:lnTo>
                  <a:pt x="15759" y="1255"/>
                </a:lnTo>
                <a:lnTo>
                  <a:pt x="15756" y="1255"/>
                </a:lnTo>
                <a:lnTo>
                  <a:pt x="15756" y="1191"/>
                </a:lnTo>
                <a:lnTo>
                  <a:pt x="15561" y="1191"/>
                </a:lnTo>
                <a:lnTo>
                  <a:pt x="15561" y="1812"/>
                </a:lnTo>
                <a:lnTo>
                  <a:pt x="15759" y="1812"/>
                </a:lnTo>
                <a:lnTo>
                  <a:pt x="15759" y="1388"/>
                </a:lnTo>
                <a:lnTo>
                  <a:pt x="15768" y="1377"/>
                </a:lnTo>
                <a:lnTo>
                  <a:pt x="15777" y="1369"/>
                </a:lnTo>
                <a:lnTo>
                  <a:pt x="15787" y="1360"/>
                </a:lnTo>
                <a:lnTo>
                  <a:pt x="15796" y="1352"/>
                </a:lnTo>
                <a:lnTo>
                  <a:pt x="15806" y="1346"/>
                </a:lnTo>
                <a:lnTo>
                  <a:pt x="15817" y="1341"/>
                </a:lnTo>
                <a:lnTo>
                  <a:pt x="15827" y="1335"/>
                </a:lnTo>
                <a:lnTo>
                  <a:pt x="15838" y="1331"/>
                </a:lnTo>
                <a:lnTo>
                  <a:pt x="15849" y="1327"/>
                </a:lnTo>
                <a:lnTo>
                  <a:pt x="15860" y="1324"/>
                </a:lnTo>
                <a:lnTo>
                  <a:pt x="15869" y="1320"/>
                </a:lnTo>
                <a:lnTo>
                  <a:pt x="15880" y="1318"/>
                </a:lnTo>
                <a:lnTo>
                  <a:pt x="15901" y="1316"/>
                </a:lnTo>
                <a:lnTo>
                  <a:pt x="15922" y="1315"/>
                </a:lnTo>
                <a:lnTo>
                  <a:pt x="15934" y="1315"/>
                </a:lnTo>
                <a:lnTo>
                  <a:pt x="15946" y="1316"/>
                </a:lnTo>
                <a:lnTo>
                  <a:pt x="15958" y="1317"/>
                </a:lnTo>
                <a:lnTo>
                  <a:pt x="15969" y="1319"/>
                </a:lnTo>
                <a:lnTo>
                  <a:pt x="15978" y="1321"/>
                </a:lnTo>
                <a:lnTo>
                  <a:pt x="15988" y="1325"/>
                </a:lnTo>
                <a:lnTo>
                  <a:pt x="15995" y="1328"/>
                </a:lnTo>
                <a:lnTo>
                  <a:pt x="16004" y="1331"/>
                </a:lnTo>
                <a:lnTo>
                  <a:pt x="16011" y="1335"/>
                </a:lnTo>
                <a:lnTo>
                  <a:pt x="16018" y="1340"/>
                </a:lnTo>
                <a:lnTo>
                  <a:pt x="16024" y="1345"/>
                </a:lnTo>
                <a:lnTo>
                  <a:pt x="16030" y="1350"/>
                </a:lnTo>
                <a:lnTo>
                  <a:pt x="16034" y="1356"/>
                </a:lnTo>
                <a:lnTo>
                  <a:pt x="16039" y="1362"/>
                </a:lnTo>
                <a:lnTo>
                  <a:pt x="16043" y="1369"/>
                </a:lnTo>
                <a:lnTo>
                  <a:pt x="16047" y="1375"/>
                </a:lnTo>
                <a:lnTo>
                  <a:pt x="16053" y="1390"/>
                </a:lnTo>
                <a:lnTo>
                  <a:pt x="16057" y="1406"/>
                </a:lnTo>
                <a:lnTo>
                  <a:pt x="16061" y="1423"/>
                </a:lnTo>
                <a:lnTo>
                  <a:pt x="16063" y="1441"/>
                </a:lnTo>
                <a:lnTo>
                  <a:pt x="16065" y="1481"/>
                </a:lnTo>
                <a:lnTo>
                  <a:pt x="16065" y="1522"/>
                </a:lnTo>
                <a:lnTo>
                  <a:pt x="16065" y="1812"/>
                </a:lnTo>
                <a:lnTo>
                  <a:pt x="16263" y="1812"/>
                </a:lnTo>
                <a:lnTo>
                  <a:pt x="16263" y="1459"/>
                </a:lnTo>
                <a:lnTo>
                  <a:pt x="16263" y="1434"/>
                </a:lnTo>
                <a:lnTo>
                  <a:pt x="16261" y="1408"/>
                </a:lnTo>
                <a:lnTo>
                  <a:pt x="16259" y="1382"/>
                </a:lnTo>
                <a:lnTo>
                  <a:pt x="16254" y="1358"/>
                </a:lnTo>
                <a:lnTo>
                  <a:pt x="16251" y="1345"/>
                </a:lnTo>
                <a:lnTo>
                  <a:pt x="16248" y="1333"/>
                </a:lnTo>
                <a:lnTo>
                  <a:pt x="16244" y="1321"/>
                </a:lnTo>
                <a:lnTo>
                  <a:pt x="16239" y="1311"/>
                </a:lnTo>
                <a:lnTo>
                  <a:pt x="16234" y="1299"/>
                </a:lnTo>
                <a:lnTo>
                  <a:pt x="16229" y="1288"/>
                </a:lnTo>
                <a:lnTo>
                  <a:pt x="16222" y="1278"/>
                </a:lnTo>
                <a:lnTo>
                  <a:pt x="16215" y="1268"/>
                </a:lnTo>
                <a:lnTo>
                  <a:pt x="16207" y="1257"/>
                </a:lnTo>
                <a:lnTo>
                  <a:pt x="16199" y="1249"/>
                </a:lnTo>
                <a:lnTo>
                  <a:pt x="16189" y="1240"/>
                </a:lnTo>
                <a:lnTo>
                  <a:pt x="16179" y="1232"/>
                </a:lnTo>
                <a:lnTo>
                  <a:pt x="16169" y="1223"/>
                </a:lnTo>
                <a:lnTo>
                  <a:pt x="16157" y="1216"/>
                </a:lnTo>
                <a:lnTo>
                  <a:pt x="16144" y="1209"/>
                </a:lnTo>
                <a:lnTo>
                  <a:pt x="16130" y="1203"/>
                </a:lnTo>
                <a:lnTo>
                  <a:pt x="16115" y="1198"/>
                </a:lnTo>
                <a:lnTo>
                  <a:pt x="16099" y="1193"/>
                </a:lnTo>
                <a:lnTo>
                  <a:pt x="16083" y="1189"/>
                </a:lnTo>
                <a:lnTo>
                  <a:pt x="16065" y="1185"/>
                </a:lnTo>
                <a:lnTo>
                  <a:pt x="16046" y="1183"/>
                </a:lnTo>
                <a:lnTo>
                  <a:pt x="16026" y="1180"/>
                </a:lnTo>
                <a:lnTo>
                  <a:pt x="16005" y="1179"/>
                </a:lnTo>
                <a:lnTo>
                  <a:pt x="15983" y="1178"/>
                </a:lnTo>
                <a:close/>
                <a:moveTo>
                  <a:pt x="15417" y="1421"/>
                </a:moveTo>
                <a:lnTo>
                  <a:pt x="15417" y="1406"/>
                </a:lnTo>
                <a:lnTo>
                  <a:pt x="15415" y="1392"/>
                </a:lnTo>
                <a:lnTo>
                  <a:pt x="15413" y="1378"/>
                </a:lnTo>
                <a:lnTo>
                  <a:pt x="15412" y="1365"/>
                </a:lnTo>
                <a:lnTo>
                  <a:pt x="15409" y="1352"/>
                </a:lnTo>
                <a:lnTo>
                  <a:pt x="15406" y="1340"/>
                </a:lnTo>
                <a:lnTo>
                  <a:pt x="15402" y="1328"/>
                </a:lnTo>
                <a:lnTo>
                  <a:pt x="15397" y="1316"/>
                </a:lnTo>
                <a:lnTo>
                  <a:pt x="15392" y="1304"/>
                </a:lnTo>
                <a:lnTo>
                  <a:pt x="15387" y="1294"/>
                </a:lnTo>
                <a:lnTo>
                  <a:pt x="15380" y="1284"/>
                </a:lnTo>
                <a:lnTo>
                  <a:pt x="15373" y="1274"/>
                </a:lnTo>
                <a:lnTo>
                  <a:pt x="15365" y="1265"/>
                </a:lnTo>
                <a:lnTo>
                  <a:pt x="15358" y="1256"/>
                </a:lnTo>
                <a:lnTo>
                  <a:pt x="15348" y="1248"/>
                </a:lnTo>
                <a:lnTo>
                  <a:pt x="15338" y="1240"/>
                </a:lnTo>
                <a:lnTo>
                  <a:pt x="15329" y="1233"/>
                </a:lnTo>
                <a:lnTo>
                  <a:pt x="15317" y="1225"/>
                </a:lnTo>
                <a:lnTo>
                  <a:pt x="15306" y="1219"/>
                </a:lnTo>
                <a:lnTo>
                  <a:pt x="15294" y="1214"/>
                </a:lnTo>
                <a:lnTo>
                  <a:pt x="15281" y="1208"/>
                </a:lnTo>
                <a:lnTo>
                  <a:pt x="15267" y="1203"/>
                </a:lnTo>
                <a:lnTo>
                  <a:pt x="15253" y="1199"/>
                </a:lnTo>
                <a:lnTo>
                  <a:pt x="15238" y="1194"/>
                </a:lnTo>
                <a:lnTo>
                  <a:pt x="15222" y="1190"/>
                </a:lnTo>
                <a:lnTo>
                  <a:pt x="15206" y="1188"/>
                </a:lnTo>
                <a:lnTo>
                  <a:pt x="15189" y="1185"/>
                </a:lnTo>
                <a:lnTo>
                  <a:pt x="15170" y="1183"/>
                </a:lnTo>
                <a:lnTo>
                  <a:pt x="15132" y="1179"/>
                </a:lnTo>
                <a:lnTo>
                  <a:pt x="15091" y="1178"/>
                </a:lnTo>
                <a:lnTo>
                  <a:pt x="15062" y="1179"/>
                </a:lnTo>
                <a:lnTo>
                  <a:pt x="15031" y="1180"/>
                </a:lnTo>
                <a:lnTo>
                  <a:pt x="14997" y="1183"/>
                </a:lnTo>
                <a:lnTo>
                  <a:pt x="14963" y="1186"/>
                </a:lnTo>
                <a:lnTo>
                  <a:pt x="14927" y="1190"/>
                </a:lnTo>
                <a:lnTo>
                  <a:pt x="14890" y="1197"/>
                </a:lnTo>
                <a:lnTo>
                  <a:pt x="14855" y="1204"/>
                </a:lnTo>
                <a:lnTo>
                  <a:pt x="14820" y="1213"/>
                </a:lnTo>
                <a:lnTo>
                  <a:pt x="14820" y="1335"/>
                </a:lnTo>
                <a:lnTo>
                  <a:pt x="14847" y="1327"/>
                </a:lnTo>
                <a:lnTo>
                  <a:pt x="14875" y="1318"/>
                </a:lnTo>
                <a:lnTo>
                  <a:pt x="14905" y="1312"/>
                </a:lnTo>
                <a:lnTo>
                  <a:pt x="14934" y="1307"/>
                </a:lnTo>
                <a:lnTo>
                  <a:pt x="14964" y="1302"/>
                </a:lnTo>
                <a:lnTo>
                  <a:pt x="14993" y="1300"/>
                </a:lnTo>
                <a:lnTo>
                  <a:pt x="15021" y="1298"/>
                </a:lnTo>
                <a:lnTo>
                  <a:pt x="15048" y="1297"/>
                </a:lnTo>
                <a:lnTo>
                  <a:pt x="15067" y="1297"/>
                </a:lnTo>
                <a:lnTo>
                  <a:pt x="15085" y="1298"/>
                </a:lnTo>
                <a:lnTo>
                  <a:pt x="15102" y="1299"/>
                </a:lnTo>
                <a:lnTo>
                  <a:pt x="15118" y="1301"/>
                </a:lnTo>
                <a:lnTo>
                  <a:pt x="15133" y="1304"/>
                </a:lnTo>
                <a:lnTo>
                  <a:pt x="15148" y="1308"/>
                </a:lnTo>
                <a:lnTo>
                  <a:pt x="15162" y="1313"/>
                </a:lnTo>
                <a:lnTo>
                  <a:pt x="15174" y="1319"/>
                </a:lnTo>
                <a:lnTo>
                  <a:pt x="15185" y="1327"/>
                </a:lnTo>
                <a:lnTo>
                  <a:pt x="15195" y="1336"/>
                </a:lnTo>
                <a:lnTo>
                  <a:pt x="15199" y="1342"/>
                </a:lnTo>
                <a:lnTo>
                  <a:pt x="15204" y="1347"/>
                </a:lnTo>
                <a:lnTo>
                  <a:pt x="15208" y="1354"/>
                </a:lnTo>
                <a:lnTo>
                  <a:pt x="15211" y="1360"/>
                </a:lnTo>
                <a:lnTo>
                  <a:pt x="15218" y="1375"/>
                </a:lnTo>
                <a:lnTo>
                  <a:pt x="15222" y="1392"/>
                </a:lnTo>
                <a:lnTo>
                  <a:pt x="15224" y="1411"/>
                </a:lnTo>
                <a:lnTo>
                  <a:pt x="15225" y="1434"/>
                </a:lnTo>
                <a:lnTo>
                  <a:pt x="15128" y="1434"/>
                </a:lnTo>
                <a:lnTo>
                  <a:pt x="15096" y="1434"/>
                </a:lnTo>
                <a:lnTo>
                  <a:pt x="15061" y="1435"/>
                </a:lnTo>
                <a:lnTo>
                  <a:pt x="15026" y="1437"/>
                </a:lnTo>
                <a:lnTo>
                  <a:pt x="14991" y="1440"/>
                </a:lnTo>
                <a:lnTo>
                  <a:pt x="14956" y="1444"/>
                </a:lnTo>
                <a:lnTo>
                  <a:pt x="14923" y="1450"/>
                </a:lnTo>
                <a:lnTo>
                  <a:pt x="14894" y="1455"/>
                </a:lnTo>
                <a:lnTo>
                  <a:pt x="14869" y="1463"/>
                </a:lnTo>
                <a:lnTo>
                  <a:pt x="14856" y="1468"/>
                </a:lnTo>
                <a:lnTo>
                  <a:pt x="14842" y="1473"/>
                </a:lnTo>
                <a:lnTo>
                  <a:pt x="14829" y="1480"/>
                </a:lnTo>
                <a:lnTo>
                  <a:pt x="14816" y="1486"/>
                </a:lnTo>
                <a:lnTo>
                  <a:pt x="14805" y="1493"/>
                </a:lnTo>
                <a:lnTo>
                  <a:pt x="14793" y="1502"/>
                </a:lnTo>
                <a:lnTo>
                  <a:pt x="14782" y="1511"/>
                </a:lnTo>
                <a:lnTo>
                  <a:pt x="14771" y="1520"/>
                </a:lnTo>
                <a:lnTo>
                  <a:pt x="14763" y="1531"/>
                </a:lnTo>
                <a:lnTo>
                  <a:pt x="14754" y="1543"/>
                </a:lnTo>
                <a:lnTo>
                  <a:pt x="14747" y="1554"/>
                </a:lnTo>
                <a:lnTo>
                  <a:pt x="14740" y="1567"/>
                </a:lnTo>
                <a:lnTo>
                  <a:pt x="14735" y="1581"/>
                </a:lnTo>
                <a:lnTo>
                  <a:pt x="14732" y="1596"/>
                </a:lnTo>
                <a:lnTo>
                  <a:pt x="14730" y="1612"/>
                </a:lnTo>
                <a:lnTo>
                  <a:pt x="14729" y="1628"/>
                </a:lnTo>
                <a:lnTo>
                  <a:pt x="14729" y="1642"/>
                </a:lnTo>
                <a:lnTo>
                  <a:pt x="14730" y="1654"/>
                </a:lnTo>
                <a:lnTo>
                  <a:pt x="14732" y="1667"/>
                </a:lnTo>
                <a:lnTo>
                  <a:pt x="14734" y="1678"/>
                </a:lnTo>
                <a:lnTo>
                  <a:pt x="14737" y="1689"/>
                </a:lnTo>
                <a:lnTo>
                  <a:pt x="14741" y="1700"/>
                </a:lnTo>
                <a:lnTo>
                  <a:pt x="14746" y="1710"/>
                </a:lnTo>
                <a:lnTo>
                  <a:pt x="14751" y="1720"/>
                </a:lnTo>
                <a:lnTo>
                  <a:pt x="14756" y="1730"/>
                </a:lnTo>
                <a:lnTo>
                  <a:pt x="14763" y="1738"/>
                </a:lnTo>
                <a:lnTo>
                  <a:pt x="14769" y="1747"/>
                </a:lnTo>
                <a:lnTo>
                  <a:pt x="14777" y="1754"/>
                </a:lnTo>
                <a:lnTo>
                  <a:pt x="14784" y="1762"/>
                </a:lnTo>
                <a:lnTo>
                  <a:pt x="14793" y="1769"/>
                </a:lnTo>
                <a:lnTo>
                  <a:pt x="14801" y="1776"/>
                </a:lnTo>
                <a:lnTo>
                  <a:pt x="14810" y="1781"/>
                </a:lnTo>
                <a:lnTo>
                  <a:pt x="14820" y="1787"/>
                </a:lnTo>
                <a:lnTo>
                  <a:pt x="14829" y="1793"/>
                </a:lnTo>
                <a:lnTo>
                  <a:pt x="14840" y="1797"/>
                </a:lnTo>
                <a:lnTo>
                  <a:pt x="14851" y="1801"/>
                </a:lnTo>
                <a:lnTo>
                  <a:pt x="14873" y="1810"/>
                </a:lnTo>
                <a:lnTo>
                  <a:pt x="14897" y="1815"/>
                </a:lnTo>
                <a:lnTo>
                  <a:pt x="14921" y="1820"/>
                </a:lnTo>
                <a:lnTo>
                  <a:pt x="14947" y="1824"/>
                </a:lnTo>
                <a:lnTo>
                  <a:pt x="14973" y="1826"/>
                </a:lnTo>
                <a:lnTo>
                  <a:pt x="14999" y="1826"/>
                </a:lnTo>
                <a:lnTo>
                  <a:pt x="15019" y="1826"/>
                </a:lnTo>
                <a:lnTo>
                  <a:pt x="15038" y="1825"/>
                </a:lnTo>
                <a:lnTo>
                  <a:pt x="15056" y="1824"/>
                </a:lnTo>
                <a:lnTo>
                  <a:pt x="15073" y="1821"/>
                </a:lnTo>
                <a:lnTo>
                  <a:pt x="15089" y="1818"/>
                </a:lnTo>
                <a:lnTo>
                  <a:pt x="15105" y="1815"/>
                </a:lnTo>
                <a:lnTo>
                  <a:pt x="15121" y="1812"/>
                </a:lnTo>
                <a:lnTo>
                  <a:pt x="15136" y="1808"/>
                </a:lnTo>
                <a:lnTo>
                  <a:pt x="15150" y="1802"/>
                </a:lnTo>
                <a:lnTo>
                  <a:pt x="15164" y="1797"/>
                </a:lnTo>
                <a:lnTo>
                  <a:pt x="15177" y="1790"/>
                </a:lnTo>
                <a:lnTo>
                  <a:pt x="15189" y="1784"/>
                </a:lnTo>
                <a:lnTo>
                  <a:pt x="15200" y="1776"/>
                </a:lnTo>
                <a:lnTo>
                  <a:pt x="15212" y="1768"/>
                </a:lnTo>
                <a:lnTo>
                  <a:pt x="15223" y="1760"/>
                </a:lnTo>
                <a:lnTo>
                  <a:pt x="15234" y="1750"/>
                </a:lnTo>
                <a:lnTo>
                  <a:pt x="15237" y="1750"/>
                </a:lnTo>
                <a:lnTo>
                  <a:pt x="15237" y="1812"/>
                </a:lnTo>
                <a:lnTo>
                  <a:pt x="15417" y="1812"/>
                </a:lnTo>
                <a:lnTo>
                  <a:pt x="15417" y="1421"/>
                </a:lnTo>
                <a:close/>
                <a:moveTo>
                  <a:pt x="15225" y="1645"/>
                </a:moveTo>
                <a:lnTo>
                  <a:pt x="15213" y="1654"/>
                </a:lnTo>
                <a:lnTo>
                  <a:pt x="15201" y="1661"/>
                </a:lnTo>
                <a:lnTo>
                  <a:pt x="15190" y="1668"/>
                </a:lnTo>
                <a:lnTo>
                  <a:pt x="15178" y="1674"/>
                </a:lnTo>
                <a:lnTo>
                  <a:pt x="15153" y="1685"/>
                </a:lnTo>
                <a:lnTo>
                  <a:pt x="15131" y="1693"/>
                </a:lnTo>
                <a:lnTo>
                  <a:pt x="15107" y="1700"/>
                </a:lnTo>
                <a:lnTo>
                  <a:pt x="15085" y="1704"/>
                </a:lnTo>
                <a:lnTo>
                  <a:pt x="15062" y="1707"/>
                </a:lnTo>
                <a:lnTo>
                  <a:pt x="15041" y="1708"/>
                </a:lnTo>
                <a:lnTo>
                  <a:pt x="15028" y="1708"/>
                </a:lnTo>
                <a:lnTo>
                  <a:pt x="15016" y="1708"/>
                </a:lnTo>
                <a:lnTo>
                  <a:pt x="15005" y="1707"/>
                </a:lnTo>
                <a:lnTo>
                  <a:pt x="14994" y="1705"/>
                </a:lnTo>
                <a:lnTo>
                  <a:pt x="14984" y="1703"/>
                </a:lnTo>
                <a:lnTo>
                  <a:pt x="14975" y="1700"/>
                </a:lnTo>
                <a:lnTo>
                  <a:pt x="14966" y="1695"/>
                </a:lnTo>
                <a:lnTo>
                  <a:pt x="14958" y="1691"/>
                </a:lnTo>
                <a:lnTo>
                  <a:pt x="14950" y="1686"/>
                </a:lnTo>
                <a:lnTo>
                  <a:pt x="14944" y="1679"/>
                </a:lnTo>
                <a:lnTo>
                  <a:pt x="14938" y="1673"/>
                </a:lnTo>
                <a:lnTo>
                  <a:pt x="14934" y="1665"/>
                </a:lnTo>
                <a:lnTo>
                  <a:pt x="14931" y="1657"/>
                </a:lnTo>
                <a:lnTo>
                  <a:pt x="14928" y="1647"/>
                </a:lnTo>
                <a:lnTo>
                  <a:pt x="14927" y="1637"/>
                </a:lnTo>
                <a:lnTo>
                  <a:pt x="14925" y="1625"/>
                </a:lnTo>
                <a:lnTo>
                  <a:pt x="14925" y="1618"/>
                </a:lnTo>
                <a:lnTo>
                  <a:pt x="14927" y="1612"/>
                </a:lnTo>
                <a:lnTo>
                  <a:pt x="14929" y="1606"/>
                </a:lnTo>
                <a:lnTo>
                  <a:pt x="14931" y="1599"/>
                </a:lnTo>
                <a:lnTo>
                  <a:pt x="14933" y="1594"/>
                </a:lnTo>
                <a:lnTo>
                  <a:pt x="14936" y="1589"/>
                </a:lnTo>
                <a:lnTo>
                  <a:pt x="14940" y="1584"/>
                </a:lnTo>
                <a:lnTo>
                  <a:pt x="14945" y="1579"/>
                </a:lnTo>
                <a:lnTo>
                  <a:pt x="14954" y="1571"/>
                </a:lnTo>
                <a:lnTo>
                  <a:pt x="14967" y="1564"/>
                </a:lnTo>
                <a:lnTo>
                  <a:pt x="14980" y="1558"/>
                </a:lnTo>
                <a:lnTo>
                  <a:pt x="14996" y="1552"/>
                </a:lnTo>
                <a:lnTo>
                  <a:pt x="15012" y="1548"/>
                </a:lnTo>
                <a:lnTo>
                  <a:pt x="15030" y="1545"/>
                </a:lnTo>
                <a:lnTo>
                  <a:pt x="15050" y="1542"/>
                </a:lnTo>
                <a:lnTo>
                  <a:pt x="15070" y="1539"/>
                </a:lnTo>
                <a:lnTo>
                  <a:pt x="15112" y="1537"/>
                </a:lnTo>
                <a:lnTo>
                  <a:pt x="15157" y="1536"/>
                </a:lnTo>
                <a:lnTo>
                  <a:pt x="15225" y="1536"/>
                </a:lnTo>
                <a:lnTo>
                  <a:pt x="15225" y="1645"/>
                </a:lnTo>
                <a:close/>
                <a:moveTo>
                  <a:pt x="12059" y="1421"/>
                </a:moveTo>
                <a:lnTo>
                  <a:pt x="12059" y="1406"/>
                </a:lnTo>
                <a:lnTo>
                  <a:pt x="12058" y="1392"/>
                </a:lnTo>
                <a:lnTo>
                  <a:pt x="12056" y="1378"/>
                </a:lnTo>
                <a:lnTo>
                  <a:pt x="12055" y="1365"/>
                </a:lnTo>
                <a:lnTo>
                  <a:pt x="12051" y="1352"/>
                </a:lnTo>
                <a:lnTo>
                  <a:pt x="12048" y="1340"/>
                </a:lnTo>
                <a:lnTo>
                  <a:pt x="12044" y="1328"/>
                </a:lnTo>
                <a:lnTo>
                  <a:pt x="12040" y="1316"/>
                </a:lnTo>
                <a:lnTo>
                  <a:pt x="12034" y="1304"/>
                </a:lnTo>
                <a:lnTo>
                  <a:pt x="12029" y="1294"/>
                </a:lnTo>
                <a:lnTo>
                  <a:pt x="12023" y="1284"/>
                </a:lnTo>
                <a:lnTo>
                  <a:pt x="12015" y="1274"/>
                </a:lnTo>
                <a:lnTo>
                  <a:pt x="12008" y="1265"/>
                </a:lnTo>
                <a:lnTo>
                  <a:pt x="12000" y="1256"/>
                </a:lnTo>
                <a:lnTo>
                  <a:pt x="11990" y="1248"/>
                </a:lnTo>
                <a:lnTo>
                  <a:pt x="11981" y="1240"/>
                </a:lnTo>
                <a:lnTo>
                  <a:pt x="11971" y="1233"/>
                </a:lnTo>
                <a:lnTo>
                  <a:pt x="11959" y="1225"/>
                </a:lnTo>
                <a:lnTo>
                  <a:pt x="11948" y="1219"/>
                </a:lnTo>
                <a:lnTo>
                  <a:pt x="11936" y="1214"/>
                </a:lnTo>
                <a:lnTo>
                  <a:pt x="11923" y="1208"/>
                </a:lnTo>
                <a:lnTo>
                  <a:pt x="11909" y="1203"/>
                </a:lnTo>
                <a:lnTo>
                  <a:pt x="11895" y="1199"/>
                </a:lnTo>
                <a:lnTo>
                  <a:pt x="11880" y="1194"/>
                </a:lnTo>
                <a:lnTo>
                  <a:pt x="11864" y="1190"/>
                </a:lnTo>
                <a:lnTo>
                  <a:pt x="11848" y="1188"/>
                </a:lnTo>
                <a:lnTo>
                  <a:pt x="11831" y="1185"/>
                </a:lnTo>
                <a:lnTo>
                  <a:pt x="11813" y="1183"/>
                </a:lnTo>
                <a:lnTo>
                  <a:pt x="11774" y="1179"/>
                </a:lnTo>
                <a:lnTo>
                  <a:pt x="11734" y="1178"/>
                </a:lnTo>
                <a:lnTo>
                  <a:pt x="11705" y="1179"/>
                </a:lnTo>
                <a:lnTo>
                  <a:pt x="11674" y="1180"/>
                </a:lnTo>
                <a:lnTo>
                  <a:pt x="11639" y="1183"/>
                </a:lnTo>
                <a:lnTo>
                  <a:pt x="11605" y="1186"/>
                </a:lnTo>
                <a:lnTo>
                  <a:pt x="11569" y="1190"/>
                </a:lnTo>
                <a:lnTo>
                  <a:pt x="11532" y="1197"/>
                </a:lnTo>
                <a:lnTo>
                  <a:pt x="11496" y="1204"/>
                </a:lnTo>
                <a:lnTo>
                  <a:pt x="11461" y="1213"/>
                </a:lnTo>
                <a:lnTo>
                  <a:pt x="11461" y="1335"/>
                </a:lnTo>
                <a:lnTo>
                  <a:pt x="11489" y="1327"/>
                </a:lnTo>
                <a:lnTo>
                  <a:pt x="11517" y="1318"/>
                </a:lnTo>
                <a:lnTo>
                  <a:pt x="11547" y="1312"/>
                </a:lnTo>
                <a:lnTo>
                  <a:pt x="11576" y="1307"/>
                </a:lnTo>
                <a:lnTo>
                  <a:pt x="11606" y="1302"/>
                </a:lnTo>
                <a:lnTo>
                  <a:pt x="11635" y="1300"/>
                </a:lnTo>
                <a:lnTo>
                  <a:pt x="11663" y="1298"/>
                </a:lnTo>
                <a:lnTo>
                  <a:pt x="11690" y="1297"/>
                </a:lnTo>
                <a:lnTo>
                  <a:pt x="11709" y="1297"/>
                </a:lnTo>
                <a:lnTo>
                  <a:pt x="11726" y="1298"/>
                </a:lnTo>
                <a:lnTo>
                  <a:pt x="11743" y="1299"/>
                </a:lnTo>
                <a:lnTo>
                  <a:pt x="11760" y="1301"/>
                </a:lnTo>
                <a:lnTo>
                  <a:pt x="11775" y="1304"/>
                </a:lnTo>
                <a:lnTo>
                  <a:pt x="11790" y="1308"/>
                </a:lnTo>
                <a:lnTo>
                  <a:pt x="11803" y="1313"/>
                </a:lnTo>
                <a:lnTo>
                  <a:pt x="11816" y="1319"/>
                </a:lnTo>
                <a:lnTo>
                  <a:pt x="11828" y="1327"/>
                </a:lnTo>
                <a:lnTo>
                  <a:pt x="11837" y="1336"/>
                </a:lnTo>
                <a:lnTo>
                  <a:pt x="11842" y="1342"/>
                </a:lnTo>
                <a:lnTo>
                  <a:pt x="11846" y="1347"/>
                </a:lnTo>
                <a:lnTo>
                  <a:pt x="11850" y="1354"/>
                </a:lnTo>
                <a:lnTo>
                  <a:pt x="11853" y="1360"/>
                </a:lnTo>
                <a:lnTo>
                  <a:pt x="11859" y="1375"/>
                </a:lnTo>
                <a:lnTo>
                  <a:pt x="11863" y="1392"/>
                </a:lnTo>
                <a:lnTo>
                  <a:pt x="11866" y="1411"/>
                </a:lnTo>
                <a:lnTo>
                  <a:pt x="11867" y="1434"/>
                </a:lnTo>
                <a:lnTo>
                  <a:pt x="11770" y="1434"/>
                </a:lnTo>
                <a:lnTo>
                  <a:pt x="11738" y="1434"/>
                </a:lnTo>
                <a:lnTo>
                  <a:pt x="11703" y="1435"/>
                </a:lnTo>
                <a:lnTo>
                  <a:pt x="11668" y="1437"/>
                </a:lnTo>
                <a:lnTo>
                  <a:pt x="11633" y="1440"/>
                </a:lnTo>
                <a:lnTo>
                  <a:pt x="11599" y="1444"/>
                </a:lnTo>
                <a:lnTo>
                  <a:pt x="11566" y="1450"/>
                </a:lnTo>
                <a:lnTo>
                  <a:pt x="11537" y="1455"/>
                </a:lnTo>
                <a:lnTo>
                  <a:pt x="11511" y="1463"/>
                </a:lnTo>
                <a:lnTo>
                  <a:pt x="11497" y="1468"/>
                </a:lnTo>
                <a:lnTo>
                  <a:pt x="11484" y="1473"/>
                </a:lnTo>
                <a:lnTo>
                  <a:pt x="11471" y="1480"/>
                </a:lnTo>
                <a:lnTo>
                  <a:pt x="11459" y="1486"/>
                </a:lnTo>
                <a:lnTo>
                  <a:pt x="11447" y="1493"/>
                </a:lnTo>
                <a:lnTo>
                  <a:pt x="11435" y="1502"/>
                </a:lnTo>
                <a:lnTo>
                  <a:pt x="11424" y="1511"/>
                </a:lnTo>
                <a:lnTo>
                  <a:pt x="11414" y="1520"/>
                </a:lnTo>
                <a:lnTo>
                  <a:pt x="11405" y="1531"/>
                </a:lnTo>
                <a:lnTo>
                  <a:pt x="11397" y="1543"/>
                </a:lnTo>
                <a:lnTo>
                  <a:pt x="11389" y="1554"/>
                </a:lnTo>
                <a:lnTo>
                  <a:pt x="11383" y="1567"/>
                </a:lnTo>
                <a:lnTo>
                  <a:pt x="11377" y="1581"/>
                </a:lnTo>
                <a:lnTo>
                  <a:pt x="11374" y="1596"/>
                </a:lnTo>
                <a:lnTo>
                  <a:pt x="11372" y="1612"/>
                </a:lnTo>
                <a:lnTo>
                  <a:pt x="11371" y="1628"/>
                </a:lnTo>
                <a:lnTo>
                  <a:pt x="11371" y="1642"/>
                </a:lnTo>
                <a:lnTo>
                  <a:pt x="11372" y="1654"/>
                </a:lnTo>
                <a:lnTo>
                  <a:pt x="11374" y="1667"/>
                </a:lnTo>
                <a:lnTo>
                  <a:pt x="11376" y="1678"/>
                </a:lnTo>
                <a:lnTo>
                  <a:pt x="11379" y="1689"/>
                </a:lnTo>
                <a:lnTo>
                  <a:pt x="11384" y="1700"/>
                </a:lnTo>
                <a:lnTo>
                  <a:pt x="11388" y="1710"/>
                </a:lnTo>
                <a:lnTo>
                  <a:pt x="11393" y="1720"/>
                </a:lnTo>
                <a:lnTo>
                  <a:pt x="11399" y="1730"/>
                </a:lnTo>
                <a:lnTo>
                  <a:pt x="11405" y="1738"/>
                </a:lnTo>
                <a:lnTo>
                  <a:pt x="11412" y="1747"/>
                </a:lnTo>
                <a:lnTo>
                  <a:pt x="11419" y="1754"/>
                </a:lnTo>
                <a:lnTo>
                  <a:pt x="11427" y="1762"/>
                </a:lnTo>
                <a:lnTo>
                  <a:pt x="11435" y="1769"/>
                </a:lnTo>
                <a:lnTo>
                  <a:pt x="11444" y="1776"/>
                </a:lnTo>
                <a:lnTo>
                  <a:pt x="11452" y="1781"/>
                </a:lnTo>
                <a:lnTo>
                  <a:pt x="11462" y="1787"/>
                </a:lnTo>
                <a:lnTo>
                  <a:pt x="11471" y="1793"/>
                </a:lnTo>
                <a:lnTo>
                  <a:pt x="11482" y="1797"/>
                </a:lnTo>
                <a:lnTo>
                  <a:pt x="11493" y="1801"/>
                </a:lnTo>
                <a:lnTo>
                  <a:pt x="11515" y="1810"/>
                </a:lnTo>
                <a:lnTo>
                  <a:pt x="11539" y="1815"/>
                </a:lnTo>
                <a:lnTo>
                  <a:pt x="11563" y="1820"/>
                </a:lnTo>
                <a:lnTo>
                  <a:pt x="11589" y="1824"/>
                </a:lnTo>
                <a:lnTo>
                  <a:pt x="11615" y="1826"/>
                </a:lnTo>
                <a:lnTo>
                  <a:pt x="11642" y="1826"/>
                </a:lnTo>
                <a:lnTo>
                  <a:pt x="11661" y="1826"/>
                </a:lnTo>
                <a:lnTo>
                  <a:pt x="11680" y="1825"/>
                </a:lnTo>
                <a:lnTo>
                  <a:pt x="11698" y="1824"/>
                </a:lnTo>
                <a:lnTo>
                  <a:pt x="11715" y="1821"/>
                </a:lnTo>
                <a:lnTo>
                  <a:pt x="11731" y="1818"/>
                </a:lnTo>
                <a:lnTo>
                  <a:pt x="11748" y="1815"/>
                </a:lnTo>
                <a:lnTo>
                  <a:pt x="11764" y="1812"/>
                </a:lnTo>
                <a:lnTo>
                  <a:pt x="11779" y="1808"/>
                </a:lnTo>
                <a:lnTo>
                  <a:pt x="11792" y="1802"/>
                </a:lnTo>
                <a:lnTo>
                  <a:pt x="11805" y="1797"/>
                </a:lnTo>
                <a:lnTo>
                  <a:pt x="11819" y="1790"/>
                </a:lnTo>
                <a:lnTo>
                  <a:pt x="11831" y="1784"/>
                </a:lnTo>
                <a:lnTo>
                  <a:pt x="11843" y="1776"/>
                </a:lnTo>
                <a:lnTo>
                  <a:pt x="11855" y="1768"/>
                </a:lnTo>
                <a:lnTo>
                  <a:pt x="11865" y="1760"/>
                </a:lnTo>
                <a:lnTo>
                  <a:pt x="11876" y="1750"/>
                </a:lnTo>
                <a:lnTo>
                  <a:pt x="11878" y="1750"/>
                </a:lnTo>
                <a:lnTo>
                  <a:pt x="11878" y="1812"/>
                </a:lnTo>
                <a:lnTo>
                  <a:pt x="12059" y="1812"/>
                </a:lnTo>
                <a:lnTo>
                  <a:pt x="12059" y="1421"/>
                </a:lnTo>
                <a:close/>
                <a:moveTo>
                  <a:pt x="11867" y="1645"/>
                </a:moveTo>
                <a:lnTo>
                  <a:pt x="11856" y="1654"/>
                </a:lnTo>
                <a:lnTo>
                  <a:pt x="11844" y="1661"/>
                </a:lnTo>
                <a:lnTo>
                  <a:pt x="11831" y="1668"/>
                </a:lnTo>
                <a:lnTo>
                  <a:pt x="11819" y="1674"/>
                </a:lnTo>
                <a:lnTo>
                  <a:pt x="11796" y="1685"/>
                </a:lnTo>
                <a:lnTo>
                  <a:pt x="11772" y="1693"/>
                </a:lnTo>
                <a:lnTo>
                  <a:pt x="11750" y="1700"/>
                </a:lnTo>
                <a:lnTo>
                  <a:pt x="11726" y="1704"/>
                </a:lnTo>
                <a:lnTo>
                  <a:pt x="11705" y="1707"/>
                </a:lnTo>
                <a:lnTo>
                  <a:pt x="11682" y="1708"/>
                </a:lnTo>
                <a:lnTo>
                  <a:pt x="11670" y="1708"/>
                </a:lnTo>
                <a:lnTo>
                  <a:pt x="11659" y="1708"/>
                </a:lnTo>
                <a:lnTo>
                  <a:pt x="11647" y="1707"/>
                </a:lnTo>
                <a:lnTo>
                  <a:pt x="11636" y="1705"/>
                </a:lnTo>
                <a:lnTo>
                  <a:pt x="11627" y="1703"/>
                </a:lnTo>
                <a:lnTo>
                  <a:pt x="11617" y="1700"/>
                </a:lnTo>
                <a:lnTo>
                  <a:pt x="11608" y="1695"/>
                </a:lnTo>
                <a:lnTo>
                  <a:pt x="11600" y="1691"/>
                </a:lnTo>
                <a:lnTo>
                  <a:pt x="11592" y="1686"/>
                </a:lnTo>
                <a:lnTo>
                  <a:pt x="11586" y="1679"/>
                </a:lnTo>
                <a:lnTo>
                  <a:pt x="11581" y="1673"/>
                </a:lnTo>
                <a:lnTo>
                  <a:pt x="11576" y="1665"/>
                </a:lnTo>
                <a:lnTo>
                  <a:pt x="11573" y="1657"/>
                </a:lnTo>
                <a:lnTo>
                  <a:pt x="11570" y="1647"/>
                </a:lnTo>
                <a:lnTo>
                  <a:pt x="11569" y="1637"/>
                </a:lnTo>
                <a:lnTo>
                  <a:pt x="11568" y="1625"/>
                </a:lnTo>
                <a:lnTo>
                  <a:pt x="11568" y="1618"/>
                </a:lnTo>
                <a:lnTo>
                  <a:pt x="11569" y="1612"/>
                </a:lnTo>
                <a:lnTo>
                  <a:pt x="11571" y="1606"/>
                </a:lnTo>
                <a:lnTo>
                  <a:pt x="11573" y="1599"/>
                </a:lnTo>
                <a:lnTo>
                  <a:pt x="11575" y="1594"/>
                </a:lnTo>
                <a:lnTo>
                  <a:pt x="11578" y="1589"/>
                </a:lnTo>
                <a:lnTo>
                  <a:pt x="11583" y="1584"/>
                </a:lnTo>
                <a:lnTo>
                  <a:pt x="11587" y="1579"/>
                </a:lnTo>
                <a:lnTo>
                  <a:pt x="11597" y="1571"/>
                </a:lnTo>
                <a:lnTo>
                  <a:pt x="11610" y="1564"/>
                </a:lnTo>
                <a:lnTo>
                  <a:pt x="11622" y="1558"/>
                </a:lnTo>
                <a:lnTo>
                  <a:pt x="11638" y="1552"/>
                </a:lnTo>
                <a:lnTo>
                  <a:pt x="11654" y="1548"/>
                </a:lnTo>
                <a:lnTo>
                  <a:pt x="11673" y="1545"/>
                </a:lnTo>
                <a:lnTo>
                  <a:pt x="11692" y="1542"/>
                </a:lnTo>
                <a:lnTo>
                  <a:pt x="11712" y="1539"/>
                </a:lnTo>
                <a:lnTo>
                  <a:pt x="11754" y="1537"/>
                </a:lnTo>
                <a:lnTo>
                  <a:pt x="11799" y="1536"/>
                </a:lnTo>
                <a:lnTo>
                  <a:pt x="11867" y="1536"/>
                </a:lnTo>
                <a:lnTo>
                  <a:pt x="11867" y="1645"/>
                </a:lnTo>
                <a:close/>
                <a:moveTo>
                  <a:pt x="10062" y="1178"/>
                </a:moveTo>
                <a:lnTo>
                  <a:pt x="10047" y="1179"/>
                </a:lnTo>
                <a:lnTo>
                  <a:pt x="10031" y="1179"/>
                </a:lnTo>
                <a:lnTo>
                  <a:pt x="10016" y="1182"/>
                </a:lnTo>
                <a:lnTo>
                  <a:pt x="10001" y="1184"/>
                </a:lnTo>
                <a:lnTo>
                  <a:pt x="9986" y="1187"/>
                </a:lnTo>
                <a:lnTo>
                  <a:pt x="9971" y="1190"/>
                </a:lnTo>
                <a:lnTo>
                  <a:pt x="9957" y="1194"/>
                </a:lnTo>
                <a:lnTo>
                  <a:pt x="9944" y="1201"/>
                </a:lnTo>
                <a:lnTo>
                  <a:pt x="9931" y="1207"/>
                </a:lnTo>
                <a:lnTo>
                  <a:pt x="9917" y="1215"/>
                </a:lnTo>
                <a:lnTo>
                  <a:pt x="9905" y="1223"/>
                </a:lnTo>
                <a:lnTo>
                  <a:pt x="9893" y="1233"/>
                </a:lnTo>
                <a:lnTo>
                  <a:pt x="9881" y="1245"/>
                </a:lnTo>
                <a:lnTo>
                  <a:pt x="9871" y="1257"/>
                </a:lnTo>
                <a:lnTo>
                  <a:pt x="9860" y="1270"/>
                </a:lnTo>
                <a:lnTo>
                  <a:pt x="9850" y="1286"/>
                </a:lnTo>
                <a:lnTo>
                  <a:pt x="9848" y="1286"/>
                </a:lnTo>
                <a:lnTo>
                  <a:pt x="9848" y="1191"/>
                </a:lnTo>
                <a:lnTo>
                  <a:pt x="9660" y="1191"/>
                </a:lnTo>
                <a:lnTo>
                  <a:pt x="9660" y="1812"/>
                </a:lnTo>
                <a:lnTo>
                  <a:pt x="9864" y="1812"/>
                </a:lnTo>
                <a:lnTo>
                  <a:pt x="9864" y="1508"/>
                </a:lnTo>
                <a:lnTo>
                  <a:pt x="9865" y="1485"/>
                </a:lnTo>
                <a:lnTo>
                  <a:pt x="9866" y="1465"/>
                </a:lnTo>
                <a:lnTo>
                  <a:pt x="9869" y="1445"/>
                </a:lnTo>
                <a:lnTo>
                  <a:pt x="9872" y="1429"/>
                </a:lnTo>
                <a:lnTo>
                  <a:pt x="9875" y="1416"/>
                </a:lnTo>
                <a:lnTo>
                  <a:pt x="9879" y="1403"/>
                </a:lnTo>
                <a:lnTo>
                  <a:pt x="9884" y="1392"/>
                </a:lnTo>
                <a:lnTo>
                  <a:pt x="9889" y="1382"/>
                </a:lnTo>
                <a:lnTo>
                  <a:pt x="9898" y="1369"/>
                </a:lnTo>
                <a:lnTo>
                  <a:pt x="9906" y="1357"/>
                </a:lnTo>
                <a:lnTo>
                  <a:pt x="9917" y="1347"/>
                </a:lnTo>
                <a:lnTo>
                  <a:pt x="9929" y="1339"/>
                </a:lnTo>
                <a:lnTo>
                  <a:pt x="9942" y="1331"/>
                </a:lnTo>
                <a:lnTo>
                  <a:pt x="9957" y="1325"/>
                </a:lnTo>
                <a:lnTo>
                  <a:pt x="9973" y="1320"/>
                </a:lnTo>
                <a:lnTo>
                  <a:pt x="9993" y="1317"/>
                </a:lnTo>
                <a:lnTo>
                  <a:pt x="10003" y="1316"/>
                </a:lnTo>
                <a:lnTo>
                  <a:pt x="10015" y="1315"/>
                </a:lnTo>
                <a:lnTo>
                  <a:pt x="10028" y="1316"/>
                </a:lnTo>
                <a:lnTo>
                  <a:pt x="10040" y="1317"/>
                </a:lnTo>
                <a:lnTo>
                  <a:pt x="10053" y="1319"/>
                </a:lnTo>
                <a:lnTo>
                  <a:pt x="10064" y="1321"/>
                </a:lnTo>
                <a:lnTo>
                  <a:pt x="10076" y="1326"/>
                </a:lnTo>
                <a:lnTo>
                  <a:pt x="10087" y="1331"/>
                </a:lnTo>
                <a:lnTo>
                  <a:pt x="10180" y="1201"/>
                </a:lnTo>
                <a:lnTo>
                  <a:pt x="10165" y="1195"/>
                </a:lnTo>
                <a:lnTo>
                  <a:pt x="10152" y="1191"/>
                </a:lnTo>
                <a:lnTo>
                  <a:pt x="10138" y="1187"/>
                </a:lnTo>
                <a:lnTo>
                  <a:pt x="10124" y="1185"/>
                </a:lnTo>
                <a:lnTo>
                  <a:pt x="10109" y="1182"/>
                </a:lnTo>
                <a:lnTo>
                  <a:pt x="10094" y="1180"/>
                </a:lnTo>
                <a:lnTo>
                  <a:pt x="10079" y="1179"/>
                </a:lnTo>
                <a:lnTo>
                  <a:pt x="10062" y="1178"/>
                </a:lnTo>
                <a:close/>
                <a:moveTo>
                  <a:pt x="9325" y="1262"/>
                </a:moveTo>
                <a:lnTo>
                  <a:pt x="9325" y="1272"/>
                </a:lnTo>
                <a:lnTo>
                  <a:pt x="9324" y="1283"/>
                </a:lnTo>
                <a:lnTo>
                  <a:pt x="9322" y="1294"/>
                </a:lnTo>
                <a:lnTo>
                  <a:pt x="9319" y="1305"/>
                </a:lnTo>
                <a:lnTo>
                  <a:pt x="9314" y="1316"/>
                </a:lnTo>
                <a:lnTo>
                  <a:pt x="9309" y="1328"/>
                </a:lnTo>
                <a:lnTo>
                  <a:pt x="9302" y="1339"/>
                </a:lnTo>
                <a:lnTo>
                  <a:pt x="9293" y="1348"/>
                </a:lnTo>
                <a:lnTo>
                  <a:pt x="9283" y="1358"/>
                </a:lnTo>
                <a:lnTo>
                  <a:pt x="9270" y="1366"/>
                </a:lnTo>
                <a:lnTo>
                  <a:pt x="9258" y="1374"/>
                </a:lnTo>
                <a:lnTo>
                  <a:pt x="9242" y="1381"/>
                </a:lnTo>
                <a:lnTo>
                  <a:pt x="9223" y="1387"/>
                </a:lnTo>
                <a:lnTo>
                  <a:pt x="9203" y="1391"/>
                </a:lnTo>
                <a:lnTo>
                  <a:pt x="9181" y="1393"/>
                </a:lnTo>
                <a:lnTo>
                  <a:pt x="9156" y="1394"/>
                </a:lnTo>
                <a:lnTo>
                  <a:pt x="8987" y="1394"/>
                </a:lnTo>
                <a:lnTo>
                  <a:pt x="8987" y="1145"/>
                </a:lnTo>
                <a:lnTo>
                  <a:pt x="9156" y="1145"/>
                </a:lnTo>
                <a:lnTo>
                  <a:pt x="9181" y="1145"/>
                </a:lnTo>
                <a:lnTo>
                  <a:pt x="9203" y="1147"/>
                </a:lnTo>
                <a:lnTo>
                  <a:pt x="9223" y="1152"/>
                </a:lnTo>
                <a:lnTo>
                  <a:pt x="9242" y="1156"/>
                </a:lnTo>
                <a:lnTo>
                  <a:pt x="9258" y="1161"/>
                </a:lnTo>
                <a:lnTo>
                  <a:pt x="9270" y="1169"/>
                </a:lnTo>
                <a:lnTo>
                  <a:pt x="9283" y="1176"/>
                </a:lnTo>
                <a:lnTo>
                  <a:pt x="9293" y="1184"/>
                </a:lnTo>
                <a:lnTo>
                  <a:pt x="9302" y="1193"/>
                </a:lnTo>
                <a:lnTo>
                  <a:pt x="9309" y="1202"/>
                </a:lnTo>
                <a:lnTo>
                  <a:pt x="9314" y="1213"/>
                </a:lnTo>
                <a:lnTo>
                  <a:pt x="9319" y="1222"/>
                </a:lnTo>
                <a:lnTo>
                  <a:pt x="9322" y="1232"/>
                </a:lnTo>
                <a:lnTo>
                  <a:pt x="9324" y="1242"/>
                </a:lnTo>
                <a:lnTo>
                  <a:pt x="9325" y="1252"/>
                </a:lnTo>
                <a:lnTo>
                  <a:pt x="9325" y="1262"/>
                </a:lnTo>
                <a:close/>
                <a:moveTo>
                  <a:pt x="9139" y="1011"/>
                </a:moveTo>
                <a:lnTo>
                  <a:pt x="8750" y="1011"/>
                </a:lnTo>
                <a:lnTo>
                  <a:pt x="8750" y="1812"/>
                </a:lnTo>
                <a:lnTo>
                  <a:pt x="8987" y="1812"/>
                </a:lnTo>
                <a:lnTo>
                  <a:pt x="8987" y="1528"/>
                </a:lnTo>
                <a:lnTo>
                  <a:pt x="9189" y="1528"/>
                </a:lnTo>
                <a:lnTo>
                  <a:pt x="9211" y="1527"/>
                </a:lnTo>
                <a:lnTo>
                  <a:pt x="9231" y="1526"/>
                </a:lnTo>
                <a:lnTo>
                  <a:pt x="9251" y="1524"/>
                </a:lnTo>
                <a:lnTo>
                  <a:pt x="9272" y="1522"/>
                </a:lnTo>
                <a:lnTo>
                  <a:pt x="9291" y="1519"/>
                </a:lnTo>
                <a:lnTo>
                  <a:pt x="9309" y="1516"/>
                </a:lnTo>
                <a:lnTo>
                  <a:pt x="9327" y="1512"/>
                </a:lnTo>
                <a:lnTo>
                  <a:pt x="9345" y="1507"/>
                </a:lnTo>
                <a:lnTo>
                  <a:pt x="9361" y="1502"/>
                </a:lnTo>
                <a:lnTo>
                  <a:pt x="9379" y="1497"/>
                </a:lnTo>
                <a:lnTo>
                  <a:pt x="9394" y="1490"/>
                </a:lnTo>
                <a:lnTo>
                  <a:pt x="9409" y="1484"/>
                </a:lnTo>
                <a:lnTo>
                  <a:pt x="9423" y="1476"/>
                </a:lnTo>
                <a:lnTo>
                  <a:pt x="9436" y="1469"/>
                </a:lnTo>
                <a:lnTo>
                  <a:pt x="9449" y="1460"/>
                </a:lnTo>
                <a:lnTo>
                  <a:pt x="9462" y="1452"/>
                </a:lnTo>
                <a:lnTo>
                  <a:pt x="9474" y="1443"/>
                </a:lnTo>
                <a:lnTo>
                  <a:pt x="9484" y="1434"/>
                </a:lnTo>
                <a:lnTo>
                  <a:pt x="9495" y="1424"/>
                </a:lnTo>
                <a:lnTo>
                  <a:pt x="9505" y="1413"/>
                </a:lnTo>
                <a:lnTo>
                  <a:pt x="9513" y="1403"/>
                </a:lnTo>
                <a:lnTo>
                  <a:pt x="9521" y="1392"/>
                </a:lnTo>
                <a:lnTo>
                  <a:pt x="9528" y="1380"/>
                </a:lnTo>
                <a:lnTo>
                  <a:pt x="9535" y="1369"/>
                </a:lnTo>
                <a:lnTo>
                  <a:pt x="9541" y="1357"/>
                </a:lnTo>
                <a:lnTo>
                  <a:pt x="9547" y="1345"/>
                </a:lnTo>
                <a:lnTo>
                  <a:pt x="9551" y="1332"/>
                </a:lnTo>
                <a:lnTo>
                  <a:pt x="9554" y="1319"/>
                </a:lnTo>
                <a:lnTo>
                  <a:pt x="9557" y="1307"/>
                </a:lnTo>
                <a:lnTo>
                  <a:pt x="9559" y="1293"/>
                </a:lnTo>
                <a:lnTo>
                  <a:pt x="9560" y="1279"/>
                </a:lnTo>
                <a:lnTo>
                  <a:pt x="9560" y="1265"/>
                </a:lnTo>
                <a:lnTo>
                  <a:pt x="9560" y="1250"/>
                </a:lnTo>
                <a:lnTo>
                  <a:pt x="9559" y="1235"/>
                </a:lnTo>
                <a:lnTo>
                  <a:pt x="9557" y="1221"/>
                </a:lnTo>
                <a:lnTo>
                  <a:pt x="9555" y="1207"/>
                </a:lnTo>
                <a:lnTo>
                  <a:pt x="9552" y="1193"/>
                </a:lnTo>
                <a:lnTo>
                  <a:pt x="9548" y="1180"/>
                </a:lnTo>
                <a:lnTo>
                  <a:pt x="9542" y="1168"/>
                </a:lnTo>
                <a:lnTo>
                  <a:pt x="9537" y="1156"/>
                </a:lnTo>
                <a:lnTo>
                  <a:pt x="9530" y="1144"/>
                </a:lnTo>
                <a:lnTo>
                  <a:pt x="9523" y="1133"/>
                </a:lnTo>
                <a:lnTo>
                  <a:pt x="9514" y="1123"/>
                </a:lnTo>
                <a:lnTo>
                  <a:pt x="9506" y="1112"/>
                </a:lnTo>
                <a:lnTo>
                  <a:pt x="9496" y="1102"/>
                </a:lnTo>
                <a:lnTo>
                  <a:pt x="9486" y="1093"/>
                </a:lnTo>
                <a:lnTo>
                  <a:pt x="9474" y="1084"/>
                </a:lnTo>
                <a:lnTo>
                  <a:pt x="9462" y="1076"/>
                </a:lnTo>
                <a:lnTo>
                  <a:pt x="9449" y="1068"/>
                </a:lnTo>
                <a:lnTo>
                  <a:pt x="9434" y="1061"/>
                </a:lnTo>
                <a:lnTo>
                  <a:pt x="9419" y="1054"/>
                </a:lnTo>
                <a:lnTo>
                  <a:pt x="9404" y="1048"/>
                </a:lnTo>
                <a:lnTo>
                  <a:pt x="9387" y="1042"/>
                </a:lnTo>
                <a:lnTo>
                  <a:pt x="9369" y="1036"/>
                </a:lnTo>
                <a:lnTo>
                  <a:pt x="9351" y="1032"/>
                </a:lnTo>
                <a:lnTo>
                  <a:pt x="9331" y="1028"/>
                </a:lnTo>
                <a:lnTo>
                  <a:pt x="9310" y="1023"/>
                </a:lnTo>
                <a:lnTo>
                  <a:pt x="9289" y="1020"/>
                </a:lnTo>
                <a:lnTo>
                  <a:pt x="9266" y="1017"/>
                </a:lnTo>
                <a:lnTo>
                  <a:pt x="9243" y="1015"/>
                </a:lnTo>
                <a:lnTo>
                  <a:pt x="9219" y="1013"/>
                </a:lnTo>
                <a:lnTo>
                  <a:pt x="9193" y="1012"/>
                </a:lnTo>
                <a:lnTo>
                  <a:pt x="9167" y="1011"/>
                </a:lnTo>
                <a:lnTo>
                  <a:pt x="9139" y="1011"/>
                </a:lnTo>
                <a:close/>
                <a:moveTo>
                  <a:pt x="13030" y="1297"/>
                </a:moveTo>
                <a:lnTo>
                  <a:pt x="13047" y="1297"/>
                </a:lnTo>
                <a:lnTo>
                  <a:pt x="13063" y="1299"/>
                </a:lnTo>
                <a:lnTo>
                  <a:pt x="13078" y="1302"/>
                </a:lnTo>
                <a:lnTo>
                  <a:pt x="13091" y="1305"/>
                </a:lnTo>
                <a:lnTo>
                  <a:pt x="13104" y="1311"/>
                </a:lnTo>
                <a:lnTo>
                  <a:pt x="13116" y="1316"/>
                </a:lnTo>
                <a:lnTo>
                  <a:pt x="13127" y="1324"/>
                </a:lnTo>
                <a:lnTo>
                  <a:pt x="13136" y="1331"/>
                </a:lnTo>
                <a:lnTo>
                  <a:pt x="13145" y="1340"/>
                </a:lnTo>
                <a:lnTo>
                  <a:pt x="13154" y="1348"/>
                </a:lnTo>
                <a:lnTo>
                  <a:pt x="13160" y="1358"/>
                </a:lnTo>
                <a:lnTo>
                  <a:pt x="13166" y="1369"/>
                </a:lnTo>
                <a:lnTo>
                  <a:pt x="13172" y="1379"/>
                </a:lnTo>
                <a:lnTo>
                  <a:pt x="13177" y="1390"/>
                </a:lnTo>
                <a:lnTo>
                  <a:pt x="13180" y="1402"/>
                </a:lnTo>
                <a:lnTo>
                  <a:pt x="13183" y="1413"/>
                </a:lnTo>
                <a:lnTo>
                  <a:pt x="13185" y="1417"/>
                </a:lnTo>
                <a:lnTo>
                  <a:pt x="13185" y="1421"/>
                </a:lnTo>
                <a:lnTo>
                  <a:pt x="13186" y="1425"/>
                </a:lnTo>
                <a:lnTo>
                  <a:pt x="13186" y="1428"/>
                </a:lnTo>
                <a:lnTo>
                  <a:pt x="13186" y="1433"/>
                </a:lnTo>
                <a:lnTo>
                  <a:pt x="13187" y="1437"/>
                </a:lnTo>
                <a:lnTo>
                  <a:pt x="13187" y="1440"/>
                </a:lnTo>
                <a:lnTo>
                  <a:pt x="13187" y="1443"/>
                </a:lnTo>
                <a:lnTo>
                  <a:pt x="12857" y="1443"/>
                </a:lnTo>
                <a:lnTo>
                  <a:pt x="12859" y="1429"/>
                </a:lnTo>
                <a:lnTo>
                  <a:pt x="12862" y="1414"/>
                </a:lnTo>
                <a:lnTo>
                  <a:pt x="12867" y="1402"/>
                </a:lnTo>
                <a:lnTo>
                  <a:pt x="12873" y="1388"/>
                </a:lnTo>
                <a:lnTo>
                  <a:pt x="12880" y="1375"/>
                </a:lnTo>
                <a:lnTo>
                  <a:pt x="12887" y="1363"/>
                </a:lnTo>
                <a:lnTo>
                  <a:pt x="12896" y="1351"/>
                </a:lnTo>
                <a:lnTo>
                  <a:pt x="12906" y="1341"/>
                </a:lnTo>
                <a:lnTo>
                  <a:pt x="12917" y="1331"/>
                </a:lnTo>
                <a:lnTo>
                  <a:pt x="12930" y="1323"/>
                </a:lnTo>
                <a:lnTo>
                  <a:pt x="12944" y="1315"/>
                </a:lnTo>
                <a:lnTo>
                  <a:pt x="12959" y="1309"/>
                </a:lnTo>
                <a:lnTo>
                  <a:pt x="12975" y="1303"/>
                </a:lnTo>
                <a:lnTo>
                  <a:pt x="12992" y="1299"/>
                </a:lnTo>
                <a:lnTo>
                  <a:pt x="13010" y="1297"/>
                </a:lnTo>
                <a:lnTo>
                  <a:pt x="13030" y="1297"/>
                </a:lnTo>
                <a:close/>
                <a:moveTo>
                  <a:pt x="13290" y="1671"/>
                </a:moveTo>
                <a:lnTo>
                  <a:pt x="13263" y="1678"/>
                </a:lnTo>
                <a:lnTo>
                  <a:pt x="13237" y="1684"/>
                </a:lnTo>
                <a:lnTo>
                  <a:pt x="13212" y="1689"/>
                </a:lnTo>
                <a:lnTo>
                  <a:pt x="13189" y="1693"/>
                </a:lnTo>
                <a:lnTo>
                  <a:pt x="13164" y="1696"/>
                </a:lnTo>
                <a:lnTo>
                  <a:pt x="13139" y="1700"/>
                </a:lnTo>
                <a:lnTo>
                  <a:pt x="13113" y="1701"/>
                </a:lnTo>
                <a:lnTo>
                  <a:pt x="13084" y="1701"/>
                </a:lnTo>
                <a:lnTo>
                  <a:pt x="13060" y="1701"/>
                </a:lnTo>
                <a:lnTo>
                  <a:pt x="13038" y="1699"/>
                </a:lnTo>
                <a:lnTo>
                  <a:pt x="13017" y="1696"/>
                </a:lnTo>
                <a:lnTo>
                  <a:pt x="12996" y="1692"/>
                </a:lnTo>
                <a:lnTo>
                  <a:pt x="12977" y="1687"/>
                </a:lnTo>
                <a:lnTo>
                  <a:pt x="12959" y="1680"/>
                </a:lnTo>
                <a:lnTo>
                  <a:pt x="12942" y="1674"/>
                </a:lnTo>
                <a:lnTo>
                  <a:pt x="12927" y="1665"/>
                </a:lnTo>
                <a:lnTo>
                  <a:pt x="12913" y="1655"/>
                </a:lnTo>
                <a:lnTo>
                  <a:pt x="12900" y="1644"/>
                </a:lnTo>
                <a:lnTo>
                  <a:pt x="12888" y="1632"/>
                </a:lnTo>
                <a:lnTo>
                  <a:pt x="12880" y="1620"/>
                </a:lnTo>
                <a:lnTo>
                  <a:pt x="12871" y="1605"/>
                </a:lnTo>
                <a:lnTo>
                  <a:pt x="12865" y="1589"/>
                </a:lnTo>
                <a:lnTo>
                  <a:pt x="12860" y="1573"/>
                </a:lnTo>
                <a:lnTo>
                  <a:pt x="12857" y="1554"/>
                </a:lnTo>
                <a:lnTo>
                  <a:pt x="13363" y="1554"/>
                </a:lnTo>
                <a:lnTo>
                  <a:pt x="13364" y="1544"/>
                </a:lnTo>
                <a:lnTo>
                  <a:pt x="13365" y="1532"/>
                </a:lnTo>
                <a:lnTo>
                  <a:pt x="13365" y="1520"/>
                </a:lnTo>
                <a:lnTo>
                  <a:pt x="13365" y="1507"/>
                </a:lnTo>
                <a:lnTo>
                  <a:pt x="13365" y="1495"/>
                </a:lnTo>
                <a:lnTo>
                  <a:pt x="13365" y="1483"/>
                </a:lnTo>
                <a:lnTo>
                  <a:pt x="13364" y="1470"/>
                </a:lnTo>
                <a:lnTo>
                  <a:pt x="13363" y="1458"/>
                </a:lnTo>
                <a:lnTo>
                  <a:pt x="13360" y="1429"/>
                </a:lnTo>
                <a:lnTo>
                  <a:pt x="13354" y="1402"/>
                </a:lnTo>
                <a:lnTo>
                  <a:pt x="13350" y="1388"/>
                </a:lnTo>
                <a:lnTo>
                  <a:pt x="13346" y="1374"/>
                </a:lnTo>
                <a:lnTo>
                  <a:pt x="13341" y="1361"/>
                </a:lnTo>
                <a:lnTo>
                  <a:pt x="13336" y="1348"/>
                </a:lnTo>
                <a:lnTo>
                  <a:pt x="13330" y="1336"/>
                </a:lnTo>
                <a:lnTo>
                  <a:pt x="13324" y="1324"/>
                </a:lnTo>
                <a:lnTo>
                  <a:pt x="13317" y="1312"/>
                </a:lnTo>
                <a:lnTo>
                  <a:pt x="13310" y="1301"/>
                </a:lnTo>
                <a:lnTo>
                  <a:pt x="13301" y="1289"/>
                </a:lnTo>
                <a:lnTo>
                  <a:pt x="13293" y="1280"/>
                </a:lnTo>
                <a:lnTo>
                  <a:pt x="13283" y="1269"/>
                </a:lnTo>
                <a:lnTo>
                  <a:pt x="13273" y="1260"/>
                </a:lnTo>
                <a:lnTo>
                  <a:pt x="13263" y="1251"/>
                </a:lnTo>
                <a:lnTo>
                  <a:pt x="13251" y="1241"/>
                </a:lnTo>
                <a:lnTo>
                  <a:pt x="13239" y="1234"/>
                </a:lnTo>
                <a:lnTo>
                  <a:pt x="13226" y="1225"/>
                </a:lnTo>
                <a:lnTo>
                  <a:pt x="13213" y="1219"/>
                </a:lnTo>
                <a:lnTo>
                  <a:pt x="13198" y="1211"/>
                </a:lnTo>
                <a:lnTo>
                  <a:pt x="13185" y="1206"/>
                </a:lnTo>
                <a:lnTo>
                  <a:pt x="13168" y="1201"/>
                </a:lnTo>
                <a:lnTo>
                  <a:pt x="13152" y="1195"/>
                </a:lnTo>
                <a:lnTo>
                  <a:pt x="13135" y="1191"/>
                </a:lnTo>
                <a:lnTo>
                  <a:pt x="13118" y="1187"/>
                </a:lnTo>
                <a:lnTo>
                  <a:pt x="13100" y="1185"/>
                </a:lnTo>
                <a:lnTo>
                  <a:pt x="13081" y="1182"/>
                </a:lnTo>
                <a:lnTo>
                  <a:pt x="13060" y="1180"/>
                </a:lnTo>
                <a:lnTo>
                  <a:pt x="13040" y="1179"/>
                </a:lnTo>
                <a:lnTo>
                  <a:pt x="13019" y="1178"/>
                </a:lnTo>
                <a:lnTo>
                  <a:pt x="12996" y="1179"/>
                </a:lnTo>
                <a:lnTo>
                  <a:pt x="12975" y="1180"/>
                </a:lnTo>
                <a:lnTo>
                  <a:pt x="12954" y="1183"/>
                </a:lnTo>
                <a:lnTo>
                  <a:pt x="12934" y="1186"/>
                </a:lnTo>
                <a:lnTo>
                  <a:pt x="12916" y="1190"/>
                </a:lnTo>
                <a:lnTo>
                  <a:pt x="12898" y="1194"/>
                </a:lnTo>
                <a:lnTo>
                  <a:pt x="12880" y="1200"/>
                </a:lnTo>
                <a:lnTo>
                  <a:pt x="12864" y="1206"/>
                </a:lnTo>
                <a:lnTo>
                  <a:pt x="12847" y="1214"/>
                </a:lnTo>
                <a:lnTo>
                  <a:pt x="12831" y="1221"/>
                </a:lnTo>
                <a:lnTo>
                  <a:pt x="12818" y="1229"/>
                </a:lnTo>
                <a:lnTo>
                  <a:pt x="12804" y="1238"/>
                </a:lnTo>
                <a:lnTo>
                  <a:pt x="12791" y="1248"/>
                </a:lnTo>
                <a:lnTo>
                  <a:pt x="12778" y="1257"/>
                </a:lnTo>
                <a:lnTo>
                  <a:pt x="12766" y="1268"/>
                </a:lnTo>
                <a:lnTo>
                  <a:pt x="12755" y="1279"/>
                </a:lnTo>
                <a:lnTo>
                  <a:pt x="12745" y="1291"/>
                </a:lnTo>
                <a:lnTo>
                  <a:pt x="12735" y="1303"/>
                </a:lnTo>
                <a:lnTo>
                  <a:pt x="12727" y="1315"/>
                </a:lnTo>
                <a:lnTo>
                  <a:pt x="12718" y="1329"/>
                </a:lnTo>
                <a:lnTo>
                  <a:pt x="12711" y="1342"/>
                </a:lnTo>
                <a:lnTo>
                  <a:pt x="12704" y="1356"/>
                </a:lnTo>
                <a:lnTo>
                  <a:pt x="12698" y="1370"/>
                </a:lnTo>
                <a:lnTo>
                  <a:pt x="12692" y="1385"/>
                </a:lnTo>
                <a:lnTo>
                  <a:pt x="12687" y="1398"/>
                </a:lnTo>
                <a:lnTo>
                  <a:pt x="12684" y="1413"/>
                </a:lnTo>
                <a:lnTo>
                  <a:pt x="12680" y="1428"/>
                </a:lnTo>
                <a:lnTo>
                  <a:pt x="12677" y="1444"/>
                </a:lnTo>
                <a:lnTo>
                  <a:pt x="12674" y="1459"/>
                </a:lnTo>
                <a:lnTo>
                  <a:pt x="12673" y="1475"/>
                </a:lnTo>
                <a:lnTo>
                  <a:pt x="12672" y="1491"/>
                </a:lnTo>
                <a:lnTo>
                  <a:pt x="12672" y="1506"/>
                </a:lnTo>
                <a:lnTo>
                  <a:pt x="12672" y="1528"/>
                </a:lnTo>
                <a:lnTo>
                  <a:pt x="12674" y="1548"/>
                </a:lnTo>
                <a:lnTo>
                  <a:pt x="12676" y="1567"/>
                </a:lnTo>
                <a:lnTo>
                  <a:pt x="12680" y="1586"/>
                </a:lnTo>
                <a:lnTo>
                  <a:pt x="12684" y="1605"/>
                </a:lnTo>
                <a:lnTo>
                  <a:pt x="12689" y="1622"/>
                </a:lnTo>
                <a:lnTo>
                  <a:pt x="12694" y="1638"/>
                </a:lnTo>
                <a:lnTo>
                  <a:pt x="12702" y="1654"/>
                </a:lnTo>
                <a:lnTo>
                  <a:pt x="12709" y="1669"/>
                </a:lnTo>
                <a:lnTo>
                  <a:pt x="12718" y="1683"/>
                </a:lnTo>
                <a:lnTo>
                  <a:pt x="12728" y="1695"/>
                </a:lnTo>
                <a:lnTo>
                  <a:pt x="12737" y="1708"/>
                </a:lnTo>
                <a:lnTo>
                  <a:pt x="12748" y="1721"/>
                </a:lnTo>
                <a:lnTo>
                  <a:pt x="12760" y="1732"/>
                </a:lnTo>
                <a:lnTo>
                  <a:pt x="12772" y="1742"/>
                </a:lnTo>
                <a:lnTo>
                  <a:pt x="12784" y="1752"/>
                </a:lnTo>
                <a:lnTo>
                  <a:pt x="12798" y="1762"/>
                </a:lnTo>
                <a:lnTo>
                  <a:pt x="12812" y="1770"/>
                </a:lnTo>
                <a:lnTo>
                  <a:pt x="12827" y="1778"/>
                </a:lnTo>
                <a:lnTo>
                  <a:pt x="12843" y="1785"/>
                </a:lnTo>
                <a:lnTo>
                  <a:pt x="12858" y="1793"/>
                </a:lnTo>
                <a:lnTo>
                  <a:pt x="12875" y="1798"/>
                </a:lnTo>
                <a:lnTo>
                  <a:pt x="12892" y="1803"/>
                </a:lnTo>
                <a:lnTo>
                  <a:pt x="12910" y="1809"/>
                </a:lnTo>
                <a:lnTo>
                  <a:pt x="12928" y="1813"/>
                </a:lnTo>
                <a:lnTo>
                  <a:pt x="12947" y="1816"/>
                </a:lnTo>
                <a:lnTo>
                  <a:pt x="12966" y="1819"/>
                </a:lnTo>
                <a:lnTo>
                  <a:pt x="12986" y="1821"/>
                </a:lnTo>
                <a:lnTo>
                  <a:pt x="13005" y="1824"/>
                </a:lnTo>
                <a:lnTo>
                  <a:pt x="13025" y="1825"/>
                </a:lnTo>
                <a:lnTo>
                  <a:pt x="13047" y="1826"/>
                </a:lnTo>
                <a:lnTo>
                  <a:pt x="13067" y="1826"/>
                </a:lnTo>
                <a:lnTo>
                  <a:pt x="13101" y="1826"/>
                </a:lnTo>
                <a:lnTo>
                  <a:pt x="13132" y="1824"/>
                </a:lnTo>
                <a:lnTo>
                  <a:pt x="13162" y="1821"/>
                </a:lnTo>
                <a:lnTo>
                  <a:pt x="13190" y="1817"/>
                </a:lnTo>
                <a:lnTo>
                  <a:pt x="13216" y="1813"/>
                </a:lnTo>
                <a:lnTo>
                  <a:pt x="13241" y="1808"/>
                </a:lnTo>
                <a:lnTo>
                  <a:pt x="13266" y="1802"/>
                </a:lnTo>
                <a:lnTo>
                  <a:pt x="13290" y="1796"/>
                </a:lnTo>
                <a:lnTo>
                  <a:pt x="13290" y="1671"/>
                </a:lnTo>
                <a:close/>
                <a:moveTo>
                  <a:pt x="12608" y="1315"/>
                </a:moveTo>
                <a:lnTo>
                  <a:pt x="12608" y="1191"/>
                </a:lnTo>
                <a:lnTo>
                  <a:pt x="12396" y="1191"/>
                </a:lnTo>
                <a:lnTo>
                  <a:pt x="12396" y="1062"/>
                </a:lnTo>
                <a:lnTo>
                  <a:pt x="12198" y="1062"/>
                </a:lnTo>
                <a:lnTo>
                  <a:pt x="12198" y="1594"/>
                </a:lnTo>
                <a:lnTo>
                  <a:pt x="12199" y="1623"/>
                </a:lnTo>
                <a:lnTo>
                  <a:pt x="12201" y="1651"/>
                </a:lnTo>
                <a:lnTo>
                  <a:pt x="12204" y="1676"/>
                </a:lnTo>
                <a:lnTo>
                  <a:pt x="12210" y="1699"/>
                </a:lnTo>
                <a:lnTo>
                  <a:pt x="12213" y="1709"/>
                </a:lnTo>
                <a:lnTo>
                  <a:pt x="12217" y="1720"/>
                </a:lnTo>
                <a:lnTo>
                  <a:pt x="12222" y="1730"/>
                </a:lnTo>
                <a:lnTo>
                  <a:pt x="12226" y="1739"/>
                </a:lnTo>
                <a:lnTo>
                  <a:pt x="12231" y="1748"/>
                </a:lnTo>
                <a:lnTo>
                  <a:pt x="12237" y="1756"/>
                </a:lnTo>
                <a:lnTo>
                  <a:pt x="12243" y="1764"/>
                </a:lnTo>
                <a:lnTo>
                  <a:pt x="12249" y="1771"/>
                </a:lnTo>
                <a:lnTo>
                  <a:pt x="12257" y="1778"/>
                </a:lnTo>
                <a:lnTo>
                  <a:pt x="12264" y="1784"/>
                </a:lnTo>
                <a:lnTo>
                  <a:pt x="12273" y="1790"/>
                </a:lnTo>
                <a:lnTo>
                  <a:pt x="12283" y="1796"/>
                </a:lnTo>
                <a:lnTo>
                  <a:pt x="12292" y="1800"/>
                </a:lnTo>
                <a:lnTo>
                  <a:pt x="12302" y="1805"/>
                </a:lnTo>
                <a:lnTo>
                  <a:pt x="12312" y="1809"/>
                </a:lnTo>
                <a:lnTo>
                  <a:pt x="12324" y="1813"/>
                </a:lnTo>
                <a:lnTo>
                  <a:pt x="12337" y="1816"/>
                </a:lnTo>
                <a:lnTo>
                  <a:pt x="12350" y="1818"/>
                </a:lnTo>
                <a:lnTo>
                  <a:pt x="12363" y="1820"/>
                </a:lnTo>
                <a:lnTo>
                  <a:pt x="12377" y="1823"/>
                </a:lnTo>
                <a:lnTo>
                  <a:pt x="12408" y="1825"/>
                </a:lnTo>
                <a:lnTo>
                  <a:pt x="12441" y="1826"/>
                </a:lnTo>
                <a:lnTo>
                  <a:pt x="12459" y="1826"/>
                </a:lnTo>
                <a:lnTo>
                  <a:pt x="12479" y="1825"/>
                </a:lnTo>
                <a:lnTo>
                  <a:pt x="12501" y="1825"/>
                </a:lnTo>
                <a:lnTo>
                  <a:pt x="12523" y="1823"/>
                </a:lnTo>
                <a:lnTo>
                  <a:pt x="12546" y="1821"/>
                </a:lnTo>
                <a:lnTo>
                  <a:pt x="12568" y="1819"/>
                </a:lnTo>
                <a:lnTo>
                  <a:pt x="12589" y="1817"/>
                </a:lnTo>
                <a:lnTo>
                  <a:pt x="12608" y="1814"/>
                </a:lnTo>
                <a:lnTo>
                  <a:pt x="12608" y="1687"/>
                </a:lnTo>
                <a:lnTo>
                  <a:pt x="12591" y="1691"/>
                </a:lnTo>
                <a:lnTo>
                  <a:pt x="12575" y="1694"/>
                </a:lnTo>
                <a:lnTo>
                  <a:pt x="12558" y="1696"/>
                </a:lnTo>
                <a:lnTo>
                  <a:pt x="12541" y="1699"/>
                </a:lnTo>
                <a:lnTo>
                  <a:pt x="12526" y="1700"/>
                </a:lnTo>
                <a:lnTo>
                  <a:pt x="12514" y="1701"/>
                </a:lnTo>
                <a:lnTo>
                  <a:pt x="12501" y="1701"/>
                </a:lnTo>
                <a:lnTo>
                  <a:pt x="12491" y="1701"/>
                </a:lnTo>
                <a:lnTo>
                  <a:pt x="12478" y="1700"/>
                </a:lnTo>
                <a:lnTo>
                  <a:pt x="12468" y="1698"/>
                </a:lnTo>
                <a:lnTo>
                  <a:pt x="12457" y="1695"/>
                </a:lnTo>
                <a:lnTo>
                  <a:pt x="12447" y="1692"/>
                </a:lnTo>
                <a:lnTo>
                  <a:pt x="12439" y="1688"/>
                </a:lnTo>
                <a:lnTo>
                  <a:pt x="12431" y="1684"/>
                </a:lnTo>
                <a:lnTo>
                  <a:pt x="12424" y="1677"/>
                </a:lnTo>
                <a:lnTo>
                  <a:pt x="12417" y="1670"/>
                </a:lnTo>
                <a:lnTo>
                  <a:pt x="12412" y="1660"/>
                </a:lnTo>
                <a:lnTo>
                  <a:pt x="12408" y="1651"/>
                </a:lnTo>
                <a:lnTo>
                  <a:pt x="12405" y="1638"/>
                </a:lnTo>
                <a:lnTo>
                  <a:pt x="12401" y="1625"/>
                </a:lnTo>
                <a:lnTo>
                  <a:pt x="12399" y="1609"/>
                </a:lnTo>
                <a:lnTo>
                  <a:pt x="12397" y="1592"/>
                </a:lnTo>
                <a:lnTo>
                  <a:pt x="12396" y="1571"/>
                </a:lnTo>
                <a:lnTo>
                  <a:pt x="12396" y="1550"/>
                </a:lnTo>
                <a:lnTo>
                  <a:pt x="12396" y="1315"/>
                </a:lnTo>
                <a:lnTo>
                  <a:pt x="12608" y="1315"/>
                </a:lnTo>
                <a:close/>
                <a:moveTo>
                  <a:pt x="10573" y="1191"/>
                </a:moveTo>
                <a:lnTo>
                  <a:pt x="10791" y="1191"/>
                </a:lnTo>
                <a:lnTo>
                  <a:pt x="10976" y="1656"/>
                </a:lnTo>
                <a:lnTo>
                  <a:pt x="10979" y="1656"/>
                </a:lnTo>
                <a:lnTo>
                  <a:pt x="11168" y="1191"/>
                </a:lnTo>
                <a:lnTo>
                  <a:pt x="11370" y="1191"/>
                </a:lnTo>
                <a:lnTo>
                  <a:pt x="11082" y="1812"/>
                </a:lnTo>
                <a:lnTo>
                  <a:pt x="10856" y="1812"/>
                </a:lnTo>
                <a:lnTo>
                  <a:pt x="10573" y="1191"/>
                </a:lnTo>
                <a:close/>
                <a:moveTo>
                  <a:pt x="16408" y="1011"/>
                </a:moveTo>
                <a:lnTo>
                  <a:pt x="16611" y="1011"/>
                </a:lnTo>
                <a:lnTo>
                  <a:pt x="16611" y="1439"/>
                </a:lnTo>
                <a:lnTo>
                  <a:pt x="16614" y="1439"/>
                </a:lnTo>
                <a:lnTo>
                  <a:pt x="16862" y="1191"/>
                </a:lnTo>
                <a:lnTo>
                  <a:pt x="17101" y="1191"/>
                </a:lnTo>
                <a:lnTo>
                  <a:pt x="16814" y="1465"/>
                </a:lnTo>
                <a:lnTo>
                  <a:pt x="17120" y="1812"/>
                </a:lnTo>
                <a:lnTo>
                  <a:pt x="16881" y="1812"/>
                </a:lnTo>
                <a:lnTo>
                  <a:pt x="16614" y="1492"/>
                </a:lnTo>
                <a:lnTo>
                  <a:pt x="16611" y="1492"/>
                </a:lnTo>
                <a:lnTo>
                  <a:pt x="16611" y="1812"/>
                </a:lnTo>
                <a:lnTo>
                  <a:pt x="16408" y="1812"/>
                </a:lnTo>
                <a:lnTo>
                  <a:pt x="16408" y="1011"/>
                </a:lnTo>
                <a:close/>
                <a:moveTo>
                  <a:pt x="10265" y="1191"/>
                </a:moveTo>
                <a:lnTo>
                  <a:pt x="10469" y="1191"/>
                </a:lnTo>
                <a:lnTo>
                  <a:pt x="10469" y="1812"/>
                </a:lnTo>
                <a:lnTo>
                  <a:pt x="10265" y="1812"/>
                </a:lnTo>
                <a:lnTo>
                  <a:pt x="10265" y="1191"/>
                </a:lnTo>
                <a:close/>
                <a:moveTo>
                  <a:pt x="10265" y="1133"/>
                </a:moveTo>
                <a:lnTo>
                  <a:pt x="10469" y="1133"/>
                </a:lnTo>
                <a:lnTo>
                  <a:pt x="10469" y="1011"/>
                </a:lnTo>
                <a:lnTo>
                  <a:pt x="10265" y="1011"/>
                </a:lnTo>
                <a:lnTo>
                  <a:pt x="10265" y="1133"/>
                </a:lnTo>
                <a:close/>
                <a:moveTo>
                  <a:pt x="14452" y="1390"/>
                </a:moveTo>
                <a:lnTo>
                  <a:pt x="14470" y="1386"/>
                </a:lnTo>
                <a:lnTo>
                  <a:pt x="14486" y="1380"/>
                </a:lnTo>
                <a:lnTo>
                  <a:pt x="14501" y="1374"/>
                </a:lnTo>
                <a:lnTo>
                  <a:pt x="14516" y="1366"/>
                </a:lnTo>
                <a:lnTo>
                  <a:pt x="14528" y="1358"/>
                </a:lnTo>
                <a:lnTo>
                  <a:pt x="14541" y="1349"/>
                </a:lnTo>
                <a:lnTo>
                  <a:pt x="14553" y="1339"/>
                </a:lnTo>
                <a:lnTo>
                  <a:pt x="14564" y="1328"/>
                </a:lnTo>
                <a:lnTo>
                  <a:pt x="14572" y="1316"/>
                </a:lnTo>
                <a:lnTo>
                  <a:pt x="14581" y="1303"/>
                </a:lnTo>
                <a:lnTo>
                  <a:pt x="14587" y="1289"/>
                </a:lnTo>
                <a:lnTo>
                  <a:pt x="14594" y="1276"/>
                </a:lnTo>
                <a:lnTo>
                  <a:pt x="14598" y="1260"/>
                </a:lnTo>
                <a:lnTo>
                  <a:pt x="14601" y="1242"/>
                </a:lnTo>
                <a:lnTo>
                  <a:pt x="14603" y="1225"/>
                </a:lnTo>
                <a:lnTo>
                  <a:pt x="14604" y="1206"/>
                </a:lnTo>
                <a:lnTo>
                  <a:pt x="14603" y="1191"/>
                </a:lnTo>
                <a:lnTo>
                  <a:pt x="14602" y="1177"/>
                </a:lnTo>
                <a:lnTo>
                  <a:pt x="14600" y="1163"/>
                </a:lnTo>
                <a:lnTo>
                  <a:pt x="14597" y="1151"/>
                </a:lnTo>
                <a:lnTo>
                  <a:pt x="14594" y="1139"/>
                </a:lnTo>
                <a:lnTo>
                  <a:pt x="14588" y="1127"/>
                </a:lnTo>
                <a:lnTo>
                  <a:pt x="14583" y="1116"/>
                </a:lnTo>
                <a:lnTo>
                  <a:pt x="14577" y="1107"/>
                </a:lnTo>
                <a:lnTo>
                  <a:pt x="14569" y="1097"/>
                </a:lnTo>
                <a:lnTo>
                  <a:pt x="14561" y="1089"/>
                </a:lnTo>
                <a:lnTo>
                  <a:pt x="14552" y="1080"/>
                </a:lnTo>
                <a:lnTo>
                  <a:pt x="14541" y="1073"/>
                </a:lnTo>
                <a:lnTo>
                  <a:pt x="14531" y="1065"/>
                </a:lnTo>
                <a:lnTo>
                  <a:pt x="14520" y="1059"/>
                </a:lnTo>
                <a:lnTo>
                  <a:pt x="14507" y="1052"/>
                </a:lnTo>
                <a:lnTo>
                  <a:pt x="14494" y="1046"/>
                </a:lnTo>
                <a:lnTo>
                  <a:pt x="14482" y="1042"/>
                </a:lnTo>
                <a:lnTo>
                  <a:pt x="14470" y="1037"/>
                </a:lnTo>
                <a:lnTo>
                  <a:pt x="14456" y="1033"/>
                </a:lnTo>
                <a:lnTo>
                  <a:pt x="14442" y="1030"/>
                </a:lnTo>
                <a:lnTo>
                  <a:pt x="14412" y="1023"/>
                </a:lnTo>
                <a:lnTo>
                  <a:pt x="14380" y="1018"/>
                </a:lnTo>
                <a:lnTo>
                  <a:pt x="14345" y="1015"/>
                </a:lnTo>
                <a:lnTo>
                  <a:pt x="14310" y="1013"/>
                </a:lnTo>
                <a:lnTo>
                  <a:pt x="14273" y="1011"/>
                </a:lnTo>
                <a:lnTo>
                  <a:pt x="14235" y="1011"/>
                </a:lnTo>
                <a:lnTo>
                  <a:pt x="13816" y="1011"/>
                </a:lnTo>
                <a:lnTo>
                  <a:pt x="13816" y="1812"/>
                </a:lnTo>
                <a:lnTo>
                  <a:pt x="14263" y="1812"/>
                </a:lnTo>
                <a:lnTo>
                  <a:pt x="14311" y="1811"/>
                </a:lnTo>
                <a:lnTo>
                  <a:pt x="14356" y="1809"/>
                </a:lnTo>
                <a:lnTo>
                  <a:pt x="14397" y="1804"/>
                </a:lnTo>
                <a:lnTo>
                  <a:pt x="14435" y="1799"/>
                </a:lnTo>
                <a:lnTo>
                  <a:pt x="14454" y="1795"/>
                </a:lnTo>
                <a:lnTo>
                  <a:pt x="14471" y="1790"/>
                </a:lnTo>
                <a:lnTo>
                  <a:pt x="14487" y="1786"/>
                </a:lnTo>
                <a:lnTo>
                  <a:pt x="14502" y="1782"/>
                </a:lnTo>
                <a:lnTo>
                  <a:pt x="14517" y="1777"/>
                </a:lnTo>
                <a:lnTo>
                  <a:pt x="14531" y="1770"/>
                </a:lnTo>
                <a:lnTo>
                  <a:pt x="14543" y="1765"/>
                </a:lnTo>
                <a:lnTo>
                  <a:pt x="14556" y="1757"/>
                </a:lnTo>
                <a:lnTo>
                  <a:pt x="14568" y="1751"/>
                </a:lnTo>
                <a:lnTo>
                  <a:pt x="14579" y="1743"/>
                </a:lnTo>
                <a:lnTo>
                  <a:pt x="14588" y="1735"/>
                </a:lnTo>
                <a:lnTo>
                  <a:pt x="14598" y="1726"/>
                </a:lnTo>
                <a:lnTo>
                  <a:pt x="14607" y="1718"/>
                </a:lnTo>
                <a:lnTo>
                  <a:pt x="14614" y="1708"/>
                </a:lnTo>
                <a:lnTo>
                  <a:pt x="14620" y="1699"/>
                </a:lnTo>
                <a:lnTo>
                  <a:pt x="14627" y="1688"/>
                </a:lnTo>
                <a:lnTo>
                  <a:pt x="14632" y="1677"/>
                </a:lnTo>
                <a:lnTo>
                  <a:pt x="14638" y="1665"/>
                </a:lnTo>
                <a:lnTo>
                  <a:pt x="14642" y="1654"/>
                </a:lnTo>
                <a:lnTo>
                  <a:pt x="14645" y="1641"/>
                </a:lnTo>
                <a:lnTo>
                  <a:pt x="14647" y="1628"/>
                </a:lnTo>
                <a:lnTo>
                  <a:pt x="14649" y="1614"/>
                </a:lnTo>
                <a:lnTo>
                  <a:pt x="14650" y="1600"/>
                </a:lnTo>
                <a:lnTo>
                  <a:pt x="14650" y="1586"/>
                </a:lnTo>
                <a:lnTo>
                  <a:pt x="14650" y="1568"/>
                </a:lnTo>
                <a:lnTo>
                  <a:pt x="14648" y="1551"/>
                </a:lnTo>
                <a:lnTo>
                  <a:pt x="14645" y="1535"/>
                </a:lnTo>
                <a:lnTo>
                  <a:pt x="14641" y="1519"/>
                </a:lnTo>
                <a:lnTo>
                  <a:pt x="14634" y="1504"/>
                </a:lnTo>
                <a:lnTo>
                  <a:pt x="14627" y="1490"/>
                </a:lnTo>
                <a:lnTo>
                  <a:pt x="14618" y="1476"/>
                </a:lnTo>
                <a:lnTo>
                  <a:pt x="14608" y="1464"/>
                </a:lnTo>
                <a:lnTo>
                  <a:pt x="14595" y="1452"/>
                </a:lnTo>
                <a:lnTo>
                  <a:pt x="14581" y="1440"/>
                </a:lnTo>
                <a:lnTo>
                  <a:pt x="14565" y="1429"/>
                </a:lnTo>
                <a:lnTo>
                  <a:pt x="14547" y="1420"/>
                </a:lnTo>
                <a:lnTo>
                  <a:pt x="14526" y="1411"/>
                </a:lnTo>
                <a:lnTo>
                  <a:pt x="14504" y="1404"/>
                </a:lnTo>
                <a:lnTo>
                  <a:pt x="14479" y="1396"/>
                </a:lnTo>
                <a:lnTo>
                  <a:pt x="14452" y="1390"/>
                </a:lnTo>
                <a:close/>
                <a:moveTo>
                  <a:pt x="14212" y="1677"/>
                </a:moveTo>
                <a:lnTo>
                  <a:pt x="14048" y="1677"/>
                </a:lnTo>
                <a:lnTo>
                  <a:pt x="14048" y="1461"/>
                </a:lnTo>
                <a:lnTo>
                  <a:pt x="14219" y="1461"/>
                </a:lnTo>
                <a:lnTo>
                  <a:pt x="14245" y="1463"/>
                </a:lnTo>
                <a:lnTo>
                  <a:pt x="14270" y="1464"/>
                </a:lnTo>
                <a:lnTo>
                  <a:pt x="14291" y="1466"/>
                </a:lnTo>
                <a:lnTo>
                  <a:pt x="14310" y="1468"/>
                </a:lnTo>
                <a:lnTo>
                  <a:pt x="14328" y="1472"/>
                </a:lnTo>
                <a:lnTo>
                  <a:pt x="14344" y="1476"/>
                </a:lnTo>
                <a:lnTo>
                  <a:pt x="14358" y="1482"/>
                </a:lnTo>
                <a:lnTo>
                  <a:pt x="14370" y="1488"/>
                </a:lnTo>
                <a:lnTo>
                  <a:pt x="14381" y="1495"/>
                </a:lnTo>
                <a:lnTo>
                  <a:pt x="14390" y="1502"/>
                </a:lnTo>
                <a:lnTo>
                  <a:pt x="14397" y="1511"/>
                </a:lnTo>
                <a:lnTo>
                  <a:pt x="14403" y="1520"/>
                </a:lnTo>
                <a:lnTo>
                  <a:pt x="14408" y="1530"/>
                </a:lnTo>
                <a:lnTo>
                  <a:pt x="14411" y="1542"/>
                </a:lnTo>
                <a:lnTo>
                  <a:pt x="14413" y="1552"/>
                </a:lnTo>
                <a:lnTo>
                  <a:pt x="14413" y="1565"/>
                </a:lnTo>
                <a:lnTo>
                  <a:pt x="14413" y="1579"/>
                </a:lnTo>
                <a:lnTo>
                  <a:pt x="14411" y="1593"/>
                </a:lnTo>
                <a:lnTo>
                  <a:pt x="14406" y="1605"/>
                </a:lnTo>
                <a:lnTo>
                  <a:pt x="14402" y="1616"/>
                </a:lnTo>
                <a:lnTo>
                  <a:pt x="14396" y="1626"/>
                </a:lnTo>
                <a:lnTo>
                  <a:pt x="14387" y="1636"/>
                </a:lnTo>
                <a:lnTo>
                  <a:pt x="14378" y="1643"/>
                </a:lnTo>
                <a:lnTo>
                  <a:pt x="14366" y="1651"/>
                </a:lnTo>
                <a:lnTo>
                  <a:pt x="14353" y="1657"/>
                </a:lnTo>
                <a:lnTo>
                  <a:pt x="14338" y="1662"/>
                </a:lnTo>
                <a:lnTo>
                  <a:pt x="14322" y="1668"/>
                </a:lnTo>
                <a:lnTo>
                  <a:pt x="14304" y="1671"/>
                </a:lnTo>
                <a:lnTo>
                  <a:pt x="14283" y="1674"/>
                </a:lnTo>
                <a:lnTo>
                  <a:pt x="14262" y="1676"/>
                </a:lnTo>
                <a:lnTo>
                  <a:pt x="14237" y="1677"/>
                </a:lnTo>
                <a:lnTo>
                  <a:pt x="14212" y="1677"/>
                </a:lnTo>
                <a:close/>
                <a:moveTo>
                  <a:pt x="14379" y="1234"/>
                </a:moveTo>
                <a:lnTo>
                  <a:pt x="14379" y="1247"/>
                </a:lnTo>
                <a:lnTo>
                  <a:pt x="14377" y="1258"/>
                </a:lnTo>
                <a:lnTo>
                  <a:pt x="14373" y="1269"/>
                </a:lnTo>
                <a:lnTo>
                  <a:pt x="14369" y="1280"/>
                </a:lnTo>
                <a:lnTo>
                  <a:pt x="14363" y="1289"/>
                </a:lnTo>
                <a:lnTo>
                  <a:pt x="14356" y="1298"/>
                </a:lnTo>
                <a:lnTo>
                  <a:pt x="14347" y="1305"/>
                </a:lnTo>
                <a:lnTo>
                  <a:pt x="14336" y="1313"/>
                </a:lnTo>
                <a:lnTo>
                  <a:pt x="14324" y="1318"/>
                </a:lnTo>
                <a:lnTo>
                  <a:pt x="14310" y="1324"/>
                </a:lnTo>
                <a:lnTo>
                  <a:pt x="14293" y="1328"/>
                </a:lnTo>
                <a:lnTo>
                  <a:pt x="14276" y="1332"/>
                </a:lnTo>
                <a:lnTo>
                  <a:pt x="14256" y="1335"/>
                </a:lnTo>
                <a:lnTo>
                  <a:pt x="14233" y="1336"/>
                </a:lnTo>
                <a:lnTo>
                  <a:pt x="14209" y="1339"/>
                </a:lnTo>
                <a:lnTo>
                  <a:pt x="14182" y="1339"/>
                </a:lnTo>
                <a:lnTo>
                  <a:pt x="14048" y="1339"/>
                </a:lnTo>
                <a:lnTo>
                  <a:pt x="14048" y="1140"/>
                </a:lnTo>
                <a:lnTo>
                  <a:pt x="14178" y="1140"/>
                </a:lnTo>
                <a:lnTo>
                  <a:pt x="14203" y="1140"/>
                </a:lnTo>
                <a:lnTo>
                  <a:pt x="14227" y="1141"/>
                </a:lnTo>
                <a:lnTo>
                  <a:pt x="14248" y="1142"/>
                </a:lnTo>
                <a:lnTo>
                  <a:pt x="14268" y="1144"/>
                </a:lnTo>
                <a:lnTo>
                  <a:pt x="14287" y="1147"/>
                </a:lnTo>
                <a:lnTo>
                  <a:pt x="14303" y="1151"/>
                </a:lnTo>
                <a:lnTo>
                  <a:pt x="14318" y="1155"/>
                </a:lnTo>
                <a:lnTo>
                  <a:pt x="14331" y="1160"/>
                </a:lnTo>
                <a:lnTo>
                  <a:pt x="14342" y="1166"/>
                </a:lnTo>
                <a:lnTo>
                  <a:pt x="14352" y="1173"/>
                </a:lnTo>
                <a:lnTo>
                  <a:pt x="14360" y="1180"/>
                </a:lnTo>
                <a:lnTo>
                  <a:pt x="14367" y="1189"/>
                </a:lnTo>
                <a:lnTo>
                  <a:pt x="14372" y="1199"/>
                </a:lnTo>
                <a:lnTo>
                  <a:pt x="14375" y="1209"/>
                </a:lnTo>
                <a:lnTo>
                  <a:pt x="14378" y="1221"/>
                </a:lnTo>
                <a:lnTo>
                  <a:pt x="14379" y="1234"/>
                </a:lnTo>
                <a:close/>
                <a:moveTo>
                  <a:pt x="1412" y="481"/>
                </a:moveTo>
                <a:lnTo>
                  <a:pt x="1012" y="481"/>
                </a:lnTo>
                <a:lnTo>
                  <a:pt x="1012" y="1410"/>
                </a:lnTo>
                <a:lnTo>
                  <a:pt x="1412" y="1011"/>
                </a:lnTo>
                <a:lnTo>
                  <a:pt x="1412" y="481"/>
                </a:lnTo>
                <a:close/>
                <a:moveTo>
                  <a:pt x="482" y="0"/>
                </a:moveTo>
                <a:lnTo>
                  <a:pt x="482" y="400"/>
                </a:lnTo>
                <a:lnTo>
                  <a:pt x="1412" y="400"/>
                </a:lnTo>
                <a:lnTo>
                  <a:pt x="1012" y="0"/>
                </a:lnTo>
                <a:lnTo>
                  <a:pt x="482" y="0"/>
                </a:lnTo>
                <a:close/>
                <a:moveTo>
                  <a:pt x="931" y="1410"/>
                </a:moveTo>
                <a:lnTo>
                  <a:pt x="931" y="1011"/>
                </a:lnTo>
                <a:lnTo>
                  <a:pt x="0" y="1011"/>
                </a:lnTo>
                <a:lnTo>
                  <a:pt x="400" y="1410"/>
                </a:lnTo>
                <a:lnTo>
                  <a:pt x="931" y="1410"/>
                </a:lnTo>
                <a:close/>
                <a:moveTo>
                  <a:pt x="0" y="930"/>
                </a:moveTo>
                <a:lnTo>
                  <a:pt x="400" y="930"/>
                </a:lnTo>
                <a:lnTo>
                  <a:pt x="400" y="0"/>
                </a:lnTo>
                <a:lnTo>
                  <a:pt x="0" y="400"/>
                </a:lnTo>
                <a:lnTo>
                  <a:pt x="0" y="930"/>
                </a:lnTo>
                <a:close/>
                <a:moveTo>
                  <a:pt x="2765" y="1262"/>
                </a:moveTo>
                <a:lnTo>
                  <a:pt x="2765" y="1272"/>
                </a:lnTo>
                <a:lnTo>
                  <a:pt x="2764" y="1283"/>
                </a:lnTo>
                <a:lnTo>
                  <a:pt x="2762" y="1294"/>
                </a:lnTo>
                <a:lnTo>
                  <a:pt x="2758" y="1305"/>
                </a:lnTo>
                <a:lnTo>
                  <a:pt x="2754" y="1316"/>
                </a:lnTo>
                <a:lnTo>
                  <a:pt x="2749" y="1327"/>
                </a:lnTo>
                <a:lnTo>
                  <a:pt x="2741" y="1338"/>
                </a:lnTo>
                <a:lnTo>
                  <a:pt x="2733" y="1347"/>
                </a:lnTo>
                <a:lnTo>
                  <a:pt x="2723" y="1357"/>
                </a:lnTo>
                <a:lnTo>
                  <a:pt x="2711" y="1365"/>
                </a:lnTo>
                <a:lnTo>
                  <a:pt x="2697" y="1374"/>
                </a:lnTo>
                <a:lnTo>
                  <a:pt x="2681" y="1380"/>
                </a:lnTo>
                <a:lnTo>
                  <a:pt x="2663" y="1386"/>
                </a:lnTo>
                <a:lnTo>
                  <a:pt x="2643" y="1390"/>
                </a:lnTo>
                <a:lnTo>
                  <a:pt x="2620" y="1392"/>
                </a:lnTo>
                <a:lnTo>
                  <a:pt x="2596" y="1393"/>
                </a:lnTo>
                <a:lnTo>
                  <a:pt x="2427" y="1393"/>
                </a:lnTo>
                <a:lnTo>
                  <a:pt x="2427" y="1144"/>
                </a:lnTo>
                <a:lnTo>
                  <a:pt x="2596" y="1144"/>
                </a:lnTo>
                <a:lnTo>
                  <a:pt x="2620" y="1144"/>
                </a:lnTo>
                <a:lnTo>
                  <a:pt x="2643" y="1146"/>
                </a:lnTo>
                <a:lnTo>
                  <a:pt x="2663" y="1151"/>
                </a:lnTo>
                <a:lnTo>
                  <a:pt x="2681" y="1155"/>
                </a:lnTo>
                <a:lnTo>
                  <a:pt x="2697" y="1161"/>
                </a:lnTo>
                <a:lnTo>
                  <a:pt x="2711" y="1168"/>
                </a:lnTo>
                <a:lnTo>
                  <a:pt x="2723" y="1175"/>
                </a:lnTo>
                <a:lnTo>
                  <a:pt x="2733" y="1184"/>
                </a:lnTo>
                <a:lnTo>
                  <a:pt x="2741" y="1192"/>
                </a:lnTo>
                <a:lnTo>
                  <a:pt x="2749" y="1202"/>
                </a:lnTo>
                <a:lnTo>
                  <a:pt x="2754" y="1211"/>
                </a:lnTo>
                <a:lnTo>
                  <a:pt x="2758" y="1222"/>
                </a:lnTo>
                <a:lnTo>
                  <a:pt x="2762" y="1232"/>
                </a:lnTo>
                <a:lnTo>
                  <a:pt x="2764" y="1242"/>
                </a:lnTo>
                <a:lnTo>
                  <a:pt x="2765" y="1252"/>
                </a:lnTo>
                <a:lnTo>
                  <a:pt x="2765" y="1262"/>
                </a:lnTo>
                <a:close/>
                <a:moveTo>
                  <a:pt x="2580" y="1011"/>
                </a:moveTo>
                <a:lnTo>
                  <a:pt x="2190" y="1011"/>
                </a:lnTo>
                <a:lnTo>
                  <a:pt x="2190" y="1812"/>
                </a:lnTo>
                <a:lnTo>
                  <a:pt x="2427" y="1812"/>
                </a:lnTo>
                <a:lnTo>
                  <a:pt x="2427" y="1528"/>
                </a:lnTo>
                <a:lnTo>
                  <a:pt x="2629" y="1528"/>
                </a:lnTo>
                <a:lnTo>
                  <a:pt x="2650" y="1528"/>
                </a:lnTo>
                <a:lnTo>
                  <a:pt x="2672" y="1527"/>
                </a:lnTo>
                <a:lnTo>
                  <a:pt x="2692" y="1524"/>
                </a:lnTo>
                <a:lnTo>
                  <a:pt x="2712" y="1522"/>
                </a:lnTo>
                <a:lnTo>
                  <a:pt x="2732" y="1520"/>
                </a:lnTo>
                <a:lnTo>
                  <a:pt x="2750" y="1516"/>
                </a:lnTo>
                <a:lnTo>
                  <a:pt x="2768" y="1513"/>
                </a:lnTo>
                <a:lnTo>
                  <a:pt x="2785" y="1507"/>
                </a:lnTo>
                <a:lnTo>
                  <a:pt x="2802" y="1502"/>
                </a:lnTo>
                <a:lnTo>
                  <a:pt x="2818" y="1497"/>
                </a:lnTo>
                <a:lnTo>
                  <a:pt x="2834" y="1490"/>
                </a:lnTo>
                <a:lnTo>
                  <a:pt x="2849" y="1484"/>
                </a:lnTo>
                <a:lnTo>
                  <a:pt x="2863" y="1476"/>
                </a:lnTo>
                <a:lnTo>
                  <a:pt x="2877" y="1469"/>
                </a:lnTo>
                <a:lnTo>
                  <a:pt x="2890" y="1461"/>
                </a:lnTo>
                <a:lnTo>
                  <a:pt x="2903" y="1453"/>
                </a:lnTo>
                <a:lnTo>
                  <a:pt x="2915" y="1443"/>
                </a:lnTo>
                <a:lnTo>
                  <a:pt x="2925" y="1434"/>
                </a:lnTo>
                <a:lnTo>
                  <a:pt x="2935" y="1424"/>
                </a:lnTo>
                <a:lnTo>
                  <a:pt x="2945" y="1413"/>
                </a:lnTo>
                <a:lnTo>
                  <a:pt x="2954" y="1404"/>
                </a:lnTo>
                <a:lnTo>
                  <a:pt x="2962" y="1392"/>
                </a:lnTo>
                <a:lnTo>
                  <a:pt x="2969" y="1381"/>
                </a:lnTo>
                <a:lnTo>
                  <a:pt x="2976" y="1370"/>
                </a:lnTo>
                <a:lnTo>
                  <a:pt x="2982" y="1358"/>
                </a:lnTo>
                <a:lnTo>
                  <a:pt x="2987" y="1345"/>
                </a:lnTo>
                <a:lnTo>
                  <a:pt x="2992" y="1332"/>
                </a:lnTo>
                <a:lnTo>
                  <a:pt x="2995" y="1319"/>
                </a:lnTo>
                <a:lnTo>
                  <a:pt x="2998" y="1307"/>
                </a:lnTo>
                <a:lnTo>
                  <a:pt x="3000" y="1293"/>
                </a:lnTo>
                <a:lnTo>
                  <a:pt x="3001" y="1280"/>
                </a:lnTo>
                <a:lnTo>
                  <a:pt x="3001" y="1266"/>
                </a:lnTo>
                <a:lnTo>
                  <a:pt x="3001" y="1250"/>
                </a:lnTo>
                <a:lnTo>
                  <a:pt x="3000" y="1236"/>
                </a:lnTo>
                <a:lnTo>
                  <a:pt x="2998" y="1221"/>
                </a:lnTo>
                <a:lnTo>
                  <a:pt x="2996" y="1207"/>
                </a:lnTo>
                <a:lnTo>
                  <a:pt x="2992" y="1193"/>
                </a:lnTo>
                <a:lnTo>
                  <a:pt x="2989" y="1180"/>
                </a:lnTo>
                <a:lnTo>
                  <a:pt x="2983" y="1168"/>
                </a:lnTo>
                <a:lnTo>
                  <a:pt x="2978" y="1156"/>
                </a:lnTo>
                <a:lnTo>
                  <a:pt x="2971" y="1144"/>
                </a:lnTo>
                <a:lnTo>
                  <a:pt x="2964" y="1133"/>
                </a:lnTo>
                <a:lnTo>
                  <a:pt x="2955" y="1123"/>
                </a:lnTo>
                <a:lnTo>
                  <a:pt x="2947" y="1112"/>
                </a:lnTo>
                <a:lnTo>
                  <a:pt x="2937" y="1102"/>
                </a:lnTo>
                <a:lnTo>
                  <a:pt x="2926" y="1093"/>
                </a:lnTo>
                <a:lnTo>
                  <a:pt x="2915" y="1084"/>
                </a:lnTo>
                <a:lnTo>
                  <a:pt x="2903" y="1076"/>
                </a:lnTo>
                <a:lnTo>
                  <a:pt x="2889" y="1068"/>
                </a:lnTo>
                <a:lnTo>
                  <a:pt x="2875" y="1061"/>
                </a:lnTo>
                <a:lnTo>
                  <a:pt x="2860" y="1054"/>
                </a:lnTo>
                <a:lnTo>
                  <a:pt x="2844" y="1048"/>
                </a:lnTo>
                <a:lnTo>
                  <a:pt x="2828" y="1042"/>
                </a:lnTo>
                <a:lnTo>
                  <a:pt x="2810" y="1036"/>
                </a:lnTo>
                <a:lnTo>
                  <a:pt x="2792" y="1032"/>
                </a:lnTo>
                <a:lnTo>
                  <a:pt x="2771" y="1028"/>
                </a:lnTo>
                <a:lnTo>
                  <a:pt x="2751" y="1023"/>
                </a:lnTo>
                <a:lnTo>
                  <a:pt x="2730" y="1020"/>
                </a:lnTo>
                <a:lnTo>
                  <a:pt x="2707" y="1017"/>
                </a:lnTo>
                <a:lnTo>
                  <a:pt x="2684" y="1015"/>
                </a:lnTo>
                <a:lnTo>
                  <a:pt x="2659" y="1013"/>
                </a:lnTo>
                <a:lnTo>
                  <a:pt x="2633" y="1012"/>
                </a:lnTo>
                <a:lnTo>
                  <a:pt x="2607" y="1011"/>
                </a:lnTo>
                <a:lnTo>
                  <a:pt x="2580" y="1011"/>
                </a:lnTo>
                <a:close/>
                <a:moveTo>
                  <a:pt x="8021" y="1178"/>
                </a:moveTo>
                <a:lnTo>
                  <a:pt x="8005" y="1179"/>
                </a:lnTo>
                <a:lnTo>
                  <a:pt x="7988" y="1180"/>
                </a:lnTo>
                <a:lnTo>
                  <a:pt x="7972" y="1183"/>
                </a:lnTo>
                <a:lnTo>
                  <a:pt x="7955" y="1185"/>
                </a:lnTo>
                <a:lnTo>
                  <a:pt x="7939" y="1188"/>
                </a:lnTo>
                <a:lnTo>
                  <a:pt x="7924" y="1191"/>
                </a:lnTo>
                <a:lnTo>
                  <a:pt x="7908" y="1195"/>
                </a:lnTo>
                <a:lnTo>
                  <a:pt x="7894" y="1201"/>
                </a:lnTo>
                <a:lnTo>
                  <a:pt x="7879" y="1206"/>
                </a:lnTo>
                <a:lnTo>
                  <a:pt x="7866" y="1211"/>
                </a:lnTo>
                <a:lnTo>
                  <a:pt x="7853" y="1218"/>
                </a:lnTo>
                <a:lnTo>
                  <a:pt x="7841" y="1225"/>
                </a:lnTo>
                <a:lnTo>
                  <a:pt x="7829" y="1232"/>
                </a:lnTo>
                <a:lnTo>
                  <a:pt x="7817" y="1240"/>
                </a:lnTo>
                <a:lnTo>
                  <a:pt x="7808" y="1248"/>
                </a:lnTo>
                <a:lnTo>
                  <a:pt x="7798" y="1256"/>
                </a:lnTo>
                <a:lnTo>
                  <a:pt x="7795" y="1256"/>
                </a:lnTo>
                <a:lnTo>
                  <a:pt x="7795" y="1191"/>
                </a:lnTo>
                <a:lnTo>
                  <a:pt x="7600" y="1191"/>
                </a:lnTo>
                <a:lnTo>
                  <a:pt x="7600" y="1812"/>
                </a:lnTo>
                <a:lnTo>
                  <a:pt x="7798" y="1812"/>
                </a:lnTo>
                <a:lnTo>
                  <a:pt x="7798" y="1387"/>
                </a:lnTo>
                <a:lnTo>
                  <a:pt x="7807" y="1377"/>
                </a:lnTo>
                <a:lnTo>
                  <a:pt x="7816" y="1369"/>
                </a:lnTo>
                <a:lnTo>
                  <a:pt x="7825" y="1360"/>
                </a:lnTo>
                <a:lnTo>
                  <a:pt x="7836" y="1354"/>
                </a:lnTo>
                <a:lnTo>
                  <a:pt x="7845" y="1346"/>
                </a:lnTo>
                <a:lnTo>
                  <a:pt x="7856" y="1341"/>
                </a:lnTo>
                <a:lnTo>
                  <a:pt x="7866" y="1335"/>
                </a:lnTo>
                <a:lnTo>
                  <a:pt x="7876" y="1330"/>
                </a:lnTo>
                <a:lnTo>
                  <a:pt x="7887" y="1327"/>
                </a:lnTo>
                <a:lnTo>
                  <a:pt x="7898" y="1324"/>
                </a:lnTo>
                <a:lnTo>
                  <a:pt x="7908" y="1320"/>
                </a:lnTo>
                <a:lnTo>
                  <a:pt x="7919" y="1318"/>
                </a:lnTo>
                <a:lnTo>
                  <a:pt x="7939" y="1315"/>
                </a:lnTo>
                <a:lnTo>
                  <a:pt x="7960" y="1314"/>
                </a:lnTo>
                <a:lnTo>
                  <a:pt x="7973" y="1315"/>
                </a:lnTo>
                <a:lnTo>
                  <a:pt x="7985" y="1315"/>
                </a:lnTo>
                <a:lnTo>
                  <a:pt x="7996" y="1316"/>
                </a:lnTo>
                <a:lnTo>
                  <a:pt x="8007" y="1318"/>
                </a:lnTo>
                <a:lnTo>
                  <a:pt x="8016" y="1320"/>
                </a:lnTo>
                <a:lnTo>
                  <a:pt x="8026" y="1324"/>
                </a:lnTo>
                <a:lnTo>
                  <a:pt x="8035" y="1327"/>
                </a:lnTo>
                <a:lnTo>
                  <a:pt x="8042" y="1330"/>
                </a:lnTo>
                <a:lnTo>
                  <a:pt x="8050" y="1334"/>
                </a:lnTo>
                <a:lnTo>
                  <a:pt x="8056" y="1339"/>
                </a:lnTo>
                <a:lnTo>
                  <a:pt x="8062" y="1344"/>
                </a:lnTo>
                <a:lnTo>
                  <a:pt x="8068" y="1349"/>
                </a:lnTo>
                <a:lnTo>
                  <a:pt x="8073" y="1355"/>
                </a:lnTo>
                <a:lnTo>
                  <a:pt x="8077" y="1361"/>
                </a:lnTo>
                <a:lnTo>
                  <a:pt x="8082" y="1367"/>
                </a:lnTo>
                <a:lnTo>
                  <a:pt x="8085" y="1375"/>
                </a:lnTo>
                <a:lnTo>
                  <a:pt x="8091" y="1389"/>
                </a:lnTo>
                <a:lnTo>
                  <a:pt x="8096" y="1405"/>
                </a:lnTo>
                <a:lnTo>
                  <a:pt x="8099" y="1423"/>
                </a:lnTo>
                <a:lnTo>
                  <a:pt x="8101" y="1441"/>
                </a:lnTo>
                <a:lnTo>
                  <a:pt x="8104" y="1481"/>
                </a:lnTo>
                <a:lnTo>
                  <a:pt x="8104" y="1523"/>
                </a:lnTo>
                <a:lnTo>
                  <a:pt x="8104" y="1812"/>
                </a:lnTo>
                <a:lnTo>
                  <a:pt x="8302" y="1812"/>
                </a:lnTo>
                <a:lnTo>
                  <a:pt x="8302" y="1458"/>
                </a:lnTo>
                <a:lnTo>
                  <a:pt x="8302" y="1433"/>
                </a:lnTo>
                <a:lnTo>
                  <a:pt x="8300" y="1407"/>
                </a:lnTo>
                <a:lnTo>
                  <a:pt x="8298" y="1382"/>
                </a:lnTo>
                <a:lnTo>
                  <a:pt x="8294" y="1358"/>
                </a:lnTo>
                <a:lnTo>
                  <a:pt x="8290" y="1345"/>
                </a:lnTo>
                <a:lnTo>
                  <a:pt x="8287" y="1333"/>
                </a:lnTo>
                <a:lnTo>
                  <a:pt x="8283" y="1321"/>
                </a:lnTo>
                <a:lnTo>
                  <a:pt x="8279" y="1310"/>
                </a:lnTo>
                <a:lnTo>
                  <a:pt x="8273" y="1299"/>
                </a:lnTo>
                <a:lnTo>
                  <a:pt x="8268" y="1288"/>
                </a:lnTo>
                <a:lnTo>
                  <a:pt x="8261" y="1278"/>
                </a:lnTo>
                <a:lnTo>
                  <a:pt x="8254" y="1267"/>
                </a:lnTo>
                <a:lnTo>
                  <a:pt x="8246" y="1257"/>
                </a:lnTo>
                <a:lnTo>
                  <a:pt x="8238" y="1249"/>
                </a:lnTo>
                <a:lnTo>
                  <a:pt x="8228" y="1239"/>
                </a:lnTo>
                <a:lnTo>
                  <a:pt x="8219" y="1232"/>
                </a:lnTo>
                <a:lnTo>
                  <a:pt x="8207" y="1223"/>
                </a:lnTo>
                <a:lnTo>
                  <a:pt x="8195" y="1216"/>
                </a:lnTo>
                <a:lnTo>
                  <a:pt x="8182" y="1209"/>
                </a:lnTo>
                <a:lnTo>
                  <a:pt x="8169" y="1203"/>
                </a:lnTo>
                <a:lnTo>
                  <a:pt x="8154" y="1198"/>
                </a:lnTo>
                <a:lnTo>
                  <a:pt x="8138" y="1193"/>
                </a:lnTo>
                <a:lnTo>
                  <a:pt x="8121" y="1189"/>
                </a:lnTo>
                <a:lnTo>
                  <a:pt x="8104" y="1185"/>
                </a:lnTo>
                <a:lnTo>
                  <a:pt x="8085" y="1183"/>
                </a:lnTo>
                <a:lnTo>
                  <a:pt x="8065" y="1180"/>
                </a:lnTo>
                <a:lnTo>
                  <a:pt x="8043" y="1179"/>
                </a:lnTo>
                <a:lnTo>
                  <a:pt x="8021" y="1178"/>
                </a:lnTo>
                <a:close/>
                <a:moveTo>
                  <a:pt x="3729" y="1580"/>
                </a:moveTo>
                <a:lnTo>
                  <a:pt x="3525" y="1011"/>
                </a:lnTo>
                <a:lnTo>
                  <a:pt x="3147" y="1011"/>
                </a:lnTo>
                <a:lnTo>
                  <a:pt x="3147" y="1812"/>
                </a:lnTo>
                <a:lnTo>
                  <a:pt x="3375" y="1812"/>
                </a:lnTo>
                <a:lnTo>
                  <a:pt x="3375" y="1177"/>
                </a:lnTo>
                <a:lnTo>
                  <a:pt x="3389" y="1177"/>
                </a:lnTo>
                <a:lnTo>
                  <a:pt x="3622" y="1812"/>
                </a:lnTo>
                <a:lnTo>
                  <a:pt x="3836" y="1812"/>
                </a:lnTo>
                <a:lnTo>
                  <a:pt x="4068" y="1177"/>
                </a:lnTo>
                <a:lnTo>
                  <a:pt x="4082" y="1177"/>
                </a:lnTo>
                <a:lnTo>
                  <a:pt x="4082" y="1812"/>
                </a:lnTo>
                <a:lnTo>
                  <a:pt x="4311" y="1812"/>
                </a:lnTo>
                <a:lnTo>
                  <a:pt x="4311" y="1011"/>
                </a:lnTo>
                <a:lnTo>
                  <a:pt x="3935" y="1011"/>
                </a:lnTo>
                <a:lnTo>
                  <a:pt x="3729" y="1580"/>
                </a:lnTo>
                <a:close/>
                <a:moveTo>
                  <a:pt x="5039" y="1501"/>
                </a:moveTo>
                <a:lnTo>
                  <a:pt x="5039" y="1523"/>
                </a:lnTo>
                <a:lnTo>
                  <a:pt x="5035" y="1545"/>
                </a:lnTo>
                <a:lnTo>
                  <a:pt x="5032" y="1565"/>
                </a:lnTo>
                <a:lnTo>
                  <a:pt x="5027" y="1584"/>
                </a:lnTo>
                <a:lnTo>
                  <a:pt x="5020" y="1601"/>
                </a:lnTo>
                <a:lnTo>
                  <a:pt x="5012" y="1618"/>
                </a:lnTo>
                <a:lnTo>
                  <a:pt x="5002" y="1635"/>
                </a:lnTo>
                <a:lnTo>
                  <a:pt x="4992" y="1648"/>
                </a:lnTo>
                <a:lnTo>
                  <a:pt x="4985" y="1655"/>
                </a:lnTo>
                <a:lnTo>
                  <a:pt x="4979" y="1661"/>
                </a:lnTo>
                <a:lnTo>
                  <a:pt x="4971" y="1667"/>
                </a:lnTo>
                <a:lnTo>
                  <a:pt x="4964" y="1672"/>
                </a:lnTo>
                <a:lnTo>
                  <a:pt x="4956" y="1677"/>
                </a:lnTo>
                <a:lnTo>
                  <a:pt x="4949" y="1682"/>
                </a:lnTo>
                <a:lnTo>
                  <a:pt x="4940" y="1686"/>
                </a:lnTo>
                <a:lnTo>
                  <a:pt x="4931" y="1690"/>
                </a:lnTo>
                <a:lnTo>
                  <a:pt x="4922" y="1693"/>
                </a:lnTo>
                <a:lnTo>
                  <a:pt x="4912" y="1696"/>
                </a:lnTo>
                <a:lnTo>
                  <a:pt x="4902" y="1699"/>
                </a:lnTo>
                <a:lnTo>
                  <a:pt x="4891" y="1701"/>
                </a:lnTo>
                <a:lnTo>
                  <a:pt x="4870" y="1704"/>
                </a:lnTo>
                <a:lnTo>
                  <a:pt x="4846" y="1704"/>
                </a:lnTo>
                <a:lnTo>
                  <a:pt x="4821" y="1704"/>
                </a:lnTo>
                <a:lnTo>
                  <a:pt x="4800" y="1701"/>
                </a:lnTo>
                <a:lnTo>
                  <a:pt x="4789" y="1699"/>
                </a:lnTo>
                <a:lnTo>
                  <a:pt x="4780" y="1696"/>
                </a:lnTo>
                <a:lnTo>
                  <a:pt x="4770" y="1693"/>
                </a:lnTo>
                <a:lnTo>
                  <a:pt x="4760" y="1690"/>
                </a:lnTo>
                <a:lnTo>
                  <a:pt x="4752" y="1686"/>
                </a:lnTo>
                <a:lnTo>
                  <a:pt x="4743" y="1682"/>
                </a:lnTo>
                <a:lnTo>
                  <a:pt x="4735" y="1677"/>
                </a:lnTo>
                <a:lnTo>
                  <a:pt x="4727" y="1672"/>
                </a:lnTo>
                <a:lnTo>
                  <a:pt x="4720" y="1667"/>
                </a:lnTo>
                <a:lnTo>
                  <a:pt x="4713" y="1661"/>
                </a:lnTo>
                <a:lnTo>
                  <a:pt x="4706" y="1655"/>
                </a:lnTo>
                <a:lnTo>
                  <a:pt x="4701" y="1648"/>
                </a:lnTo>
                <a:lnTo>
                  <a:pt x="4689" y="1635"/>
                </a:lnTo>
                <a:lnTo>
                  <a:pt x="4679" y="1618"/>
                </a:lnTo>
                <a:lnTo>
                  <a:pt x="4671" y="1601"/>
                </a:lnTo>
                <a:lnTo>
                  <a:pt x="4664" y="1584"/>
                </a:lnTo>
                <a:lnTo>
                  <a:pt x="4659" y="1565"/>
                </a:lnTo>
                <a:lnTo>
                  <a:pt x="4656" y="1545"/>
                </a:lnTo>
                <a:lnTo>
                  <a:pt x="4652" y="1523"/>
                </a:lnTo>
                <a:lnTo>
                  <a:pt x="4652" y="1501"/>
                </a:lnTo>
                <a:lnTo>
                  <a:pt x="4652" y="1479"/>
                </a:lnTo>
                <a:lnTo>
                  <a:pt x="4656" y="1457"/>
                </a:lnTo>
                <a:lnTo>
                  <a:pt x="4659" y="1437"/>
                </a:lnTo>
                <a:lnTo>
                  <a:pt x="4664" y="1418"/>
                </a:lnTo>
                <a:lnTo>
                  <a:pt x="4671" y="1399"/>
                </a:lnTo>
                <a:lnTo>
                  <a:pt x="4679" y="1383"/>
                </a:lnTo>
                <a:lnTo>
                  <a:pt x="4689" y="1367"/>
                </a:lnTo>
                <a:lnTo>
                  <a:pt x="4701" y="1354"/>
                </a:lnTo>
                <a:lnTo>
                  <a:pt x="4713" y="1341"/>
                </a:lnTo>
                <a:lnTo>
                  <a:pt x="4727" y="1329"/>
                </a:lnTo>
                <a:lnTo>
                  <a:pt x="4743" y="1319"/>
                </a:lnTo>
                <a:lnTo>
                  <a:pt x="4760" y="1312"/>
                </a:lnTo>
                <a:lnTo>
                  <a:pt x="4780" y="1305"/>
                </a:lnTo>
                <a:lnTo>
                  <a:pt x="4800" y="1300"/>
                </a:lnTo>
                <a:lnTo>
                  <a:pt x="4821" y="1298"/>
                </a:lnTo>
                <a:lnTo>
                  <a:pt x="4846" y="1297"/>
                </a:lnTo>
                <a:lnTo>
                  <a:pt x="4870" y="1298"/>
                </a:lnTo>
                <a:lnTo>
                  <a:pt x="4891" y="1300"/>
                </a:lnTo>
                <a:lnTo>
                  <a:pt x="4912" y="1305"/>
                </a:lnTo>
                <a:lnTo>
                  <a:pt x="4931" y="1312"/>
                </a:lnTo>
                <a:lnTo>
                  <a:pt x="4949" y="1319"/>
                </a:lnTo>
                <a:lnTo>
                  <a:pt x="4964" y="1329"/>
                </a:lnTo>
                <a:lnTo>
                  <a:pt x="4979" y="1341"/>
                </a:lnTo>
                <a:lnTo>
                  <a:pt x="4992" y="1354"/>
                </a:lnTo>
                <a:lnTo>
                  <a:pt x="5002" y="1367"/>
                </a:lnTo>
                <a:lnTo>
                  <a:pt x="5012" y="1383"/>
                </a:lnTo>
                <a:lnTo>
                  <a:pt x="5020" y="1399"/>
                </a:lnTo>
                <a:lnTo>
                  <a:pt x="5027" y="1418"/>
                </a:lnTo>
                <a:lnTo>
                  <a:pt x="5032" y="1437"/>
                </a:lnTo>
                <a:lnTo>
                  <a:pt x="5035" y="1457"/>
                </a:lnTo>
                <a:lnTo>
                  <a:pt x="5039" y="1479"/>
                </a:lnTo>
                <a:lnTo>
                  <a:pt x="5039" y="1501"/>
                </a:lnTo>
                <a:close/>
                <a:moveTo>
                  <a:pt x="5250" y="1501"/>
                </a:moveTo>
                <a:lnTo>
                  <a:pt x="5249" y="1481"/>
                </a:lnTo>
                <a:lnTo>
                  <a:pt x="5248" y="1461"/>
                </a:lnTo>
                <a:lnTo>
                  <a:pt x="5245" y="1442"/>
                </a:lnTo>
                <a:lnTo>
                  <a:pt x="5242" y="1424"/>
                </a:lnTo>
                <a:lnTo>
                  <a:pt x="5238" y="1406"/>
                </a:lnTo>
                <a:lnTo>
                  <a:pt x="5232" y="1389"/>
                </a:lnTo>
                <a:lnTo>
                  <a:pt x="5226" y="1372"/>
                </a:lnTo>
                <a:lnTo>
                  <a:pt x="5218" y="1357"/>
                </a:lnTo>
                <a:lnTo>
                  <a:pt x="5211" y="1341"/>
                </a:lnTo>
                <a:lnTo>
                  <a:pt x="5202" y="1327"/>
                </a:lnTo>
                <a:lnTo>
                  <a:pt x="5193" y="1313"/>
                </a:lnTo>
                <a:lnTo>
                  <a:pt x="5182" y="1300"/>
                </a:lnTo>
                <a:lnTo>
                  <a:pt x="5171" y="1287"/>
                </a:lnTo>
                <a:lnTo>
                  <a:pt x="5158" y="1276"/>
                </a:lnTo>
                <a:lnTo>
                  <a:pt x="5147" y="1264"/>
                </a:lnTo>
                <a:lnTo>
                  <a:pt x="5133" y="1253"/>
                </a:lnTo>
                <a:lnTo>
                  <a:pt x="5119" y="1244"/>
                </a:lnTo>
                <a:lnTo>
                  <a:pt x="5105" y="1234"/>
                </a:lnTo>
                <a:lnTo>
                  <a:pt x="5089" y="1225"/>
                </a:lnTo>
                <a:lnTo>
                  <a:pt x="5074" y="1217"/>
                </a:lnTo>
                <a:lnTo>
                  <a:pt x="5057" y="1209"/>
                </a:lnTo>
                <a:lnTo>
                  <a:pt x="5040" y="1203"/>
                </a:lnTo>
                <a:lnTo>
                  <a:pt x="5023" y="1197"/>
                </a:lnTo>
                <a:lnTo>
                  <a:pt x="5004" y="1191"/>
                </a:lnTo>
                <a:lnTo>
                  <a:pt x="4986" y="1187"/>
                </a:lnTo>
                <a:lnTo>
                  <a:pt x="4967" y="1183"/>
                </a:lnTo>
                <a:lnTo>
                  <a:pt x="4948" y="1178"/>
                </a:lnTo>
                <a:lnTo>
                  <a:pt x="4928" y="1176"/>
                </a:lnTo>
                <a:lnTo>
                  <a:pt x="4908" y="1174"/>
                </a:lnTo>
                <a:lnTo>
                  <a:pt x="4888" y="1172"/>
                </a:lnTo>
                <a:lnTo>
                  <a:pt x="4866" y="1171"/>
                </a:lnTo>
                <a:lnTo>
                  <a:pt x="4846" y="1171"/>
                </a:lnTo>
                <a:lnTo>
                  <a:pt x="4825" y="1171"/>
                </a:lnTo>
                <a:lnTo>
                  <a:pt x="4803" y="1172"/>
                </a:lnTo>
                <a:lnTo>
                  <a:pt x="4783" y="1174"/>
                </a:lnTo>
                <a:lnTo>
                  <a:pt x="4763" y="1176"/>
                </a:lnTo>
                <a:lnTo>
                  <a:pt x="4743" y="1178"/>
                </a:lnTo>
                <a:lnTo>
                  <a:pt x="4724" y="1183"/>
                </a:lnTo>
                <a:lnTo>
                  <a:pt x="4705" y="1187"/>
                </a:lnTo>
                <a:lnTo>
                  <a:pt x="4687" y="1191"/>
                </a:lnTo>
                <a:lnTo>
                  <a:pt x="4668" y="1197"/>
                </a:lnTo>
                <a:lnTo>
                  <a:pt x="4651" y="1203"/>
                </a:lnTo>
                <a:lnTo>
                  <a:pt x="4634" y="1209"/>
                </a:lnTo>
                <a:lnTo>
                  <a:pt x="4618" y="1217"/>
                </a:lnTo>
                <a:lnTo>
                  <a:pt x="4602" y="1225"/>
                </a:lnTo>
                <a:lnTo>
                  <a:pt x="4587" y="1234"/>
                </a:lnTo>
                <a:lnTo>
                  <a:pt x="4572" y="1244"/>
                </a:lnTo>
                <a:lnTo>
                  <a:pt x="4558" y="1253"/>
                </a:lnTo>
                <a:lnTo>
                  <a:pt x="4545" y="1264"/>
                </a:lnTo>
                <a:lnTo>
                  <a:pt x="4533" y="1276"/>
                </a:lnTo>
                <a:lnTo>
                  <a:pt x="4521" y="1287"/>
                </a:lnTo>
                <a:lnTo>
                  <a:pt x="4509" y="1300"/>
                </a:lnTo>
                <a:lnTo>
                  <a:pt x="4498" y="1313"/>
                </a:lnTo>
                <a:lnTo>
                  <a:pt x="4489" y="1327"/>
                </a:lnTo>
                <a:lnTo>
                  <a:pt x="4480" y="1341"/>
                </a:lnTo>
                <a:lnTo>
                  <a:pt x="4473" y="1357"/>
                </a:lnTo>
                <a:lnTo>
                  <a:pt x="4465" y="1372"/>
                </a:lnTo>
                <a:lnTo>
                  <a:pt x="4459" y="1389"/>
                </a:lnTo>
                <a:lnTo>
                  <a:pt x="4453" y="1406"/>
                </a:lnTo>
                <a:lnTo>
                  <a:pt x="4449" y="1424"/>
                </a:lnTo>
                <a:lnTo>
                  <a:pt x="4446" y="1442"/>
                </a:lnTo>
                <a:lnTo>
                  <a:pt x="4444" y="1461"/>
                </a:lnTo>
                <a:lnTo>
                  <a:pt x="4442" y="1481"/>
                </a:lnTo>
                <a:lnTo>
                  <a:pt x="4442" y="1501"/>
                </a:lnTo>
                <a:lnTo>
                  <a:pt x="4442" y="1521"/>
                </a:lnTo>
                <a:lnTo>
                  <a:pt x="4444" y="1541"/>
                </a:lnTo>
                <a:lnTo>
                  <a:pt x="4446" y="1560"/>
                </a:lnTo>
                <a:lnTo>
                  <a:pt x="4449" y="1578"/>
                </a:lnTo>
                <a:lnTo>
                  <a:pt x="4453" y="1596"/>
                </a:lnTo>
                <a:lnTo>
                  <a:pt x="4459" y="1613"/>
                </a:lnTo>
                <a:lnTo>
                  <a:pt x="4465" y="1629"/>
                </a:lnTo>
                <a:lnTo>
                  <a:pt x="4473" y="1645"/>
                </a:lnTo>
                <a:lnTo>
                  <a:pt x="4480" y="1660"/>
                </a:lnTo>
                <a:lnTo>
                  <a:pt x="4489" y="1675"/>
                </a:lnTo>
                <a:lnTo>
                  <a:pt x="4498" y="1689"/>
                </a:lnTo>
                <a:lnTo>
                  <a:pt x="4509" y="1702"/>
                </a:lnTo>
                <a:lnTo>
                  <a:pt x="4521" y="1715"/>
                </a:lnTo>
                <a:lnTo>
                  <a:pt x="4533" y="1726"/>
                </a:lnTo>
                <a:lnTo>
                  <a:pt x="4545" y="1738"/>
                </a:lnTo>
                <a:lnTo>
                  <a:pt x="4558" y="1749"/>
                </a:lnTo>
                <a:lnTo>
                  <a:pt x="4572" y="1758"/>
                </a:lnTo>
                <a:lnTo>
                  <a:pt x="4587" y="1768"/>
                </a:lnTo>
                <a:lnTo>
                  <a:pt x="4602" y="1777"/>
                </a:lnTo>
                <a:lnTo>
                  <a:pt x="4618" y="1784"/>
                </a:lnTo>
                <a:lnTo>
                  <a:pt x="4634" y="1792"/>
                </a:lnTo>
                <a:lnTo>
                  <a:pt x="4651" y="1799"/>
                </a:lnTo>
                <a:lnTo>
                  <a:pt x="4668" y="1805"/>
                </a:lnTo>
                <a:lnTo>
                  <a:pt x="4687" y="1811"/>
                </a:lnTo>
                <a:lnTo>
                  <a:pt x="4705" y="1815"/>
                </a:lnTo>
                <a:lnTo>
                  <a:pt x="4724" y="1819"/>
                </a:lnTo>
                <a:lnTo>
                  <a:pt x="4743" y="1823"/>
                </a:lnTo>
                <a:lnTo>
                  <a:pt x="4763" y="1826"/>
                </a:lnTo>
                <a:lnTo>
                  <a:pt x="4783" y="1828"/>
                </a:lnTo>
                <a:lnTo>
                  <a:pt x="4803" y="1830"/>
                </a:lnTo>
                <a:lnTo>
                  <a:pt x="4825" y="1831"/>
                </a:lnTo>
                <a:lnTo>
                  <a:pt x="4846" y="1831"/>
                </a:lnTo>
                <a:lnTo>
                  <a:pt x="4866" y="1831"/>
                </a:lnTo>
                <a:lnTo>
                  <a:pt x="4888" y="1830"/>
                </a:lnTo>
                <a:lnTo>
                  <a:pt x="4908" y="1828"/>
                </a:lnTo>
                <a:lnTo>
                  <a:pt x="4928" y="1826"/>
                </a:lnTo>
                <a:lnTo>
                  <a:pt x="4948" y="1823"/>
                </a:lnTo>
                <a:lnTo>
                  <a:pt x="4967" y="1819"/>
                </a:lnTo>
                <a:lnTo>
                  <a:pt x="4986" y="1815"/>
                </a:lnTo>
                <a:lnTo>
                  <a:pt x="5004" y="1811"/>
                </a:lnTo>
                <a:lnTo>
                  <a:pt x="5023" y="1805"/>
                </a:lnTo>
                <a:lnTo>
                  <a:pt x="5040" y="1799"/>
                </a:lnTo>
                <a:lnTo>
                  <a:pt x="5057" y="1792"/>
                </a:lnTo>
                <a:lnTo>
                  <a:pt x="5074" y="1784"/>
                </a:lnTo>
                <a:lnTo>
                  <a:pt x="5089" y="1777"/>
                </a:lnTo>
                <a:lnTo>
                  <a:pt x="5105" y="1768"/>
                </a:lnTo>
                <a:lnTo>
                  <a:pt x="5119" y="1758"/>
                </a:lnTo>
                <a:lnTo>
                  <a:pt x="5133" y="1749"/>
                </a:lnTo>
                <a:lnTo>
                  <a:pt x="5147" y="1738"/>
                </a:lnTo>
                <a:lnTo>
                  <a:pt x="5158" y="1726"/>
                </a:lnTo>
                <a:lnTo>
                  <a:pt x="5171" y="1715"/>
                </a:lnTo>
                <a:lnTo>
                  <a:pt x="5182" y="1702"/>
                </a:lnTo>
                <a:lnTo>
                  <a:pt x="5193" y="1689"/>
                </a:lnTo>
                <a:lnTo>
                  <a:pt x="5202" y="1675"/>
                </a:lnTo>
                <a:lnTo>
                  <a:pt x="5211" y="1660"/>
                </a:lnTo>
                <a:lnTo>
                  <a:pt x="5218" y="1645"/>
                </a:lnTo>
                <a:lnTo>
                  <a:pt x="5226" y="1629"/>
                </a:lnTo>
                <a:lnTo>
                  <a:pt x="5232" y="1613"/>
                </a:lnTo>
                <a:lnTo>
                  <a:pt x="5238" y="1596"/>
                </a:lnTo>
                <a:lnTo>
                  <a:pt x="5242" y="1578"/>
                </a:lnTo>
                <a:lnTo>
                  <a:pt x="5245" y="1560"/>
                </a:lnTo>
                <a:lnTo>
                  <a:pt x="5248" y="1541"/>
                </a:lnTo>
                <a:lnTo>
                  <a:pt x="5249" y="1521"/>
                </a:lnTo>
                <a:lnTo>
                  <a:pt x="5250" y="1501"/>
                </a:lnTo>
                <a:close/>
                <a:moveTo>
                  <a:pt x="6447" y="1191"/>
                </a:moveTo>
                <a:lnTo>
                  <a:pt x="6447" y="1251"/>
                </a:lnTo>
                <a:lnTo>
                  <a:pt x="6444" y="1251"/>
                </a:lnTo>
                <a:lnTo>
                  <a:pt x="6435" y="1244"/>
                </a:lnTo>
                <a:lnTo>
                  <a:pt x="6426" y="1236"/>
                </a:lnTo>
                <a:lnTo>
                  <a:pt x="6417" y="1229"/>
                </a:lnTo>
                <a:lnTo>
                  <a:pt x="6407" y="1222"/>
                </a:lnTo>
                <a:lnTo>
                  <a:pt x="6395" y="1216"/>
                </a:lnTo>
                <a:lnTo>
                  <a:pt x="6384" y="1209"/>
                </a:lnTo>
                <a:lnTo>
                  <a:pt x="6372" y="1204"/>
                </a:lnTo>
                <a:lnTo>
                  <a:pt x="6358" y="1199"/>
                </a:lnTo>
                <a:lnTo>
                  <a:pt x="6344" y="1194"/>
                </a:lnTo>
                <a:lnTo>
                  <a:pt x="6328" y="1190"/>
                </a:lnTo>
                <a:lnTo>
                  <a:pt x="6312" y="1187"/>
                </a:lnTo>
                <a:lnTo>
                  <a:pt x="6295" y="1184"/>
                </a:lnTo>
                <a:lnTo>
                  <a:pt x="6277" y="1182"/>
                </a:lnTo>
                <a:lnTo>
                  <a:pt x="6257" y="1180"/>
                </a:lnTo>
                <a:lnTo>
                  <a:pt x="6237" y="1179"/>
                </a:lnTo>
                <a:lnTo>
                  <a:pt x="6216" y="1178"/>
                </a:lnTo>
                <a:lnTo>
                  <a:pt x="6194" y="1179"/>
                </a:lnTo>
                <a:lnTo>
                  <a:pt x="6174" y="1180"/>
                </a:lnTo>
                <a:lnTo>
                  <a:pt x="6155" y="1183"/>
                </a:lnTo>
                <a:lnTo>
                  <a:pt x="6135" y="1186"/>
                </a:lnTo>
                <a:lnTo>
                  <a:pt x="6117" y="1190"/>
                </a:lnTo>
                <a:lnTo>
                  <a:pt x="6100" y="1195"/>
                </a:lnTo>
                <a:lnTo>
                  <a:pt x="6083" y="1201"/>
                </a:lnTo>
                <a:lnTo>
                  <a:pt x="6067" y="1207"/>
                </a:lnTo>
                <a:lnTo>
                  <a:pt x="6052" y="1215"/>
                </a:lnTo>
                <a:lnTo>
                  <a:pt x="6037" y="1222"/>
                </a:lnTo>
                <a:lnTo>
                  <a:pt x="6023" y="1231"/>
                </a:lnTo>
                <a:lnTo>
                  <a:pt x="6010" y="1239"/>
                </a:lnTo>
                <a:lnTo>
                  <a:pt x="5997" y="1249"/>
                </a:lnTo>
                <a:lnTo>
                  <a:pt x="5986" y="1260"/>
                </a:lnTo>
                <a:lnTo>
                  <a:pt x="5975" y="1270"/>
                </a:lnTo>
                <a:lnTo>
                  <a:pt x="5964" y="1281"/>
                </a:lnTo>
                <a:lnTo>
                  <a:pt x="5955" y="1293"/>
                </a:lnTo>
                <a:lnTo>
                  <a:pt x="5946" y="1305"/>
                </a:lnTo>
                <a:lnTo>
                  <a:pt x="5937" y="1317"/>
                </a:lnTo>
                <a:lnTo>
                  <a:pt x="5929" y="1330"/>
                </a:lnTo>
                <a:lnTo>
                  <a:pt x="5922" y="1343"/>
                </a:lnTo>
                <a:lnTo>
                  <a:pt x="5916" y="1357"/>
                </a:lnTo>
                <a:lnTo>
                  <a:pt x="5910" y="1371"/>
                </a:lnTo>
                <a:lnTo>
                  <a:pt x="5904" y="1383"/>
                </a:lnTo>
                <a:lnTo>
                  <a:pt x="5900" y="1398"/>
                </a:lnTo>
                <a:lnTo>
                  <a:pt x="5897" y="1412"/>
                </a:lnTo>
                <a:lnTo>
                  <a:pt x="5892" y="1426"/>
                </a:lnTo>
                <a:lnTo>
                  <a:pt x="5890" y="1440"/>
                </a:lnTo>
                <a:lnTo>
                  <a:pt x="5888" y="1455"/>
                </a:lnTo>
                <a:lnTo>
                  <a:pt x="5887" y="1469"/>
                </a:lnTo>
                <a:lnTo>
                  <a:pt x="5886" y="1484"/>
                </a:lnTo>
                <a:lnTo>
                  <a:pt x="5885" y="1498"/>
                </a:lnTo>
                <a:lnTo>
                  <a:pt x="5886" y="1515"/>
                </a:lnTo>
                <a:lnTo>
                  <a:pt x="5887" y="1531"/>
                </a:lnTo>
                <a:lnTo>
                  <a:pt x="5888" y="1547"/>
                </a:lnTo>
                <a:lnTo>
                  <a:pt x="5890" y="1563"/>
                </a:lnTo>
                <a:lnTo>
                  <a:pt x="5894" y="1578"/>
                </a:lnTo>
                <a:lnTo>
                  <a:pt x="5897" y="1593"/>
                </a:lnTo>
                <a:lnTo>
                  <a:pt x="5900" y="1608"/>
                </a:lnTo>
                <a:lnTo>
                  <a:pt x="5905" y="1622"/>
                </a:lnTo>
                <a:lnTo>
                  <a:pt x="5910" y="1636"/>
                </a:lnTo>
                <a:lnTo>
                  <a:pt x="5916" y="1649"/>
                </a:lnTo>
                <a:lnTo>
                  <a:pt x="5922" y="1663"/>
                </a:lnTo>
                <a:lnTo>
                  <a:pt x="5929" y="1675"/>
                </a:lnTo>
                <a:lnTo>
                  <a:pt x="5937" y="1688"/>
                </a:lnTo>
                <a:lnTo>
                  <a:pt x="5945" y="1700"/>
                </a:lnTo>
                <a:lnTo>
                  <a:pt x="5955" y="1711"/>
                </a:lnTo>
                <a:lnTo>
                  <a:pt x="5964" y="1722"/>
                </a:lnTo>
                <a:lnTo>
                  <a:pt x="5974" y="1733"/>
                </a:lnTo>
                <a:lnTo>
                  <a:pt x="5985" y="1742"/>
                </a:lnTo>
                <a:lnTo>
                  <a:pt x="5996" y="1752"/>
                </a:lnTo>
                <a:lnTo>
                  <a:pt x="6008" y="1761"/>
                </a:lnTo>
                <a:lnTo>
                  <a:pt x="6021" y="1769"/>
                </a:lnTo>
                <a:lnTo>
                  <a:pt x="6034" y="1777"/>
                </a:lnTo>
                <a:lnTo>
                  <a:pt x="6048" y="1783"/>
                </a:lnTo>
                <a:lnTo>
                  <a:pt x="6063" y="1789"/>
                </a:lnTo>
                <a:lnTo>
                  <a:pt x="6078" y="1796"/>
                </a:lnTo>
                <a:lnTo>
                  <a:pt x="6094" y="1801"/>
                </a:lnTo>
                <a:lnTo>
                  <a:pt x="6110" y="1805"/>
                </a:lnTo>
                <a:lnTo>
                  <a:pt x="6127" y="1810"/>
                </a:lnTo>
                <a:lnTo>
                  <a:pt x="6145" y="1813"/>
                </a:lnTo>
                <a:lnTo>
                  <a:pt x="6163" y="1815"/>
                </a:lnTo>
                <a:lnTo>
                  <a:pt x="6182" y="1817"/>
                </a:lnTo>
                <a:lnTo>
                  <a:pt x="6202" y="1818"/>
                </a:lnTo>
                <a:lnTo>
                  <a:pt x="6222" y="1818"/>
                </a:lnTo>
                <a:lnTo>
                  <a:pt x="6241" y="1817"/>
                </a:lnTo>
                <a:lnTo>
                  <a:pt x="6261" y="1815"/>
                </a:lnTo>
                <a:lnTo>
                  <a:pt x="6279" y="1813"/>
                </a:lnTo>
                <a:lnTo>
                  <a:pt x="6296" y="1809"/>
                </a:lnTo>
                <a:lnTo>
                  <a:pt x="6313" y="1804"/>
                </a:lnTo>
                <a:lnTo>
                  <a:pt x="6329" y="1799"/>
                </a:lnTo>
                <a:lnTo>
                  <a:pt x="6344" y="1794"/>
                </a:lnTo>
                <a:lnTo>
                  <a:pt x="6359" y="1787"/>
                </a:lnTo>
                <a:lnTo>
                  <a:pt x="6373" y="1781"/>
                </a:lnTo>
                <a:lnTo>
                  <a:pt x="6386" y="1773"/>
                </a:lnTo>
                <a:lnTo>
                  <a:pt x="6398" y="1767"/>
                </a:lnTo>
                <a:lnTo>
                  <a:pt x="6408" y="1760"/>
                </a:lnTo>
                <a:lnTo>
                  <a:pt x="6418" y="1752"/>
                </a:lnTo>
                <a:lnTo>
                  <a:pt x="6426" y="1745"/>
                </a:lnTo>
                <a:lnTo>
                  <a:pt x="6435" y="1737"/>
                </a:lnTo>
                <a:lnTo>
                  <a:pt x="6437" y="1737"/>
                </a:lnTo>
                <a:lnTo>
                  <a:pt x="6437" y="1738"/>
                </a:lnTo>
                <a:lnTo>
                  <a:pt x="6437" y="1739"/>
                </a:lnTo>
                <a:lnTo>
                  <a:pt x="6437" y="1742"/>
                </a:lnTo>
                <a:lnTo>
                  <a:pt x="6437" y="1746"/>
                </a:lnTo>
                <a:lnTo>
                  <a:pt x="6437" y="1750"/>
                </a:lnTo>
                <a:lnTo>
                  <a:pt x="6437" y="1754"/>
                </a:lnTo>
                <a:lnTo>
                  <a:pt x="6437" y="1758"/>
                </a:lnTo>
                <a:lnTo>
                  <a:pt x="6437" y="1764"/>
                </a:lnTo>
                <a:lnTo>
                  <a:pt x="6437" y="1781"/>
                </a:lnTo>
                <a:lnTo>
                  <a:pt x="6436" y="1799"/>
                </a:lnTo>
                <a:lnTo>
                  <a:pt x="6433" y="1816"/>
                </a:lnTo>
                <a:lnTo>
                  <a:pt x="6429" y="1833"/>
                </a:lnTo>
                <a:lnTo>
                  <a:pt x="6423" y="1849"/>
                </a:lnTo>
                <a:lnTo>
                  <a:pt x="6416" y="1865"/>
                </a:lnTo>
                <a:lnTo>
                  <a:pt x="6411" y="1873"/>
                </a:lnTo>
                <a:lnTo>
                  <a:pt x="6406" y="1880"/>
                </a:lnTo>
                <a:lnTo>
                  <a:pt x="6401" y="1887"/>
                </a:lnTo>
                <a:lnTo>
                  <a:pt x="6394" y="1893"/>
                </a:lnTo>
                <a:lnTo>
                  <a:pt x="6388" y="1901"/>
                </a:lnTo>
                <a:lnTo>
                  <a:pt x="6380" y="1906"/>
                </a:lnTo>
                <a:lnTo>
                  <a:pt x="6373" y="1912"/>
                </a:lnTo>
                <a:lnTo>
                  <a:pt x="6364" y="1918"/>
                </a:lnTo>
                <a:lnTo>
                  <a:pt x="6356" y="1923"/>
                </a:lnTo>
                <a:lnTo>
                  <a:pt x="6346" y="1927"/>
                </a:lnTo>
                <a:lnTo>
                  <a:pt x="6335" y="1932"/>
                </a:lnTo>
                <a:lnTo>
                  <a:pt x="6324" y="1936"/>
                </a:lnTo>
                <a:lnTo>
                  <a:pt x="6312" y="1940"/>
                </a:lnTo>
                <a:lnTo>
                  <a:pt x="6299" y="1943"/>
                </a:lnTo>
                <a:lnTo>
                  <a:pt x="6286" y="1945"/>
                </a:lnTo>
                <a:lnTo>
                  <a:pt x="6271" y="1948"/>
                </a:lnTo>
                <a:lnTo>
                  <a:pt x="6256" y="1950"/>
                </a:lnTo>
                <a:lnTo>
                  <a:pt x="6240" y="1951"/>
                </a:lnTo>
                <a:lnTo>
                  <a:pt x="6224" y="1952"/>
                </a:lnTo>
                <a:lnTo>
                  <a:pt x="6206" y="1952"/>
                </a:lnTo>
                <a:lnTo>
                  <a:pt x="6176" y="1952"/>
                </a:lnTo>
                <a:lnTo>
                  <a:pt x="6146" y="1950"/>
                </a:lnTo>
                <a:lnTo>
                  <a:pt x="6115" y="1945"/>
                </a:lnTo>
                <a:lnTo>
                  <a:pt x="6084" y="1940"/>
                </a:lnTo>
                <a:lnTo>
                  <a:pt x="6053" y="1934"/>
                </a:lnTo>
                <a:lnTo>
                  <a:pt x="6021" y="1924"/>
                </a:lnTo>
                <a:lnTo>
                  <a:pt x="6006" y="1919"/>
                </a:lnTo>
                <a:lnTo>
                  <a:pt x="5990" y="1913"/>
                </a:lnTo>
                <a:lnTo>
                  <a:pt x="5975" y="1906"/>
                </a:lnTo>
                <a:lnTo>
                  <a:pt x="5959" y="1899"/>
                </a:lnTo>
                <a:lnTo>
                  <a:pt x="5959" y="2043"/>
                </a:lnTo>
                <a:lnTo>
                  <a:pt x="5990" y="2052"/>
                </a:lnTo>
                <a:lnTo>
                  <a:pt x="6022" y="2060"/>
                </a:lnTo>
                <a:lnTo>
                  <a:pt x="6054" y="2066"/>
                </a:lnTo>
                <a:lnTo>
                  <a:pt x="6088" y="2071"/>
                </a:lnTo>
                <a:lnTo>
                  <a:pt x="6124" y="2076"/>
                </a:lnTo>
                <a:lnTo>
                  <a:pt x="6159" y="2078"/>
                </a:lnTo>
                <a:lnTo>
                  <a:pt x="6196" y="2080"/>
                </a:lnTo>
                <a:lnTo>
                  <a:pt x="6235" y="2080"/>
                </a:lnTo>
                <a:lnTo>
                  <a:pt x="6265" y="2080"/>
                </a:lnTo>
                <a:lnTo>
                  <a:pt x="6293" y="2078"/>
                </a:lnTo>
                <a:lnTo>
                  <a:pt x="6319" y="2076"/>
                </a:lnTo>
                <a:lnTo>
                  <a:pt x="6345" y="2073"/>
                </a:lnTo>
                <a:lnTo>
                  <a:pt x="6369" y="2068"/>
                </a:lnTo>
                <a:lnTo>
                  <a:pt x="6392" y="2063"/>
                </a:lnTo>
                <a:lnTo>
                  <a:pt x="6414" y="2056"/>
                </a:lnTo>
                <a:lnTo>
                  <a:pt x="6434" y="2050"/>
                </a:lnTo>
                <a:lnTo>
                  <a:pt x="6453" y="2043"/>
                </a:lnTo>
                <a:lnTo>
                  <a:pt x="6470" y="2034"/>
                </a:lnTo>
                <a:lnTo>
                  <a:pt x="6487" y="2026"/>
                </a:lnTo>
                <a:lnTo>
                  <a:pt x="6503" y="2016"/>
                </a:lnTo>
                <a:lnTo>
                  <a:pt x="6517" y="2005"/>
                </a:lnTo>
                <a:lnTo>
                  <a:pt x="6531" y="1995"/>
                </a:lnTo>
                <a:lnTo>
                  <a:pt x="6544" y="1984"/>
                </a:lnTo>
                <a:lnTo>
                  <a:pt x="6556" y="1972"/>
                </a:lnTo>
                <a:lnTo>
                  <a:pt x="6567" y="1959"/>
                </a:lnTo>
                <a:lnTo>
                  <a:pt x="6576" y="1946"/>
                </a:lnTo>
                <a:lnTo>
                  <a:pt x="6585" y="1934"/>
                </a:lnTo>
                <a:lnTo>
                  <a:pt x="6593" y="1920"/>
                </a:lnTo>
                <a:lnTo>
                  <a:pt x="6600" y="1906"/>
                </a:lnTo>
                <a:lnTo>
                  <a:pt x="6606" y="1892"/>
                </a:lnTo>
                <a:lnTo>
                  <a:pt x="6613" y="1877"/>
                </a:lnTo>
                <a:lnTo>
                  <a:pt x="6617" y="1862"/>
                </a:lnTo>
                <a:lnTo>
                  <a:pt x="6621" y="1847"/>
                </a:lnTo>
                <a:lnTo>
                  <a:pt x="6624" y="1832"/>
                </a:lnTo>
                <a:lnTo>
                  <a:pt x="6628" y="1816"/>
                </a:lnTo>
                <a:lnTo>
                  <a:pt x="6630" y="1801"/>
                </a:lnTo>
                <a:lnTo>
                  <a:pt x="6633" y="1769"/>
                </a:lnTo>
                <a:lnTo>
                  <a:pt x="6634" y="1738"/>
                </a:lnTo>
                <a:lnTo>
                  <a:pt x="6634" y="1191"/>
                </a:lnTo>
                <a:lnTo>
                  <a:pt x="6447" y="1191"/>
                </a:lnTo>
                <a:close/>
                <a:moveTo>
                  <a:pt x="6263" y="1687"/>
                </a:moveTo>
                <a:lnTo>
                  <a:pt x="6252" y="1687"/>
                </a:lnTo>
                <a:lnTo>
                  <a:pt x="6241" y="1686"/>
                </a:lnTo>
                <a:lnTo>
                  <a:pt x="6232" y="1685"/>
                </a:lnTo>
                <a:lnTo>
                  <a:pt x="6222" y="1683"/>
                </a:lnTo>
                <a:lnTo>
                  <a:pt x="6212" y="1680"/>
                </a:lnTo>
                <a:lnTo>
                  <a:pt x="6204" y="1678"/>
                </a:lnTo>
                <a:lnTo>
                  <a:pt x="6195" y="1675"/>
                </a:lnTo>
                <a:lnTo>
                  <a:pt x="6187" y="1671"/>
                </a:lnTo>
                <a:lnTo>
                  <a:pt x="6172" y="1662"/>
                </a:lnTo>
                <a:lnTo>
                  <a:pt x="6158" y="1653"/>
                </a:lnTo>
                <a:lnTo>
                  <a:pt x="6145" y="1642"/>
                </a:lnTo>
                <a:lnTo>
                  <a:pt x="6134" y="1629"/>
                </a:lnTo>
                <a:lnTo>
                  <a:pt x="6124" y="1615"/>
                </a:lnTo>
                <a:lnTo>
                  <a:pt x="6115" y="1601"/>
                </a:lnTo>
                <a:lnTo>
                  <a:pt x="6109" y="1585"/>
                </a:lnTo>
                <a:lnTo>
                  <a:pt x="6102" y="1569"/>
                </a:lnTo>
                <a:lnTo>
                  <a:pt x="6098" y="1552"/>
                </a:lnTo>
                <a:lnTo>
                  <a:pt x="6095" y="1535"/>
                </a:lnTo>
                <a:lnTo>
                  <a:pt x="6093" y="1518"/>
                </a:lnTo>
                <a:lnTo>
                  <a:pt x="6092" y="1500"/>
                </a:lnTo>
                <a:lnTo>
                  <a:pt x="6093" y="1483"/>
                </a:lnTo>
                <a:lnTo>
                  <a:pt x="6094" y="1465"/>
                </a:lnTo>
                <a:lnTo>
                  <a:pt x="6097" y="1448"/>
                </a:lnTo>
                <a:lnTo>
                  <a:pt x="6101" y="1430"/>
                </a:lnTo>
                <a:lnTo>
                  <a:pt x="6106" y="1413"/>
                </a:lnTo>
                <a:lnTo>
                  <a:pt x="6113" y="1397"/>
                </a:lnTo>
                <a:lnTo>
                  <a:pt x="6121" y="1382"/>
                </a:lnTo>
                <a:lnTo>
                  <a:pt x="6131" y="1367"/>
                </a:lnTo>
                <a:lnTo>
                  <a:pt x="6142" y="1355"/>
                </a:lnTo>
                <a:lnTo>
                  <a:pt x="6155" y="1343"/>
                </a:lnTo>
                <a:lnTo>
                  <a:pt x="6162" y="1338"/>
                </a:lnTo>
                <a:lnTo>
                  <a:pt x="6170" y="1332"/>
                </a:lnTo>
                <a:lnTo>
                  <a:pt x="6177" y="1327"/>
                </a:lnTo>
                <a:lnTo>
                  <a:pt x="6186" y="1323"/>
                </a:lnTo>
                <a:lnTo>
                  <a:pt x="6194" y="1319"/>
                </a:lnTo>
                <a:lnTo>
                  <a:pt x="6204" y="1316"/>
                </a:lnTo>
                <a:lnTo>
                  <a:pt x="6213" y="1313"/>
                </a:lnTo>
                <a:lnTo>
                  <a:pt x="6224" y="1311"/>
                </a:lnTo>
                <a:lnTo>
                  <a:pt x="6235" y="1309"/>
                </a:lnTo>
                <a:lnTo>
                  <a:pt x="6246" y="1307"/>
                </a:lnTo>
                <a:lnTo>
                  <a:pt x="6257" y="1307"/>
                </a:lnTo>
                <a:lnTo>
                  <a:pt x="6269" y="1305"/>
                </a:lnTo>
                <a:lnTo>
                  <a:pt x="6291" y="1307"/>
                </a:lnTo>
                <a:lnTo>
                  <a:pt x="6310" y="1310"/>
                </a:lnTo>
                <a:lnTo>
                  <a:pt x="6328" y="1314"/>
                </a:lnTo>
                <a:lnTo>
                  <a:pt x="6345" y="1320"/>
                </a:lnTo>
                <a:lnTo>
                  <a:pt x="6360" y="1329"/>
                </a:lnTo>
                <a:lnTo>
                  <a:pt x="6374" y="1339"/>
                </a:lnTo>
                <a:lnTo>
                  <a:pt x="6387" y="1349"/>
                </a:lnTo>
                <a:lnTo>
                  <a:pt x="6398" y="1362"/>
                </a:lnTo>
                <a:lnTo>
                  <a:pt x="6407" y="1375"/>
                </a:lnTo>
                <a:lnTo>
                  <a:pt x="6416" y="1390"/>
                </a:lnTo>
                <a:lnTo>
                  <a:pt x="6423" y="1406"/>
                </a:lnTo>
                <a:lnTo>
                  <a:pt x="6429" y="1423"/>
                </a:lnTo>
                <a:lnTo>
                  <a:pt x="6433" y="1440"/>
                </a:lnTo>
                <a:lnTo>
                  <a:pt x="6436" y="1458"/>
                </a:lnTo>
                <a:lnTo>
                  <a:pt x="6438" y="1477"/>
                </a:lnTo>
                <a:lnTo>
                  <a:pt x="6439" y="1497"/>
                </a:lnTo>
                <a:lnTo>
                  <a:pt x="6438" y="1514"/>
                </a:lnTo>
                <a:lnTo>
                  <a:pt x="6436" y="1531"/>
                </a:lnTo>
                <a:lnTo>
                  <a:pt x="6434" y="1548"/>
                </a:lnTo>
                <a:lnTo>
                  <a:pt x="6430" y="1564"/>
                </a:lnTo>
                <a:lnTo>
                  <a:pt x="6424" y="1581"/>
                </a:lnTo>
                <a:lnTo>
                  <a:pt x="6417" y="1596"/>
                </a:lnTo>
                <a:lnTo>
                  <a:pt x="6408" y="1611"/>
                </a:lnTo>
                <a:lnTo>
                  <a:pt x="6399" y="1626"/>
                </a:lnTo>
                <a:lnTo>
                  <a:pt x="6388" y="1639"/>
                </a:lnTo>
                <a:lnTo>
                  <a:pt x="6375" y="1651"/>
                </a:lnTo>
                <a:lnTo>
                  <a:pt x="6368" y="1656"/>
                </a:lnTo>
                <a:lnTo>
                  <a:pt x="6360" y="1661"/>
                </a:lnTo>
                <a:lnTo>
                  <a:pt x="6353" y="1665"/>
                </a:lnTo>
                <a:lnTo>
                  <a:pt x="6344" y="1670"/>
                </a:lnTo>
                <a:lnTo>
                  <a:pt x="6335" y="1674"/>
                </a:lnTo>
                <a:lnTo>
                  <a:pt x="6327" y="1677"/>
                </a:lnTo>
                <a:lnTo>
                  <a:pt x="6317" y="1680"/>
                </a:lnTo>
                <a:lnTo>
                  <a:pt x="6307" y="1683"/>
                </a:lnTo>
                <a:lnTo>
                  <a:pt x="6297" y="1685"/>
                </a:lnTo>
                <a:lnTo>
                  <a:pt x="6285" y="1686"/>
                </a:lnTo>
                <a:lnTo>
                  <a:pt x="6274" y="1687"/>
                </a:lnTo>
                <a:lnTo>
                  <a:pt x="6263" y="1687"/>
                </a:lnTo>
                <a:close/>
                <a:moveTo>
                  <a:pt x="7441" y="1422"/>
                </a:moveTo>
                <a:lnTo>
                  <a:pt x="7441" y="1407"/>
                </a:lnTo>
                <a:lnTo>
                  <a:pt x="7440" y="1393"/>
                </a:lnTo>
                <a:lnTo>
                  <a:pt x="7439" y="1379"/>
                </a:lnTo>
                <a:lnTo>
                  <a:pt x="7437" y="1365"/>
                </a:lnTo>
                <a:lnTo>
                  <a:pt x="7433" y="1352"/>
                </a:lnTo>
                <a:lnTo>
                  <a:pt x="7430" y="1340"/>
                </a:lnTo>
                <a:lnTo>
                  <a:pt x="7427" y="1328"/>
                </a:lnTo>
                <a:lnTo>
                  <a:pt x="7422" y="1316"/>
                </a:lnTo>
                <a:lnTo>
                  <a:pt x="7417" y="1305"/>
                </a:lnTo>
                <a:lnTo>
                  <a:pt x="7411" y="1295"/>
                </a:lnTo>
                <a:lnTo>
                  <a:pt x="7404" y="1284"/>
                </a:lnTo>
                <a:lnTo>
                  <a:pt x="7398" y="1274"/>
                </a:lnTo>
                <a:lnTo>
                  <a:pt x="7390" y="1265"/>
                </a:lnTo>
                <a:lnTo>
                  <a:pt x="7382" y="1256"/>
                </a:lnTo>
                <a:lnTo>
                  <a:pt x="7372" y="1248"/>
                </a:lnTo>
                <a:lnTo>
                  <a:pt x="7363" y="1240"/>
                </a:lnTo>
                <a:lnTo>
                  <a:pt x="7353" y="1233"/>
                </a:lnTo>
                <a:lnTo>
                  <a:pt x="7342" y="1226"/>
                </a:lnTo>
                <a:lnTo>
                  <a:pt x="7331" y="1220"/>
                </a:lnTo>
                <a:lnTo>
                  <a:pt x="7318" y="1214"/>
                </a:lnTo>
                <a:lnTo>
                  <a:pt x="7305" y="1208"/>
                </a:lnTo>
                <a:lnTo>
                  <a:pt x="7291" y="1203"/>
                </a:lnTo>
                <a:lnTo>
                  <a:pt x="7277" y="1199"/>
                </a:lnTo>
                <a:lnTo>
                  <a:pt x="7262" y="1194"/>
                </a:lnTo>
                <a:lnTo>
                  <a:pt x="7246" y="1191"/>
                </a:lnTo>
                <a:lnTo>
                  <a:pt x="7230" y="1188"/>
                </a:lnTo>
                <a:lnTo>
                  <a:pt x="7213" y="1185"/>
                </a:lnTo>
                <a:lnTo>
                  <a:pt x="7195" y="1183"/>
                </a:lnTo>
                <a:lnTo>
                  <a:pt x="7157" y="1179"/>
                </a:lnTo>
                <a:lnTo>
                  <a:pt x="7116" y="1178"/>
                </a:lnTo>
                <a:lnTo>
                  <a:pt x="7087" y="1179"/>
                </a:lnTo>
                <a:lnTo>
                  <a:pt x="7056" y="1180"/>
                </a:lnTo>
                <a:lnTo>
                  <a:pt x="7021" y="1183"/>
                </a:lnTo>
                <a:lnTo>
                  <a:pt x="6987" y="1186"/>
                </a:lnTo>
                <a:lnTo>
                  <a:pt x="6951" y="1190"/>
                </a:lnTo>
                <a:lnTo>
                  <a:pt x="6914" y="1197"/>
                </a:lnTo>
                <a:lnTo>
                  <a:pt x="6878" y="1203"/>
                </a:lnTo>
                <a:lnTo>
                  <a:pt x="6843" y="1211"/>
                </a:lnTo>
                <a:lnTo>
                  <a:pt x="6843" y="1335"/>
                </a:lnTo>
                <a:lnTo>
                  <a:pt x="6870" y="1327"/>
                </a:lnTo>
                <a:lnTo>
                  <a:pt x="6899" y="1318"/>
                </a:lnTo>
                <a:lnTo>
                  <a:pt x="6929" y="1312"/>
                </a:lnTo>
                <a:lnTo>
                  <a:pt x="6958" y="1307"/>
                </a:lnTo>
                <a:lnTo>
                  <a:pt x="6988" y="1302"/>
                </a:lnTo>
                <a:lnTo>
                  <a:pt x="7017" y="1299"/>
                </a:lnTo>
                <a:lnTo>
                  <a:pt x="7045" y="1297"/>
                </a:lnTo>
                <a:lnTo>
                  <a:pt x="7073" y="1297"/>
                </a:lnTo>
                <a:lnTo>
                  <a:pt x="7091" y="1297"/>
                </a:lnTo>
                <a:lnTo>
                  <a:pt x="7109" y="1297"/>
                </a:lnTo>
                <a:lnTo>
                  <a:pt x="7126" y="1299"/>
                </a:lnTo>
                <a:lnTo>
                  <a:pt x="7142" y="1300"/>
                </a:lnTo>
                <a:lnTo>
                  <a:pt x="7157" y="1303"/>
                </a:lnTo>
                <a:lnTo>
                  <a:pt x="7172" y="1308"/>
                </a:lnTo>
                <a:lnTo>
                  <a:pt x="7186" y="1312"/>
                </a:lnTo>
                <a:lnTo>
                  <a:pt x="7198" y="1318"/>
                </a:lnTo>
                <a:lnTo>
                  <a:pt x="7210" y="1327"/>
                </a:lnTo>
                <a:lnTo>
                  <a:pt x="7219" y="1335"/>
                </a:lnTo>
                <a:lnTo>
                  <a:pt x="7224" y="1341"/>
                </a:lnTo>
                <a:lnTo>
                  <a:pt x="7228" y="1347"/>
                </a:lnTo>
                <a:lnTo>
                  <a:pt x="7232" y="1354"/>
                </a:lnTo>
                <a:lnTo>
                  <a:pt x="7235" y="1360"/>
                </a:lnTo>
                <a:lnTo>
                  <a:pt x="7242" y="1375"/>
                </a:lnTo>
                <a:lnTo>
                  <a:pt x="7246" y="1392"/>
                </a:lnTo>
                <a:lnTo>
                  <a:pt x="7248" y="1412"/>
                </a:lnTo>
                <a:lnTo>
                  <a:pt x="7249" y="1434"/>
                </a:lnTo>
                <a:lnTo>
                  <a:pt x="7152" y="1434"/>
                </a:lnTo>
                <a:lnTo>
                  <a:pt x="7120" y="1435"/>
                </a:lnTo>
                <a:lnTo>
                  <a:pt x="7084" y="1436"/>
                </a:lnTo>
                <a:lnTo>
                  <a:pt x="7050" y="1438"/>
                </a:lnTo>
                <a:lnTo>
                  <a:pt x="7015" y="1440"/>
                </a:lnTo>
                <a:lnTo>
                  <a:pt x="6981" y="1444"/>
                </a:lnTo>
                <a:lnTo>
                  <a:pt x="6948" y="1450"/>
                </a:lnTo>
                <a:lnTo>
                  <a:pt x="6919" y="1455"/>
                </a:lnTo>
                <a:lnTo>
                  <a:pt x="6893" y="1463"/>
                </a:lnTo>
                <a:lnTo>
                  <a:pt x="6879" y="1467"/>
                </a:lnTo>
                <a:lnTo>
                  <a:pt x="6866" y="1473"/>
                </a:lnTo>
                <a:lnTo>
                  <a:pt x="6853" y="1479"/>
                </a:lnTo>
                <a:lnTo>
                  <a:pt x="6841" y="1486"/>
                </a:lnTo>
                <a:lnTo>
                  <a:pt x="6829" y="1493"/>
                </a:lnTo>
                <a:lnTo>
                  <a:pt x="6817" y="1501"/>
                </a:lnTo>
                <a:lnTo>
                  <a:pt x="6806" y="1511"/>
                </a:lnTo>
                <a:lnTo>
                  <a:pt x="6796" y="1520"/>
                </a:lnTo>
                <a:lnTo>
                  <a:pt x="6786" y="1531"/>
                </a:lnTo>
                <a:lnTo>
                  <a:pt x="6777" y="1543"/>
                </a:lnTo>
                <a:lnTo>
                  <a:pt x="6771" y="1554"/>
                </a:lnTo>
                <a:lnTo>
                  <a:pt x="6765" y="1567"/>
                </a:lnTo>
                <a:lnTo>
                  <a:pt x="6759" y="1581"/>
                </a:lnTo>
                <a:lnTo>
                  <a:pt x="6756" y="1596"/>
                </a:lnTo>
                <a:lnTo>
                  <a:pt x="6753" y="1611"/>
                </a:lnTo>
                <a:lnTo>
                  <a:pt x="6753" y="1628"/>
                </a:lnTo>
                <a:lnTo>
                  <a:pt x="6753" y="1641"/>
                </a:lnTo>
                <a:lnTo>
                  <a:pt x="6754" y="1654"/>
                </a:lnTo>
                <a:lnTo>
                  <a:pt x="6756" y="1667"/>
                </a:lnTo>
                <a:lnTo>
                  <a:pt x="6758" y="1678"/>
                </a:lnTo>
                <a:lnTo>
                  <a:pt x="6761" y="1690"/>
                </a:lnTo>
                <a:lnTo>
                  <a:pt x="6766" y="1701"/>
                </a:lnTo>
                <a:lnTo>
                  <a:pt x="6770" y="1710"/>
                </a:lnTo>
                <a:lnTo>
                  <a:pt x="6774" y="1720"/>
                </a:lnTo>
                <a:lnTo>
                  <a:pt x="6781" y="1730"/>
                </a:lnTo>
                <a:lnTo>
                  <a:pt x="6786" y="1738"/>
                </a:lnTo>
                <a:lnTo>
                  <a:pt x="6793" y="1747"/>
                </a:lnTo>
                <a:lnTo>
                  <a:pt x="6800" y="1755"/>
                </a:lnTo>
                <a:lnTo>
                  <a:pt x="6808" y="1762"/>
                </a:lnTo>
                <a:lnTo>
                  <a:pt x="6816" y="1769"/>
                </a:lnTo>
                <a:lnTo>
                  <a:pt x="6826" y="1776"/>
                </a:lnTo>
                <a:lnTo>
                  <a:pt x="6834" y="1782"/>
                </a:lnTo>
                <a:lnTo>
                  <a:pt x="6844" y="1787"/>
                </a:lnTo>
                <a:lnTo>
                  <a:pt x="6853" y="1793"/>
                </a:lnTo>
                <a:lnTo>
                  <a:pt x="6864" y="1797"/>
                </a:lnTo>
                <a:lnTo>
                  <a:pt x="6875" y="1802"/>
                </a:lnTo>
                <a:lnTo>
                  <a:pt x="6897" y="1810"/>
                </a:lnTo>
                <a:lnTo>
                  <a:pt x="6921" y="1816"/>
                </a:lnTo>
                <a:lnTo>
                  <a:pt x="6945" y="1820"/>
                </a:lnTo>
                <a:lnTo>
                  <a:pt x="6971" y="1824"/>
                </a:lnTo>
                <a:lnTo>
                  <a:pt x="6997" y="1826"/>
                </a:lnTo>
                <a:lnTo>
                  <a:pt x="7023" y="1826"/>
                </a:lnTo>
                <a:lnTo>
                  <a:pt x="7043" y="1826"/>
                </a:lnTo>
                <a:lnTo>
                  <a:pt x="7062" y="1825"/>
                </a:lnTo>
                <a:lnTo>
                  <a:pt x="7080" y="1824"/>
                </a:lnTo>
                <a:lnTo>
                  <a:pt x="7097" y="1821"/>
                </a:lnTo>
                <a:lnTo>
                  <a:pt x="7113" y="1819"/>
                </a:lnTo>
                <a:lnTo>
                  <a:pt x="7129" y="1816"/>
                </a:lnTo>
                <a:lnTo>
                  <a:pt x="7145" y="1812"/>
                </a:lnTo>
                <a:lnTo>
                  <a:pt x="7160" y="1808"/>
                </a:lnTo>
                <a:lnTo>
                  <a:pt x="7174" y="1802"/>
                </a:lnTo>
                <a:lnTo>
                  <a:pt x="7188" y="1797"/>
                </a:lnTo>
                <a:lnTo>
                  <a:pt x="7201" y="1790"/>
                </a:lnTo>
                <a:lnTo>
                  <a:pt x="7213" y="1784"/>
                </a:lnTo>
                <a:lnTo>
                  <a:pt x="7226" y="1777"/>
                </a:lnTo>
                <a:lnTo>
                  <a:pt x="7236" y="1768"/>
                </a:lnTo>
                <a:lnTo>
                  <a:pt x="7247" y="1758"/>
                </a:lnTo>
                <a:lnTo>
                  <a:pt x="7258" y="1749"/>
                </a:lnTo>
                <a:lnTo>
                  <a:pt x="7261" y="1749"/>
                </a:lnTo>
                <a:lnTo>
                  <a:pt x="7261" y="1812"/>
                </a:lnTo>
                <a:lnTo>
                  <a:pt x="7441" y="1812"/>
                </a:lnTo>
                <a:lnTo>
                  <a:pt x="7441" y="1422"/>
                </a:lnTo>
                <a:close/>
                <a:moveTo>
                  <a:pt x="7249" y="1645"/>
                </a:moveTo>
                <a:lnTo>
                  <a:pt x="7237" y="1654"/>
                </a:lnTo>
                <a:lnTo>
                  <a:pt x="7226" y="1661"/>
                </a:lnTo>
                <a:lnTo>
                  <a:pt x="7214" y="1669"/>
                </a:lnTo>
                <a:lnTo>
                  <a:pt x="7201" y="1675"/>
                </a:lnTo>
                <a:lnTo>
                  <a:pt x="7189" y="1680"/>
                </a:lnTo>
                <a:lnTo>
                  <a:pt x="7178" y="1686"/>
                </a:lnTo>
                <a:lnTo>
                  <a:pt x="7166" y="1690"/>
                </a:lnTo>
                <a:lnTo>
                  <a:pt x="7154" y="1694"/>
                </a:lnTo>
                <a:lnTo>
                  <a:pt x="7132" y="1701"/>
                </a:lnTo>
                <a:lnTo>
                  <a:pt x="7109" y="1705"/>
                </a:lnTo>
                <a:lnTo>
                  <a:pt x="7087" y="1707"/>
                </a:lnTo>
                <a:lnTo>
                  <a:pt x="7065" y="1709"/>
                </a:lnTo>
                <a:lnTo>
                  <a:pt x="7052" y="1709"/>
                </a:lnTo>
                <a:lnTo>
                  <a:pt x="7041" y="1708"/>
                </a:lnTo>
                <a:lnTo>
                  <a:pt x="7029" y="1707"/>
                </a:lnTo>
                <a:lnTo>
                  <a:pt x="7018" y="1706"/>
                </a:lnTo>
                <a:lnTo>
                  <a:pt x="7007" y="1703"/>
                </a:lnTo>
                <a:lnTo>
                  <a:pt x="6999" y="1701"/>
                </a:lnTo>
                <a:lnTo>
                  <a:pt x="6989" y="1696"/>
                </a:lnTo>
                <a:lnTo>
                  <a:pt x="6982" y="1692"/>
                </a:lnTo>
                <a:lnTo>
                  <a:pt x="6974" y="1687"/>
                </a:lnTo>
                <a:lnTo>
                  <a:pt x="6968" y="1680"/>
                </a:lnTo>
                <a:lnTo>
                  <a:pt x="6962" y="1674"/>
                </a:lnTo>
                <a:lnTo>
                  <a:pt x="6958" y="1665"/>
                </a:lnTo>
                <a:lnTo>
                  <a:pt x="6955" y="1657"/>
                </a:lnTo>
                <a:lnTo>
                  <a:pt x="6952" y="1647"/>
                </a:lnTo>
                <a:lnTo>
                  <a:pt x="6951" y="1637"/>
                </a:lnTo>
                <a:lnTo>
                  <a:pt x="6950" y="1625"/>
                </a:lnTo>
                <a:lnTo>
                  <a:pt x="6950" y="1618"/>
                </a:lnTo>
                <a:lnTo>
                  <a:pt x="6951" y="1611"/>
                </a:lnTo>
                <a:lnTo>
                  <a:pt x="6953" y="1606"/>
                </a:lnTo>
                <a:lnTo>
                  <a:pt x="6955" y="1599"/>
                </a:lnTo>
                <a:lnTo>
                  <a:pt x="6957" y="1594"/>
                </a:lnTo>
                <a:lnTo>
                  <a:pt x="6960" y="1589"/>
                </a:lnTo>
                <a:lnTo>
                  <a:pt x="6965" y="1584"/>
                </a:lnTo>
                <a:lnTo>
                  <a:pt x="6969" y="1579"/>
                </a:lnTo>
                <a:lnTo>
                  <a:pt x="6979" y="1570"/>
                </a:lnTo>
                <a:lnTo>
                  <a:pt x="6991" y="1564"/>
                </a:lnTo>
                <a:lnTo>
                  <a:pt x="7004" y="1558"/>
                </a:lnTo>
                <a:lnTo>
                  <a:pt x="7020" y="1552"/>
                </a:lnTo>
                <a:lnTo>
                  <a:pt x="7036" y="1548"/>
                </a:lnTo>
                <a:lnTo>
                  <a:pt x="7055" y="1545"/>
                </a:lnTo>
                <a:lnTo>
                  <a:pt x="7074" y="1542"/>
                </a:lnTo>
                <a:lnTo>
                  <a:pt x="7094" y="1539"/>
                </a:lnTo>
                <a:lnTo>
                  <a:pt x="7136" y="1537"/>
                </a:lnTo>
                <a:lnTo>
                  <a:pt x="7181" y="1536"/>
                </a:lnTo>
                <a:lnTo>
                  <a:pt x="7249" y="1536"/>
                </a:lnTo>
                <a:lnTo>
                  <a:pt x="7249" y="1645"/>
                </a:lnTo>
                <a:close/>
                <a:moveTo>
                  <a:pt x="1757" y="1011"/>
                </a:moveTo>
                <a:lnTo>
                  <a:pt x="1757" y="1498"/>
                </a:lnTo>
                <a:lnTo>
                  <a:pt x="1756" y="1518"/>
                </a:lnTo>
                <a:lnTo>
                  <a:pt x="1754" y="1537"/>
                </a:lnTo>
                <a:lnTo>
                  <a:pt x="1752" y="1554"/>
                </a:lnTo>
                <a:lnTo>
                  <a:pt x="1747" y="1571"/>
                </a:lnTo>
                <a:lnTo>
                  <a:pt x="1742" y="1588"/>
                </a:lnTo>
                <a:lnTo>
                  <a:pt x="1734" y="1602"/>
                </a:lnTo>
                <a:lnTo>
                  <a:pt x="1727" y="1615"/>
                </a:lnTo>
                <a:lnTo>
                  <a:pt x="1717" y="1628"/>
                </a:lnTo>
                <a:lnTo>
                  <a:pt x="1707" y="1639"/>
                </a:lnTo>
                <a:lnTo>
                  <a:pt x="1695" y="1648"/>
                </a:lnTo>
                <a:lnTo>
                  <a:pt x="1681" y="1657"/>
                </a:lnTo>
                <a:lnTo>
                  <a:pt x="1666" y="1663"/>
                </a:lnTo>
                <a:lnTo>
                  <a:pt x="1650" y="1669"/>
                </a:lnTo>
                <a:lnTo>
                  <a:pt x="1633" y="1673"/>
                </a:lnTo>
                <a:lnTo>
                  <a:pt x="1614" y="1676"/>
                </a:lnTo>
                <a:lnTo>
                  <a:pt x="1593" y="1677"/>
                </a:lnTo>
                <a:lnTo>
                  <a:pt x="1578" y="1677"/>
                </a:lnTo>
                <a:lnTo>
                  <a:pt x="1559" y="1676"/>
                </a:lnTo>
                <a:lnTo>
                  <a:pt x="1538" y="1676"/>
                </a:lnTo>
                <a:lnTo>
                  <a:pt x="1515" y="1674"/>
                </a:lnTo>
                <a:lnTo>
                  <a:pt x="1491" y="1672"/>
                </a:lnTo>
                <a:lnTo>
                  <a:pt x="1465" y="1670"/>
                </a:lnTo>
                <a:lnTo>
                  <a:pt x="1439" y="1665"/>
                </a:lnTo>
                <a:lnTo>
                  <a:pt x="1413" y="1660"/>
                </a:lnTo>
                <a:lnTo>
                  <a:pt x="1413" y="1813"/>
                </a:lnTo>
                <a:lnTo>
                  <a:pt x="1439" y="1816"/>
                </a:lnTo>
                <a:lnTo>
                  <a:pt x="1466" y="1819"/>
                </a:lnTo>
                <a:lnTo>
                  <a:pt x="1494" y="1821"/>
                </a:lnTo>
                <a:lnTo>
                  <a:pt x="1523" y="1824"/>
                </a:lnTo>
                <a:lnTo>
                  <a:pt x="1550" y="1825"/>
                </a:lnTo>
                <a:lnTo>
                  <a:pt x="1578" y="1826"/>
                </a:lnTo>
                <a:lnTo>
                  <a:pt x="1605" y="1826"/>
                </a:lnTo>
                <a:lnTo>
                  <a:pt x="1631" y="1826"/>
                </a:lnTo>
                <a:lnTo>
                  <a:pt x="1651" y="1826"/>
                </a:lnTo>
                <a:lnTo>
                  <a:pt x="1671" y="1825"/>
                </a:lnTo>
                <a:lnTo>
                  <a:pt x="1692" y="1823"/>
                </a:lnTo>
                <a:lnTo>
                  <a:pt x="1711" y="1820"/>
                </a:lnTo>
                <a:lnTo>
                  <a:pt x="1729" y="1817"/>
                </a:lnTo>
                <a:lnTo>
                  <a:pt x="1747" y="1814"/>
                </a:lnTo>
                <a:lnTo>
                  <a:pt x="1766" y="1810"/>
                </a:lnTo>
                <a:lnTo>
                  <a:pt x="1782" y="1804"/>
                </a:lnTo>
                <a:lnTo>
                  <a:pt x="1799" y="1799"/>
                </a:lnTo>
                <a:lnTo>
                  <a:pt x="1814" y="1793"/>
                </a:lnTo>
                <a:lnTo>
                  <a:pt x="1830" y="1786"/>
                </a:lnTo>
                <a:lnTo>
                  <a:pt x="1844" y="1779"/>
                </a:lnTo>
                <a:lnTo>
                  <a:pt x="1858" y="1771"/>
                </a:lnTo>
                <a:lnTo>
                  <a:pt x="1871" y="1763"/>
                </a:lnTo>
                <a:lnTo>
                  <a:pt x="1884" y="1753"/>
                </a:lnTo>
                <a:lnTo>
                  <a:pt x="1896" y="1743"/>
                </a:lnTo>
                <a:lnTo>
                  <a:pt x="1908" y="1734"/>
                </a:lnTo>
                <a:lnTo>
                  <a:pt x="1919" y="1723"/>
                </a:lnTo>
                <a:lnTo>
                  <a:pt x="1928" y="1711"/>
                </a:lnTo>
                <a:lnTo>
                  <a:pt x="1938" y="1701"/>
                </a:lnTo>
                <a:lnTo>
                  <a:pt x="1946" y="1688"/>
                </a:lnTo>
                <a:lnTo>
                  <a:pt x="1954" y="1675"/>
                </a:lnTo>
                <a:lnTo>
                  <a:pt x="1961" y="1662"/>
                </a:lnTo>
                <a:lnTo>
                  <a:pt x="1968" y="1648"/>
                </a:lnTo>
                <a:lnTo>
                  <a:pt x="1974" y="1635"/>
                </a:lnTo>
                <a:lnTo>
                  <a:pt x="1978" y="1621"/>
                </a:lnTo>
                <a:lnTo>
                  <a:pt x="1983" y="1606"/>
                </a:lnTo>
                <a:lnTo>
                  <a:pt x="1987" y="1590"/>
                </a:lnTo>
                <a:lnTo>
                  <a:pt x="1989" y="1574"/>
                </a:lnTo>
                <a:lnTo>
                  <a:pt x="1991" y="1558"/>
                </a:lnTo>
                <a:lnTo>
                  <a:pt x="1992" y="1542"/>
                </a:lnTo>
                <a:lnTo>
                  <a:pt x="1993" y="1524"/>
                </a:lnTo>
                <a:lnTo>
                  <a:pt x="1993" y="1011"/>
                </a:lnTo>
                <a:lnTo>
                  <a:pt x="1757" y="1011"/>
                </a:lnTo>
                <a:close/>
                <a:moveTo>
                  <a:pt x="5777" y="1178"/>
                </a:moveTo>
                <a:lnTo>
                  <a:pt x="5761" y="1179"/>
                </a:lnTo>
                <a:lnTo>
                  <a:pt x="5745" y="1179"/>
                </a:lnTo>
                <a:lnTo>
                  <a:pt x="5730" y="1182"/>
                </a:lnTo>
                <a:lnTo>
                  <a:pt x="5715" y="1184"/>
                </a:lnTo>
                <a:lnTo>
                  <a:pt x="5700" y="1187"/>
                </a:lnTo>
                <a:lnTo>
                  <a:pt x="5685" y="1190"/>
                </a:lnTo>
                <a:lnTo>
                  <a:pt x="5671" y="1194"/>
                </a:lnTo>
                <a:lnTo>
                  <a:pt x="5657" y="1201"/>
                </a:lnTo>
                <a:lnTo>
                  <a:pt x="5644" y="1207"/>
                </a:lnTo>
                <a:lnTo>
                  <a:pt x="5630" y="1215"/>
                </a:lnTo>
                <a:lnTo>
                  <a:pt x="5619" y="1223"/>
                </a:lnTo>
                <a:lnTo>
                  <a:pt x="5607" y="1233"/>
                </a:lnTo>
                <a:lnTo>
                  <a:pt x="5595" y="1245"/>
                </a:lnTo>
                <a:lnTo>
                  <a:pt x="5584" y="1256"/>
                </a:lnTo>
                <a:lnTo>
                  <a:pt x="5574" y="1270"/>
                </a:lnTo>
                <a:lnTo>
                  <a:pt x="5564" y="1286"/>
                </a:lnTo>
                <a:lnTo>
                  <a:pt x="5562" y="1286"/>
                </a:lnTo>
                <a:lnTo>
                  <a:pt x="5562" y="1191"/>
                </a:lnTo>
                <a:lnTo>
                  <a:pt x="5372" y="1191"/>
                </a:lnTo>
                <a:lnTo>
                  <a:pt x="5372" y="1812"/>
                </a:lnTo>
                <a:lnTo>
                  <a:pt x="5578" y="1812"/>
                </a:lnTo>
                <a:lnTo>
                  <a:pt x="5578" y="1508"/>
                </a:lnTo>
                <a:lnTo>
                  <a:pt x="5579" y="1485"/>
                </a:lnTo>
                <a:lnTo>
                  <a:pt x="5580" y="1465"/>
                </a:lnTo>
                <a:lnTo>
                  <a:pt x="5582" y="1445"/>
                </a:lnTo>
                <a:lnTo>
                  <a:pt x="5585" y="1429"/>
                </a:lnTo>
                <a:lnTo>
                  <a:pt x="5589" y="1414"/>
                </a:lnTo>
                <a:lnTo>
                  <a:pt x="5593" y="1403"/>
                </a:lnTo>
                <a:lnTo>
                  <a:pt x="5597" y="1391"/>
                </a:lnTo>
                <a:lnTo>
                  <a:pt x="5603" y="1382"/>
                </a:lnTo>
                <a:lnTo>
                  <a:pt x="5611" y="1369"/>
                </a:lnTo>
                <a:lnTo>
                  <a:pt x="5621" y="1357"/>
                </a:lnTo>
                <a:lnTo>
                  <a:pt x="5631" y="1347"/>
                </a:lnTo>
                <a:lnTo>
                  <a:pt x="5643" y="1338"/>
                </a:lnTo>
                <a:lnTo>
                  <a:pt x="5656" y="1330"/>
                </a:lnTo>
                <a:lnTo>
                  <a:pt x="5671" y="1325"/>
                </a:lnTo>
                <a:lnTo>
                  <a:pt x="5688" y="1319"/>
                </a:lnTo>
                <a:lnTo>
                  <a:pt x="5706" y="1316"/>
                </a:lnTo>
                <a:lnTo>
                  <a:pt x="5717" y="1315"/>
                </a:lnTo>
                <a:lnTo>
                  <a:pt x="5729" y="1315"/>
                </a:lnTo>
                <a:lnTo>
                  <a:pt x="5742" y="1315"/>
                </a:lnTo>
                <a:lnTo>
                  <a:pt x="5753" y="1316"/>
                </a:lnTo>
                <a:lnTo>
                  <a:pt x="5766" y="1318"/>
                </a:lnTo>
                <a:lnTo>
                  <a:pt x="5779" y="1321"/>
                </a:lnTo>
                <a:lnTo>
                  <a:pt x="5791" y="1326"/>
                </a:lnTo>
                <a:lnTo>
                  <a:pt x="5802" y="1331"/>
                </a:lnTo>
                <a:lnTo>
                  <a:pt x="5894" y="1201"/>
                </a:lnTo>
                <a:lnTo>
                  <a:pt x="5880" y="1195"/>
                </a:lnTo>
                <a:lnTo>
                  <a:pt x="5866" y="1191"/>
                </a:lnTo>
                <a:lnTo>
                  <a:pt x="5852" y="1187"/>
                </a:lnTo>
                <a:lnTo>
                  <a:pt x="5838" y="1184"/>
                </a:lnTo>
                <a:lnTo>
                  <a:pt x="5824" y="1182"/>
                </a:lnTo>
                <a:lnTo>
                  <a:pt x="5809" y="1180"/>
                </a:lnTo>
                <a:lnTo>
                  <a:pt x="5793" y="1179"/>
                </a:lnTo>
                <a:lnTo>
                  <a:pt x="5777" y="1178"/>
                </a:lnTo>
                <a:close/>
              </a:path>
            </a:pathLst>
          </a:custGeom>
          <a:solidFill>
            <a:schemeClr val="bg2"/>
          </a:solidFill>
          <a:ln w="9525" cap="flat" cmpd="sng">
            <a:noFill/>
            <a:prstDash val="solid"/>
            <a:round/>
            <a:headEnd type="none" w="med" len="med"/>
            <a:tailEnd type="none" w="med" len="med"/>
          </a:ln>
          <a:effectLst/>
        </p:spPr>
        <p:txBody>
          <a:bodyPr/>
          <a:lstStyle/>
          <a:p>
            <a:pPr>
              <a:defRPr/>
            </a:pPr>
            <a:endParaRPr lang="en-US"/>
          </a:p>
        </p:txBody>
      </p:sp>
      <p:sp>
        <p:nvSpPr>
          <p:cNvPr id="16395" name="Freeform 11" hidden="1"/>
          <p:cNvSpPr>
            <a:spLocks noChangeAspect="1" noEditPoints="1"/>
          </p:cNvSpPr>
          <p:nvPr>
            <p:custDataLst>
              <p:tags r:id="rId18"/>
            </p:custDataLst>
          </p:nvPr>
        </p:nvSpPr>
        <p:spPr bwMode="gray">
          <a:xfrm>
            <a:off x="1169988" y="6862763"/>
            <a:ext cx="1362075" cy="328612"/>
          </a:xfrm>
          <a:custGeom>
            <a:avLst/>
            <a:gdLst/>
            <a:ahLst/>
            <a:cxnLst>
              <a:cxn ang="0">
                <a:pos x="8763" y="3704"/>
              </a:cxn>
              <a:cxn ang="0">
                <a:pos x="6904" y="4020"/>
              </a:cxn>
              <a:cxn ang="0">
                <a:pos x="6998" y="4015"/>
              </a:cxn>
              <a:cxn ang="0">
                <a:pos x="6499" y="3879"/>
              </a:cxn>
              <a:cxn ang="0">
                <a:pos x="5458" y="3879"/>
              </a:cxn>
              <a:cxn ang="0">
                <a:pos x="17347" y="2205"/>
              </a:cxn>
              <a:cxn ang="0">
                <a:pos x="16928" y="1736"/>
              </a:cxn>
              <a:cxn ang="0">
                <a:pos x="12727" y="1866"/>
              </a:cxn>
              <a:cxn ang="0">
                <a:pos x="9651" y="1806"/>
              </a:cxn>
              <a:cxn ang="0">
                <a:pos x="9352" y="1720"/>
              </a:cxn>
              <a:cxn ang="0">
                <a:pos x="8866" y="2310"/>
              </a:cxn>
              <a:cxn ang="0">
                <a:pos x="7913" y="1549"/>
              </a:cxn>
              <a:cxn ang="0">
                <a:pos x="8020" y="2356"/>
              </a:cxn>
              <a:cxn ang="0">
                <a:pos x="7832" y="2501"/>
              </a:cxn>
              <a:cxn ang="0">
                <a:pos x="6513" y="2077"/>
              </a:cxn>
              <a:cxn ang="0">
                <a:pos x="6047" y="1851"/>
              </a:cxn>
              <a:cxn ang="0">
                <a:pos x="1833" y="1311"/>
              </a:cxn>
              <a:cxn ang="0">
                <a:pos x="9115" y="3644"/>
              </a:cxn>
              <a:cxn ang="0">
                <a:pos x="9286" y="3708"/>
              </a:cxn>
              <a:cxn ang="0">
                <a:pos x="8897" y="3658"/>
              </a:cxn>
              <a:cxn ang="0">
                <a:pos x="8902" y="4095"/>
              </a:cxn>
              <a:cxn ang="0">
                <a:pos x="8378" y="3647"/>
              </a:cxn>
              <a:cxn ang="0">
                <a:pos x="8063" y="3718"/>
              </a:cxn>
              <a:cxn ang="0">
                <a:pos x="7659" y="3725"/>
              </a:cxn>
              <a:cxn ang="0">
                <a:pos x="7459" y="4100"/>
              </a:cxn>
              <a:cxn ang="0">
                <a:pos x="6742" y="3956"/>
              </a:cxn>
              <a:cxn ang="0">
                <a:pos x="6797" y="4192"/>
              </a:cxn>
              <a:cxn ang="0">
                <a:pos x="6523" y="3778"/>
              </a:cxn>
              <a:cxn ang="0">
                <a:pos x="6533" y="4036"/>
              </a:cxn>
              <a:cxn ang="0">
                <a:pos x="6013" y="3647"/>
              </a:cxn>
              <a:cxn ang="0">
                <a:pos x="5325" y="3704"/>
              </a:cxn>
              <a:cxn ang="0">
                <a:pos x="5288" y="4100"/>
              </a:cxn>
              <a:cxn ang="0">
                <a:pos x="4952" y="3561"/>
              </a:cxn>
              <a:cxn ang="0">
                <a:pos x="3784" y="3644"/>
              </a:cxn>
              <a:cxn ang="0">
                <a:pos x="3379" y="3638"/>
              </a:cxn>
              <a:cxn ang="0">
                <a:pos x="2949" y="4037"/>
              </a:cxn>
              <a:cxn ang="0">
                <a:pos x="3007" y="3633"/>
              </a:cxn>
              <a:cxn ang="0">
                <a:pos x="3103" y="4051"/>
              </a:cxn>
              <a:cxn ang="0">
                <a:pos x="2547" y="3864"/>
              </a:cxn>
              <a:cxn ang="0">
                <a:pos x="2586" y="3778"/>
              </a:cxn>
              <a:cxn ang="0">
                <a:pos x="1825" y="4095"/>
              </a:cxn>
              <a:cxn ang="0">
                <a:pos x="16702" y="2052"/>
              </a:cxn>
              <a:cxn ang="0">
                <a:pos x="17387" y="2493"/>
              </a:cxn>
              <a:cxn ang="0">
                <a:pos x="17591" y="2373"/>
              </a:cxn>
              <a:cxn ang="0">
                <a:pos x="15813" y="1867"/>
              </a:cxn>
              <a:cxn ang="0">
                <a:pos x="16499" y="2350"/>
              </a:cxn>
              <a:cxn ang="0">
                <a:pos x="14267" y="1822"/>
              </a:cxn>
              <a:cxn ang="0">
                <a:pos x="13879" y="1610"/>
              </a:cxn>
              <a:cxn ang="0">
                <a:pos x="14931" y="1624"/>
              </a:cxn>
              <a:cxn ang="0">
                <a:pos x="12944" y="1575"/>
              </a:cxn>
              <a:cxn ang="0">
                <a:pos x="12916" y="2356"/>
              </a:cxn>
              <a:cxn ang="0">
                <a:pos x="12733" y="2000"/>
              </a:cxn>
              <a:cxn ang="0">
                <a:pos x="7394" y="1538"/>
              </a:cxn>
              <a:cxn ang="0">
                <a:pos x="2278" y="1968"/>
              </a:cxn>
              <a:cxn ang="0">
                <a:pos x="2474" y="2248"/>
              </a:cxn>
              <a:cxn ang="0">
                <a:pos x="9046" y="2042"/>
              </a:cxn>
              <a:cxn ang="0">
                <a:pos x="8014" y="1721"/>
              </a:cxn>
              <a:cxn ang="0">
                <a:pos x="8124" y="2187"/>
              </a:cxn>
              <a:cxn ang="0">
                <a:pos x="5801" y="1759"/>
              </a:cxn>
              <a:cxn ang="0">
                <a:pos x="6676" y="2253"/>
              </a:cxn>
              <a:cxn ang="0">
                <a:pos x="10152" y="1765"/>
              </a:cxn>
              <a:cxn ang="0">
                <a:pos x="10674" y="1608"/>
              </a:cxn>
              <a:cxn ang="0">
                <a:pos x="3876" y="1531"/>
              </a:cxn>
            </a:cxnLst>
            <a:rect l="0" t="0" r="r" b="b"/>
            <a:pathLst>
              <a:path w="17600" h="4290">
                <a:moveTo>
                  <a:pt x="3587" y="1637"/>
                </a:moveTo>
                <a:lnTo>
                  <a:pt x="3587" y="1650"/>
                </a:lnTo>
                <a:lnTo>
                  <a:pt x="3585" y="1664"/>
                </a:lnTo>
                <a:lnTo>
                  <a:pt x="3583" y="1678"/>
                </a:lnTo>
                <a:lnTo>
                  <a:pt x="3578" y="1692"/>
                </a:lnTo>
                <a:lnTo>
                  <a:pt x="3573" y="1706"/>
                </a:lnTo>
                <a:lnTo>
                  <a:pt x="3565" y="1721"/>
                </a:lnTo>
                <a:lnTo>
                  <a:pt x="3556" y="1734"/>
                </a:lnTo>
                <a:lnTo>
                  <a:pt x="3545" y="1747"/>
                </a:lnTo>
                <a:lnTo>
                  <a:pt x="3532" y="1759"/>
                </a:lnTo>
                <a:lnTo>
                  <a:pt x="3517" y="1771"/>
                </a:lnTo>
                <a:lnTo>
                  <a:pt x="3508" y="1777"/>
                </a:lnTo>
                <a:lnTo>
                  <a:pt x="3499" y="1781"/>
                </a:lnTo>
                <a:lnTo>
                  <a:pt x="3489" y="1785"/>
                </a:lnTo>
                <a:lnTo>
                  <a:pt x="3478" y="1790"/>
                </a:lnTo>
                <a:lnTo>
                  <a:pt x="3467" y="1793"/>
                </a:lnTo>
                <a:lnTo>
                  <a:pt x="3455" y="1796"/>
                </a:lnTo>
                <a:lnTo>
                  <a:pt x="3443" y="1800"/>
                </a:lnTo>
                <a:lnTo>
                  <a:pt x="3429" y="1802"/>
                </a:lnTo>
                <a:lnTo>
                  <a:pt x="3414" y="1804"/>
                </a:lnTo>
                <a:lnTo>
                  <a:pt x="3400" y="1805"/>
                </a:lnTo>
                <a:lnTo>
                  <a:pt x="3384" y="1806"/>
                </a:lnTo>
                <a:lnTo>
                  <a:pt x="3367" y="1806"/>
                </a:lnTo>
                <a:lnTo>
                  <a:pt x="3148" y="1806"/>
                </a:lnTo>
                <a:lnTo>
                  <a:pt x="3148" y="1483"/>
                </a:lnTo>
                <a:lnTo>
                  <a:pt x="3367" y="1483"/>
                </a:lnTo>
                <a:lnTo>
                  <a:pt x="3400" y="1485"/>
                </a:lnTo>
                <a:lnTo>
                  <a:pt x="3429" y="1487"/>
                </a:lnTo>
                <a:lnTo>
                  <a:pt x="3455" y="1492"/>
                </a:lnTo>
                <a:lnTo>
                  <a:pt x="3478" y="1498"/>
                </a:lnTo>
                <a:lnTo>
                  <a:pt x="3499" y="1505"/>
                </a:lnTo>
                <a:lnTo>
                  <a:pt x="3517" y="1514"/>
                </a:lnTo>
                <a:lnTo>
                  <a:pt x="3532" y="1524"/>
                </a:lnTo>
                <a:lnTo>
                  <a:pt x="3545" y="1535"/>
                </a:lnTo>
                <a:lnTo>
                  <a:pt x="3556" y="1546"/>
                </a:lnTo>
                <a:lnTo>
                  <a:pt x="3565" y="1558"/>
                </a:lnTo>
                <a:lnTo>
                  <a:pt x="3573" y="1571"/>
                </a:lnTo>
                <a:lnTo>
                  <a:pt x="3578" y="1584"/>
                </a:lnTo>
                <a:lnTo>
                  <a:pt x="3583" y="1598"/>
                </a:lnTo>
                <a:lnTo>
                  <a:pt x="3585" y="1611"/>
                </a:lnTo>
                <a:lnTo>
                  <a:pt x="3587" y="1624"/>
                </a:lnTo>
                <a:lnTo>
                  <a:pt x="3587" y="1637"/>
                </a:lnTo>
                <a:close/>
                <a:moveTo>
                  <a:pt x="8670" y="3826"/>
                </a:moveTo>
                <a:lnTo>
                  <a:pt x="8671" y="3815"/>
                </a:lnTo>
                <a:lnTo>
                  <a:pt x="8674" y="3804"/>
                </a:lnTo>
                <a:lnTo>
                  <a:pt x="8676" y="3793"/>
                </a:lnTo>
                <a:lnTo>
                  <a:pt x="8680" y="3782"/>
                </a:lnTo>
                <a:lnTo>
                  <a:pt x="8685" y="3771"/>
                </a:lnTo>
                <a:lnTo>
                  <a:pt x="8689" y="3761"/>
                </a:lnTo>
                <a:lnTo>
                  <a:pt x="8696" y="3751"/>
                </a:lnTo>
                <a:lnTo>
                  <a:pt x="8702" y="3741"/>
                </a:lnTo>
                <a:lnTo>
                  <a:pt x="8710" y="3732"/>
                </a:lnTo>
                <a:lnTo>
                  <a:pt x="8719" y="3725"/>
                </a:lnTo>
                <a:lnTo>
                  <a:pt x="8727" y="3718"/>
                </a:lnTo>
                <a:lnTo>
                  <a:pt x="8738" y="3712"/>
                </a:lnTo>
                <a:lnTo>
                  <a:pt x="8751" y="3707"/>
                </a:lnTo>
                <a:lnTo>
                  <a:pt x="8763" y="3704"/>
                </a:lnTo>
                <a:lnTo>
                  <a:pt x="8776" y="3701"/>
                </a:lnTo>
                <a:lnTo>
                  <a:pt x="8791" y="3700"/>
                </a:lnTo>
                <a:lnTo>
                  <a:pt x="8804" y="3701"/>
                </a:lnTo>
                <a:lnTo>
                  <a:pt x="8817" y="3703"/>
                </a:lnTo>
                <a:lnTo>
                  <a:pt x="8828" y="3706"/>
                </a:lnTo>
                <a:lnTo>
                  <a:pt x="8839" y="3710"/>
                </a:lnTo>
                <a:lnTo>
                  <a:pt x="8848" y="3716"/>
                </a:lnTo>
                <a:lnTo>
                  <a:pt x="8858" y="3722"/>
                </a:lnTo>
                <a:lnTo>
                  <a:pt x="8866" y="3729"/>
                </a:lnTo>
                <a:lnTo>
                  <a:pt x="8874" y="3738"/>
                </a:lnTo>
                <a:lnTo>
                  <a:pt x="8880" y="3746"/>
                </a:lnTo>
                <a:lnTo>
                  <a:pt x="8887" y="3756"/>
                </a:lnTo>
                <a:lnTo>
                  <a:pt x="8891" y="3766"/>
                </a:lnTo>
                <a:lnTo>
                  <a:pt x="8896" y="3777"/>
                </a:lnTo>
                <a:lnTo>
                  <a:pt x="8899" y="3788"/>
                </a:lnTo>
                <a:lnTo>
                  <a:pt x="8901" y="3800"/>
                </a:lnTo>
                <a:lnTo>
                  <a:pt x="8902" y="3813"/>
                </a:lnTo>
                <a:lnTo>
                  <a:pt x="8903" y="3826"/>
                </a:lnTo>
                <a:lnTo>
                  <a:pt x="8670" y="3826"/>
                </a:lnTo>
                <a:close/>
                <a:moveTo>
                  <a:pt x="7370" y="3826"/>
                </a:moveTo>
                <a:lnTo>
                  <a:pt x="7371" y="3815"/>
                </a:lnTo>
                <a:lnTo>
                  <a:pt x="7373" y="3804"/>
                </a:lnTo>
                <a:lnTo>
                  <a:pt x="7377" y="3793"/>
                </a:lnTo>
                <a:lnTo>
                  <a:pt x="7380" y="3782"/>
                </a:lnTo>
                <a:lnTo>
                  <a:pt x="7384" y="3771"/>
                </a:lnTo>
                <a:lnTo>
                  <a:pt x="7390" y="3761"/>
                </a:lnTo>
                <a:lnTo>
                  <a:pt x="7395" y="3751"/>
                </a:lnTo>
                <a:lnTo>
                  <a:pt x="7403" y="3741"/>
                </a:lnTo>
                <a:lnTo>
                  <a:pt x="7410" y="3732"/>
                </a:lnTo>
                <a:lnTo>
                  <a:pt x="7418" y="3725"/>
                </a:lnTo>
                <a:lnTo>
                  <a:pt x="7428" y="3718"/>
                </a:lnTo>
                <a:lnTo>
                  <a:pt x="7439" y="3712"/>
                </a:lnTo>
                <a:lnTo>
                  <a:pt x="7450" y="3707"/>
                </a:lnTo>
                <a:lnTo>
                  <a:pt x="7462" y="3704"/>
                </a:lnTo>
                <a:lnTo>
                  <a:pt x="7477" y="3701"/>
                </a:lnTo>
                <a:lnTo>
                  <a:pt x="7491" y="3700"/>
                </a:lnTo>
                <a:lnTo>
                  <a:pt x="7504" y="3701"/>
                </a:lnTo>
                <a:lnTo>
                  <a:pt x="7516" y="3703"/>
                </a:lnTo>
                <a:lnTo>
                  <a:pt x="7528" y="3706"/>
                </a:lnTo>
                <a:lnTo>
                  <a:pt x="7539" y="3710"/>
                </a:lnTo>
                <a:lnTo>
                  <a:pt x="7549" y="3716"/>
                </a:lnTo>
                <a:lnTo>
                  <a:pt x="7558" y="3722"/>
                </a:lnTo>
                <a:lnTo>
                  <a:pt x="7567" y="3729"/>
                </a:lnTo>
                <a:lnTo>
                  <a:pt x="7575" y="3738"/>
                </a:lnTo>
                <a:lnTo>
                  <a:pt x="7581" y="3746"/>
                </a:lnTo>
                <a:lnTo>
                  <a:pt x="7587" y="3756"/>
                </a:lnTo>
                <a:lnTo>
                  <a:pt x="7592" y="3766"/>
                </a:lnTo>
                <a:lnTo>
                  <a:pt x="7597" y="3777"/>
                </a:lnTo>
                <a:lnTo>
                  <a:pt x="7599" y="3788"/>
                </a:lnTo>
                <a:lnTo>
                  <a:pt x="7602" y="3800"/>
                </a:lnTo>
                <a:lnTo>
                  <a:pt x="7603" y="3813"/>
                </a:lnTo>
                <a:lnTo>
                  <a:pt x="7603" y="3826"/>
                </a:lnTo>
                <a:lnTo>
                  <a:pt x="7370" y="3826"/>
                </a:lnTo>
                <a:close/>
                <a:moveTo>
                  <a:pt x="6944" y="4026"/>
                </a:moveTo>
                <a:lnTo>
                  <a:pt x="6930" y="4026"/>
                </a:lnTo>
                <a:lnTo>
                  <a:pt x="6917" y="4023"/>
                </a:lnTo>
                <a:lnTo>
                  <a:pt x="6904" y="4020"/>
                </a:lnTo>
                <a:lnTo>
                  <a:pt x="6892" y="4014"/>
                </a:lnTo>
                <a:lnTo>
                  <a:pt x="6881" y="4007"/>
                </a:lnTo>
                <a:lnTo>
                  <a:pt x="6871" y="3999"/>
                </a:lnTo>
                <a:lnTo>
                  <a:pt x="6861" y="3990"/>
                </a:lnTo>
                <a:lnTo>
                  <a:pt x="6852" y="3979"/>
                </a:lnTo>
                <a:lnTo>
                  <a:pt x="6844" y="3968"/>
                </a:lnTo>
                <a:lnTo>
                  <a:pt x="6838" y="3956"/>
                </a:lnTo>
                <a:lnTo>
                  <a:pt x="6832" y="3943"/>
                </a:lnTo>
                <a:lnTo>
                  <a:pt x="6828" y="3929"/>
                </a:lnTo>
                <a:lnTo>
                  <a:pt x="6823" y="3914"/>
                </a:lnTo>
                <a:lnTo>
                  <a:pt x="6821" y="3899"/>
                </a:lnTo>
                <a:lnTo>
                  <a:pt x="6819" y="3884"/>
                </a:lnTo>
                <a:lnTo>
                  <a:pt x="6819" y="3868"/>
                </a:lnTo>
                <a:lnTo>
                  <a:pt x="6819" y="3854"/>
                </a:lnTo>
                <a:lnTo>
                  <a:pt x="6821" y="3839"/>
                </a:lnTo>
                <a:lnTo>
                  <a:pt x="6823" y="3824"/>
                </a:lnTo>
                <a:lnTo>
                  <a:pt x="6827" y="3809"/>
                </a:lnTo>
                <a:lnTo>
                  <a:pt x="6831" y="3795"/>
                </a:lnTo>
                <a:lnTo>
                  <a:pt x="6837" y="3782"/>
                </a:lnTo>
                <a:lnTo>
                  <a:pt x="6843" y="3768"/>
                </a:lnTo>
                <a:lnTo>
                  <a:pt x="6850" y="3755"/>
                </a:lnTo>
                <a:lnTo>
                  <a:pt x="6859" y="3744"/>
                </a:lnTo>
                <a:lnTo>
                  <a:pt x="6867" y="3733"/>
                </a:lnTo>
                <a:lnTo>
                  <a:pt x="6878" y="3725"/>
                </a:lnTo>
                <a:lnTo>
                  <a:pt x="6889" y="3716"/>
                </a:lnTo>
                <a:lnTo>
                  <a:pt x="6901" y="3709"/>
                </a:lnTo>
                <a:lnTo>
                  <a:pt x="6915" y="3705"/>
                </a:lnTo>
                <a:lnTo>
                  <a:pt x="6929" y="3701"/>
                </a:lnTo>
                <a:lnTo>
                  <a:pt x="6944" y="3700"/>
                </a:lnTo>
                <a:lnTo>
                  <a:pt x="6961" y="3701"/>
                </a:lnTo>
                <a:lnTo>
                  <a:pt x="6975" y="3704"/>
                </a:lnTo>
                <a:lnTo>
                  <a:pt x="6989" y="3708"/>
                </a:lnTo>
                <a:lnTo>
                  <a:pt x="7003" y="3715"/>
                </a:lnTo>
                <a:lnTo>
                  <a:pt x="7014" y="3722"/>
                </a:lnTo>
                <a:lnTo>
                  <a:pt x="7025" y="3731"/>
                </a:lnTo>
                <a:lnTo>
                  <a:pt x="7035" y="3741"/>
                </a:lnTo>
                <a:lnTo>
                  <a:pt x="7043" y="3752"/>
                </a:lnTo>
                <a:lnTo>
                  <a:pt x="7051" y="3765"/>
                </a:lnTo>
                <a:lnTo>
                  <a:pt x="7058" y="3778"/>
                </a:lnTo>
                <a:lnTo>
                  <a:pt x="7063" y="3793"/>
                </a:lnTo>
                <a:lnTo>
                  <a:pt x="7068" y="3808"/>
                </a:lnTo>
                <a:lnTo>
                  <a:pt x="7072" y="3823"/>
                </a:lnTo>
                <a:lnTo>
                  <a:pt x="7074" y="3840"/>
                </a:lnTo>
                <a:lnTo>
                  <a:pt x="7075" y="3857"/>
                </a:lnTo>
                <a:lnTo>
                  <a:pt x="7076" y="3874"/>
                </a:lnTo>
                <a:lnTo>
                  <a:pt x="7075" y="3890"/>
                </a:lnTo>
                <a:lnTo>
                  <a:pt x="7074" y="3905"/>
                </a:lnTo>
                <a:lnTo>
                  <a:pt x="7071" y="3920"/>
                </a:lnTo>
                <a:lnTo>
                  <a:pt x="7066" y="3933"/>
                </a:lnTo>
                <a:lnTo>
                  <a:pt x="7061" y="3947"/>
                </a:lnTo>
                <a:lnTo>
                  <a:pt x="7055" y="3959"/>
                </a:lnTo>
                <a:lnTo>
                  <a:pt x="7048" y="3972"/>
                </a:lnTo>
                <a:lnTo>
                  <a:pt x="7040" y="3983"/>
                </a:lnTo>
                <a:lnTo>
                  <a:pt x="7030" y="3992"/>
                </a:lnTo>
                <a:lnTo>
                  <a:pt x="7020" y="4001"/>
                </a:lnTo>
                <a:lnTo>
                  <a:pt x="7009" y="4009"/>
                </a:lnTo>
                <a:lnTo>
                  <a:pt x="6998" y="4015"/>
                </a:lnTo>
                <a:lnTo>
                  <a:pt x="6985" y="4020"/>
                </a:lnTo>
                <a:lnTo>
                  <a:pt x="6973" y="4024"/>
                </a:lnTo>
                <a:lnTo>
                  <a:pt x="6959" y="4026"/>
                </a:lnTo>
                <a:lnTo>
                  <a:pt x="6944" y="4026"/>
                </a:lnTo>
                <a:close/>
                <a:moveTo>
                  <a:pt x="6526" y="3919"/>
                </a:moveTo>
                <a:lnTo>
                  <a:pt x="6525" y="3932"/>
                </a:lnTo>
                <a:lnTo>
                  <a:pt x="6524" y="3944"/>
                </a:lnTo>
                <a:lnTo>
                  <a:pt x="6521" y="3955"/>
                </a:lnTo>
                <a:lnTo>
                  <a:pt x="6518" y="3966"/>
                </a:lnTo>
                <a:lnTo>
                  <a:pt x="6513" y="3976"/>
                </a:lnTo>
                <a:lnTo>
                  <a:pt x="6508" y="3986"/>
                </a:lnTo>
                <a:lnTo>
                  <a:pt x="6501" y="3996"/>
                </a:lnTo>
                <a:lnTo>
                  <a:pt x="6494" y="4003"/>
                </a:lnTo>
                <a:lnTo>
                  <a:pt x="6486" y="4011"/>
                </a:lnTo>
                <a:lnTo>
                  <a:pt x="6476" y="4018"/>
                </a:lnTo>
                <a:lnTo>
                  <a:pt x="6466" y="4023"/>
                </a:lnTo>
                <a:lnTo>
                  <a:pt x="6455" y="4029"/>
                </a:lnTo>
                <a:lnTo>
                  <a:pt x="6443" y="4032"/>
                </a:lnTo>
                <a:lnTo>
                  <a:pt x="6430" y="4035"/>
                </a:lnTo>
                <a:lnTo>
                  <a:pt x="6415" y="4037"/>
                </a:lnTo>
                <a:lnTo>
                  <a:pt x="6400" y="4037"/>
                </a:lnTo>
                <a:lnTo>
                  <a:pt x="6393" y="4037"/>
                </a:lnTo>
                <a:lnTo>
                  <a:pt x="6386" y="4036"/>
                </a:lnTo>
                <a:lnTo>
                  <a:pt x="6378" y="4035"/>
                </a:lnTo>
                <a:lnTo>
                  <a:pt x="6371" y="4033"/>
                </a:lnTo>
                <a:lnTo>
                  <a:pt x="6364" y="4030"/>
                </a:lnTo>
                <a:lnTo>
                  <a:pt x="6357" y="4026"/>
                </a:lnTo>
                <a:lnTo>
                  <a:pt x="6350" y="4023"/>
                </a:lnTo>
                <a:lnTo>
                  <a:pt x="6344" y="4019"/>
                </a:lnTo>
                <a:lnTo>
                  <a:pt x="6338" y="4014"/>
                </a:lnTo>
                <a:lnTo>
                  <a:pt x="6333" y="4009"/>
                </a:lnTo>
                <a:lnTo>
                  <a:pt x="6328" y="4002"/>
                </a:lnTo>
                <a:lnTo>
                  <a:pt x="6324" y="3996"/>
                </a:lnTo>
                <a:lnTo>
                  <a:pt x="6321" y="3989"/>
                </a:lnTo>
                <a:lnTo>
                  <a:pt x="6318" y="3981"/>
                </a:lnTo>
                <a:lnTo>
                  <a:pt x="6316" y="3973"/>
                </a:lnTo>
                <a:lnTo>
                  <a:pt x="6316" y="3964"/>
                </a:lnTo>
                <a:lnTo>
                  <a:pt x="6316" y="3957"/>
                </a:lnTo>
                <a:lnTo>
                  <a:pt x="6317" y="3951"/>
                </a:lnTo>
                <a:lnTo>
                  <a:pt x="6318" y="3944"/>
                </a:lnTo>
                <a:lnTo>
                  <a:pt x="6321" y="3938"/>
                </a:lnTo>
                <a:lnTo>
                  <a:pt x="6324" y="3932"/>
                </a:lnTo>
                <a:lnTo>
                  <a:pt x="6327" y="3927"/>
                </a:lnTo>
                <a:lnTo>
                  <a:pt x="6331" y="3922"/>
                </a:lnTo>
                <a:lnTo>
                  <a:pt x="6334" y="3918"/>
                </a:lnTo>
                <a:lnTo>
                  <a:pt x="6344" y="3909"/>
                </a:lnTo>
                <a:lnTo>
                  <a:pt x="6354" y="3902"/>
                </a:lnTo>
                <a:lnTo>
                  <a:pt x="6366" y="3896"/>
                </a:lnTo>
                <a:lnTo>
                  <a:pt x="6378" y="3891"/>
                </a:lnTo>
                <a:lnTo>
                  <a:pt x="6390" y="3887"/>
                </a:lnTo>
                <a:lnTo>
                  <a:pt x="6403" y="3885"/>
                </a:lnTo>
                <a:lnTo>
                  <a:pt x="6416" y="3882"/>
                </a:lnTo>
                <a:lnTo>
                  <a:pt x="6430" y="3880"/>
                </a:lnTo>
                <a:lnTo>
                  <a:pt x="6453" y="3878"/>
                </a:lnTo>
                <a:lnTo>
                  <a:pt x="6472" y="3878"/>
                </a:lnTo>
                <a:lnTo>
                  <a:pt x="6486" y="3878"/>
                </a:lnTo>
                <a:lnTo>
                  <a:pt x="6499" y="3879"/>
                </a:lnTo>
                <a:lnTo>
                  <a:pt x="6512" y="3879"/>
                </a:lnTo>
                <a:lnTo>
                  <a:pt x="6526" y="3879"/>
                </a:lnTo>
                <a:lnTo>
                  <a:pt x="6526" y="3919"/>
                </a:lnTo>
                <a:close/>
                <a:moveTo>
                  <a:pt x="5471" y="3919"/>
                </a:moveTo>
                <a:lnTo>
                  <a:pt x="5471" y="3932"/>
                </a:lnTo>
                <a:lnTo>
                  <a:pt x="5470" y="3944"/>
                </a:lnTo>
                <a:lnTo>
                  <a:pt x="5467" y="3955"/>
                </a:lnTo>
                <a:lnTo>
                  <a:pt x="5464" y="3966"/>
                </a:lnTo>
                <a:lnTo>
                  <a:pt x="5459" y="3976"/>
                </a:lnTo>
                <a:lnTo>
                  <a:pt x="5454" y="3986"/>
                </a:lnTo>
                <a:lnTo>
                  <a:pt x="5447" y="3996"/>
                </a:lnTo>
                <a:lnTo>
                  <a:pt x="5440" y="4003"/>
                </a:lnTo>
                <a:lnTo>
                  <a:pt x="5432" y="4011"/>
                </a:lnTo>
                <a:lnTo>
                  <a:pt x="5422" y="4018"/>
                </a:lnTo>
                <a:lnTo>
                  <a:pt x="5412" y="4023"/>
                </a:lnTo>
                <a:lnTo>
                  <a:pt x="5401" y="4029"/>
                </a:lnTo>
                <a:lnTo>
                  <a:pt x="5389" y="4032"/>
                </a:lnTo>
                <a:lnTo>
                  <a:pt x="5376" y="4035"/>
                </a:lnTo>
                <a:lnTo>
                  <a:pt x="5361" y="4037"/>
                </a:lnTo>
                <a:lnTo>
                  <a:pt x="5346" y="4037"/>
                </a:lnTo>
                <a:lnTo>
                  <a:pt x="5339" y="4037"/>
                </a:lnTo>
                <a:lnTo>
                  <a:pt x="5332" y="4036"/>
                </a:lnTo>
                <a:lnTo>
                  <a:pt x="5324" y="4035"/>
                </a:lnTo>
                <a:lnTo>
                  <a:pt x="5317" y="4033"/>
                </a:lnTo>
                <a:lnTo>
                  <a:pt x="5310" y="4030"/>
                </a:lnTo>
                <a:lnTo>
                  <a:pt x="5303" y="4026"/>
                </a:lnTo>
                <a:lnTo>
                  <a:pt x="5297" y="4023"/>
                </a:lnTo>
                <a:lnTo>
                  <a:pt x="5290" y="4019"/>
                </a:lnTo>
                <a:lnTo>
                  <a:pt x="5284" y="4014"/>
                </a:lnTo>
                <a:lnTo>
                  <a:pt x="5279" y="4009"/>
                </a:lnTo>
                <a:lnTo>
                  <a:pt x="5275" y="4002"/>
                </a:lnTo>
                <a:lnTo>
                  <a:pt x="5270" y="3996"/>
                </a:lnTo>
                <a:lnTo>
                  <a:pt x="5267" y="3989"/>
                </a:lnTo>
                <a:lnTo>
                  <a:pt x="5265" y="3981"/>
                </a:lnTo>
                <a:lnTo>
                  <a:pt x="5262" y="3973"/>
                </a:lnTo>
                <a:lnTo>
                  <a:pt x="5262" y="3964"/>
                </a:lnTo>
                <a:lnTo>
                  <a:pt x="5262" y="3957"/>
                </a:lnTo>
                <a:lnTo>
                  <a:pt x="5264" y="3951"/>
                </a:lnTo>
                <a:lnTo>
                  <a:pt x="5265" y="3944"/>
                </a:lnTo>
                <a:lnTo>
                  <a:pt x="5267" y="3938"/>
                </a:lnTo>
                <a:lnTo>
                  <a:pt x="5270" y="3932"/>
                </a:lnTo>
                <a:lnTo>
                  <a:pt x="5272" y="3927"/>
                </a:lnTo>
                <a:lnTo>
                  <a:pt x="5277" y="3922"/>
                </a:lnTo>
                <a:lnTo>
                  <a:pt x="5280" y="3918"/>
                </a:lnTo>
                <a:lnTo>
                  <a:pt x="5290" y="3909"/>
                </a:lnTo>
                <a:lnTo>
                  <a:pt x="5300" y="3902"/>
                </a:lnTo>
                <a:lnTo>
                  <a:pt x="5312" y="3896"/>
                </a:lnTo>
                <a:lnTo>
                  <a:pt x="5324" y="3891"/>
                </a:lnTo>
                <a:lnTo>
                  <a:pt x="5336" y="3887"/>
                </a:lnTo>
                <a:lnTo>
                  <a:pt x="5349" y="3885"/>
                </a:lnTo>
                <a:lnTo>
                  <a:pt x="5363" y="3882"/>
                </a:lnTo>
                <a:lnTo>
                  <a:pt x="5376" y="3880"/>
                </a:lnTo>
                <a:lnTo>
                  <a:pt x="5399" y="3878"/>
                </a:lnTo>
                <a:lnTo>
                  <a:pt x="5419" y="3878"/>
                </a:lnTo>
                <a:lnTo>
                  <a:pt x="5432" y="3878"/>
                </a:lnTo>
                <a:lnTo>
                  <a:pt x="5445" y="3879"/>
                </a:lnTo>
                <a:lnTo>
                  <a:pt x="5458" y="3879"/>
                </a:lnTo>
                <a:lnTo>
                  <a:pt x="5471" y="3879"/>
                </a:lnTo>
                <a:lnTo>
                  <a:pt x="5471" y="3919"/>
                </a:lnTo>
                <a:close/>
                <a:moveTo>
                  <a:pt x="3302" y="3826"/>
                </a:moveTo>
                <a:lnTo>
                  <a:pt x="3303" y="3815"/>
                </a:lnTo>
                <a:lnTo>
                  <a:pt x="3306" y="3804"/>
                </a:lnTo>
                <a:lnTo>
                  <a:pt x="3309" y="3793"/>
                </a:lnTo>
                <a:lnTo>
                  <a:pt x="3312" y="3782"/>
                </a:lnTo>
                <a:lnTo>
                  <a:pt x="3317" y="3771"/>
                </a:lnTo>
                <a:lnTo>
                  <a:pt x="3322" y="3761"/>
                </a:lnTo>
                <a:lnTo>
                  <a:pt x="3328" y="3751"/>
                </a:lnTo>
                <a:lnTo>
                  <a:pt x="3334" y="3741"/>
                </a:lnTo>
                <a:lnTo>
                  <a:pt x="3342" y="3732"/>
                </a:lnTo>
                <a:lnTo>
                  <a:pt x="3351" y="3725"/>
                </a:lnTo>
                <a:lnTo>
                  <a:pt x="3361" y="3718"/>
                </a:lnTo>
                <a:lnTo>
                  <a:pt x="3372" y="3712"/>
                </a:lnTo>
                <a:lnTo>
                  <a:pt x="3383" y="3707"/>
                </a:lnTo>
                <a:lnTo>
                  <a:pt x="3395" y="3704"/>
                </a:lnTo>
                <a:lnTo>
                  <a:pt x="3409" y="3701"/>
                </a:lnTo>
                <a:lnTo>
                  <a:pt x="3423" y="3700"/>
                </a:lnTo>
                <a:lnTo>
                  <a:pt x="3436" y="3701"/>
                </a:lnTo>
                <a:lnTo>
                  <a:pt x="3449" y="3703"/>
                </a:lnTo>
                <a:lnTo>
                  <a:pt x="3461" y="3706"/>
                </a:lnTo>
                <a:lnTo>
                  <a:pt x="3471" y="3710"/>
                </a:lnTo>
                <a:lnTo>
                  <a:pt x="3482" y="3716"/>
                </a:lnTo>
                <a:lnTo>
                  <a:pt x="3490" y="3722"/>
                </a:lnTo>
                <a:lnTo>
                  <a:pt x="3499" y="3729"/>
                </a:lnTo>
                <a:lnTo>
                  <a:pt x="3506" y="3738"/>
                </a:lnTo>
                <a:lnTo>
                  <a:pt x="3513" y="3746"/>
                </a:lnTo>
                <a:lnTo>
                  <a:pt x="3519" y="3756"/>
                </a:lnTo>
                <a:lnTo>
                  <a:pt x="3523" y="3766"/>
                </a:lnTo>
                <a:lnTo>
                  <a:pt x="3528" y="3777"/>
                </a:lnTo>
                <a:lnTo>
                  <a:pt x="3531" y="3788"/>
                </a:lnTo>
                <a:lnTo>
                  <a:pt x="3533" y="3800"/>
                </a:lnTo>
                <a:lnTo>
                  <a:pt x="3535" y="3813"/>
                </a:lnTo>
                <a:lnTo>
                  <a:pt x="3535" y="3826"/>
                </a:lnTo>
                <a:lnTo>
                  <a:pt x="3302" y="3826"/>
                </a:lnTo>
                <a:close/>
                <a:moveTo>
                  <a:pt x="2254" y="3866"/>
                </a:moveTo>
                <a:lnTo>
                  <a:pt x="2009" y="3866"/>
                </a:lnTo>
                <a:lnTo>
                  <a:pt x="2131" y="3561"/>
                </a:lnTo>
                <a:lnTo>
                  <a:pt x="2254" y="3866"/>
                </a:lnTo>
                <a:close/>
                <a:moveTo>
                  <a:pt x="17460" y="1969"/>
                </a:moveTo>
                <a:lnTo>
                  <a:pt x="17459" y="1994"/>
                </a:lnTo>
                <a:lnTo>
                  <a:pt x="17457" y="2020"/>
                </a:lnTo>
                <a:lnTo>
                  <a:pt x="17452" y="2046"/>
                </a:lnTo>
                <a:lnTo>
                  <a:pt x="17444" y="2071"/>
                </a:lnTo>
                <a:lnTo>
                  <a:pt x="17439" y="2084"/>
                </a:lnTo>
                <a:lnTo>
                  <a:pt x="17434" y="2096"/>
                </a:lnTo>
                <a:lnTo>
                  <a:pt x="17428" y="2108"/>
                </a:lnTo>
                <a:lnTo>
                  <a:pt x="17422" y="2120"/>
                </a:lnTo>
                <a:lnTo>
                  <a:pt x="17415" y="2132"/>
                </a:lnTo>
                <a:lnTo>
                  <a:pt x="17408" y="2143"/>
                </a:lnTo>
                <a:lnTo>
                  <a:pt x="17400" y="2155"/>
                </a:lnTo>
                <a:lnTo>
                  <a:pt x="17390" y="2165"/>
                </a:lnTo>
                <a:lnTo>
                  <a:pt x="17381" y="2176"/>
                </a:lnTo>
                <a:lnTo>
                  <a:pt x="17370" y="2186"/>
                </a:lnTo>
                <a:lnTo>
                  <a:pt x="17359" y="2196"/>
                </a:lnTo>
                <a:lnTo>
                  <a:pt x="17347" y="2205"/>
                </a:lnTo>
                <a:lnTo>
                  <a:pt x="17335" y="2213"/>
                </a:lnTo>
                <a:lnTo>
                  <a:pt x="17322" y="2221"/>
                </a:lnTo>
                <a:lnTo>
                  <a:pt x="17307" y="2228"/>
                </a:lnTo>
                <a:lnTo>
                  <a:pt x="17293" y="2234"/>
                </a:lnTo>
                <a:lnTo>
                  <a:pt x="17278" y="2241"/>
                </a:lnTo>
                <a:lnTo>
                  <a:pt x="17261" y="2247"/>
                </a:lnTo>
                <a:lnTo>
                  <a:pt x="17244" y="2251"/>
                </a:lnTo>
                <a:lnTo>
                  <a:pt x="17226" y="2254"/>
                </a:lnTo>
                <a:lnTo>
                  <a:pt x="17207" y="2258"/>
                </a:lnTo>
                <a:lnTo>
                  <a:pt x="17188" y="2260"/>
                </a:lnTo>
                <a:lnTo>
                  <a:pt x="17167" y="2261"/>
                </a:lnTo>
                <a:lnTo>
                  <a:pt x="17146" y="2262"/>
                </a:lnTo>
                <a:lnTo>
                  <a:pt x="17125" y="2261"/>
                </a:lnTo>
                <a:lnTo>
                  <a:pt x="17106" y="2260"/>
                </a:lnTo>
                <a:lnTo>
                  <a:pt x="17087" y="2258"/>
                </a:lnTo>
                <a:lnTo>
                  <a:pt x="17069" y="2255"/>
                </a:lnTo>
                <a:lnTo>
                  <a:pt x="17052" y="2251"/>
                </a:lnTo>
                <a:lnTo>
                  <a:pt x="17036" y="2247"/>
                </a:lnTo>
                <a:lnTo>
                  <a:pt x="17020" y="2242"/>
                </a:lnTo>
                <a:lnTo>
                  <a:pt x="17005" y="2236"/>
                </a:lnTo>
                <a:lnTo>
                  <a:pt x="16992" y="2230"/>
                </a:lnTo>
                <a:lnTo>
                  <a:pt x="16979" y="2222"/>
                </a:lnTo>
                <a:lnTo>
                  <a:pt x="16965" y="2215"/>
                </a:lnTo>
                <a:lnTo>
                  <a:pt x="16954" y="2207"/>
                </a:lnTo>
                <a:lnTo>
                  <a:pt x="16942" y="2198"/>
                </a:lnTo>
                <a:lnTo>
                  <a:pt x="16932" y="2188"/>
                </a:lnTo>
                <a:lnTo>
                  <a:pt x="16922" y="2178"/>
                </a:lnTo>
                <a:lnTo>
                  <a:pt x="16914" y="2169"/>
                </a:lnTo>
                <a:lnTo>
                  <a:pt x="16905" y="2159"/>
                </a:lnTo>
                <a:lnTo>
                  <a:pt x="16897" y="2148"/>
                </a:lnTo>
                <a:lnTo>
                  <a:pt x="16889" y="2136"/>
                </a:lnTo>
                <a:lnTo>
                  <a:pt x="16883" y="2125"/>
                </a:lnTo>
                <a:lnTo>
                  <a:pt x="16877" y="2113"/>
                </a:lnTo>
                <a:lnTo>
                  <a:pt x="16872" y="2101"/>
                </a:lnTo>
                <a:lnTo>
                  <a:pt x="16867" y="2087"/>
                </a:lnTo>
                <a:lnTo>
                  <a:pt x="16863" y="2075"/>
                </a:lnTo>
                <a:lnTo>
                  <a:pt x="16859" y="2062"/>
                </a:lnTo>
                <a:lnTo>
                  <a:pt x="16856" y="2049"/>
                </a:lnTo>
                <a:lnTo>
                  <a:pt x="16853" y="2036"/>
                </a:lnTo>
                <a:lnTo>
                  <a:pt x="16851" y="2023"/>
                </a:lnTo>
                <a:lnTo>
                  <a:pt x="16849" y="1996"/>
                </a:lnTo>
                <a:lnTo>
                  <a:pt x="16848" y="1969"/>
                </a:lnTo>
                <a:lnTo>
                  <a:pt x="16848" y="1947"/>
                </a:lnTo>
                <a:lnTo>
                  <a:pt x="16850" y="1923"/>
                </a:lnTo>
                <a:lnTo>
                  <a:pt x="16853" y="1897"/>
                </a:lnTo>
                <a:lnTo>
                  <a:pt x="16858" y="1872"/>
                </a:lnTo>
                <a:lnTo>
                  <a:pt x="16861" y="1859"/>
                </a:lnTo>
                <a:lnTo>
                  <a:pt x="16864" y="1846"/>
                </a:lnTo>
                <a:lnTo>
                  <a:pt x="16869" y="1833"/>
                </a:lnTo>
                <a:lnTo>
                  <a:pt x="16874" y="1821"/>
                </a:lnTo>
                <a:lnTo>
                  <a:pt x="16880" y="1807"/>
                </a:lnTo>
                <a:lnTo>
                  <a:pt x="16885" y="1795"/>
                </a:lnTo>
                <a:lnTo>
                  <a:pt x="16893" y="1782"/>
                </a:lnTo>
                <a:lnTo>
                  <a:pt x="16900" y="1770"/>
                </a:lnTo>
                <a:lnTo>
                  <a:pt x="16908" y="1759"/>
                </a:lnTo>
                <a:lnTo>
                  <a:pt x="16918" y="1747"/>
                </a:lnTo>
                <a:lnTo>
                  <a:pt x="16928" y="1736"/>
                </a:lnTo>
                <a:lnTo>
                  <a:pt x="16939" y="1726"/>
                </a:lnTo>
                <a:lnTo>
                  <a:pt x="16951" y="1716"/>
                </a:lnTo>
                <a:lnTo>
                  <a:pt x="16964" y="1706"/>
                </a:lnTo>
                <a:lnTo>
                  <a:pt x="16977" y="1699"/>
                </a:lnTo>
                <a:lnTo>
                  <a:pt x="16993" y="1690"/>
                </a:lnTo>
                <a:lnTo>
                  <a:pt x="17008" y="1683"/>
                </a:lnTo>
                <a:lnTo>
                  <a:pt x="17026" y="1677"/>
                </a:lnTo>
                <a:lnTo>
                  <a:pt x="17045" y="1671"/>
                </a:lnTo>
                <a:lnTo>
                  <a:pt x="17063" y="1667"/>
                </a:lnTo>
                <a:lnTo>
                  <a:pt x="17084" y="1662"/>
                </a:lnTo>
                <a:lnTo>
                  <a:pt x="17106" y="1660"/>
                </a:lnTo>
                <a:lnTo>
                  <a:pt x="17129" y="1658"/>
                </a:lnTo>
                <a:lnTo>
                  <a:pt x="17153" y="1658"/>
                </a:lnTo>
                <a:lnTo>
                  <a:pt x="17173" y="1658"/>
                </a:lnTo>
                <a:lnTo>
                  <a:pt x="17192" y="1659"/>
                </a:lnTo>
                <a:lnTo>
                  <a:pt x="17210" y="1660"/>
                </a:lnTo>
                <a:lnTo>
                  <a:pt x="17227" y="1662"/>
                </a:lnTo>
                <a:lnTo>
                  <a:pt x="17244" y="1666"/>
                </a:lnTo>
                <a:lnTo>
                  <a:pt x="17259" y="1669"/>
                </a:lnTo>
                <a:lnTo>
                  <a:pt x="17274" y="1672"/>
                </a:lnTo>
                <a:lnTo>
                  <a:pt x="17290" y="1677"/>
                </a:lnTo>
                <a:lnTo>
                  <a:pt x="17304" y="1682"/>
                </a:lnTo>
                <a:lnTo>
                  <a:pt x="17317" y="1688"/>
                </a:lnTo>
                <a:lnTo>
                  <a:pt x="17331" y="1694"/>
                </a:lnTo>
                <a:lnTo>
                  <a:pt x="17343" y="1701"/>
                </a:lnTo>
                <a:lnTo>
                  <a:pt x="17354" y="1709"/>
                </a:lnTo>
                <a:lnTo>
                  <a:pt x="17365" y="1717"/>
                </a:lnTo>
                <a:lnTo>
                  <a:pt x="17376" y="1726"/>
                </a:lnTo>
                <a:lnTo>
                  <a:pt x="17386" y="1735"/>
                </a:lnTo>
                <a:lnTo>
                  <a:pt x="17394" y="1746"/>
                </a:lnTo>
                <a:lnTo>
                  <a:pt x="17403" y="1756"/>
                </a:lnTo>
                <a:lnTo>
                  <a:pt x="17411" y="1768"/>
                </a:lnTo>
                <a:lnTo>
                  <a:pt x="17419" y="1779"/>
                </a:lnTo>
                <a:lnTo>
                  <a:pt x="17425" y="1792"/>
                </a:lnTo>
                <a:lnTo>
                  <a:pt x="17432" y="1805"/>
                </a:lnTo>
                <a:lnTo>
                  <a:pt x="17437" y="1818"/>
                </a:lnTo>
                <a:lnTo>
                  <a:pt x="17442" y="1833"/>
                </a:lnTo>
                <a:lnTo>
                  <a:pt x="17446" y="1848"/>
                </a:lnTo>
                <a:lnTo>
                  <a:pt x="17450" y="1863"/>
                </a:lnTo>
                <a:lnTo>
                  <a:pt x="17454" y="1880"/>
                </a:lnTo>
                <a:lnTo>
                  <a:pt x="17456" y="1896"/>
                </a:lnTo>
                <a:lnTo>
                  <a:pt x="17458" y="1914"/>
                </a:lnTo>
                <a:lnTo>
                  <a:pt x="17459" y="1931"/>
                </a:lnTo>
                <a:lnTo>
                  <a:pt x="17460" y="1950"/>
                </a:lnTo>
                <a:lnTo>
                  <a:pt x="17460" y="1969"/>
                </a:lnTo>
                <a:close/>
                <a:moveTo>
                  <a:pt x="15281" y="1396"/>
                </a:moveTo>
                <a:lnTo>
                  <a:pt x="15281" y="1264"/>
                </a:lnTo>
                <a:lnTo>
                  <a:pt x="15415" y="1264"/>
                </a:lnTo>
                <a:lnTo>
                  <a:pt x="15421" y="1264"/>
                </a:lnTo>
                <a:lnTo>
                  <a:pt x="15421" y="1396"/>
                </a:lnTo>
                <a:lnTo>
                  <a:pt x="15281" y="1396"/>
                </a:lnTo>
                <a:close/>
                <a:moveTo>
                  <a:pt x="13289" y="1912"/>
                </a:moveTo>
                <a:lnTo>
                  <a:pt x="12720" y="1912"/>
                </a:lnTo>
                <a:lnTo>
                  <a:pt x="12720" y="1901"/>
                </a:lnTo>
                <a:lnTo>
                  <a:pt x="12723" y="1889"/>
                </a:lnTo>
                <a:lnTo>
                  <a:pt x="12724" y="1878"/>
                </a:lnTo>
                <a:lnTo>
                  <a:pt x="12727" y="1866"/>
                </a:lnTo>
                <a:lnTo>
                  <a:pt x="12729" y="1855"/>
                </a:lnTo>
                <a:lnTo>
                  <a:pt x="12734" y="1842"/>
                </a:lnTo>
                <a:lnTo>
                  <a:pt x="12738" y="1832"/>
                </a:lnTo>
                <a:lnTo>
                  <a:pt x="12742" y="1821"/>
                </a:lnTo>
                <a:lnTo>
                  <a:pt x="12748" y="1810"/>
                </a:lnTo>
                <a:lnTo>
                  <a:pt x="12755" y="1799"/>
                </a:lnTo>
                <a:lnTo>
                  <a:pt x="12761" y="1788"/>
                </a:lnTo>
                <a:lnTo>
                  <a:pt x="12769" y="1778"/>
                </a:lnTo>
                <a:lnTo>
                  <a:pt x="12777" y="1767"/>
                </a:lnTo>
                <a:lnTo>
                  <a:pt x="12785" y="1757"/>
                </a:lnTo>
                <a:lnTo>
                  <a:pt x="12794" y="1748"/>
                </a:lnTo>
                <a:lnTo>
                  <a:pt x="12803" y="1738"/>
                </a:lnTo>
                <a:lnTo>
                  <a:pt x="12814" y="1729"/>
                </a:lnTo>
                <a:lnTo>
                  <a:pt x="12824" y="1722"/>
                </a:lnTo>
                <a:lnTo>
                  <a:pt x="12835" y="1713"/>
                </a:lnTo>
                <a:lnTo>
                  <a:pt x="12847" y="1705"/>
                </a:lnTo>
                <a:lnTo>
                  <a:pt x="12859" y="1699"/>
                </a:lnTo>
                <a:lnTo>
                  <a:pt x="12872" y="1692"/>
                </a:lnTo>
                <a:lnTo>
                  <a:pt x="12885" y="1685"/>
                </a:lnTo>
                <a:lnTo>
                  <a:pt x="12899" y="1680"/>
                </a:lnTo>
                <a:lnTo>
                  <a:pt x="12913" y="1674"/>
                </a:lnTo>
                <a:lnTo>
                  <a:pt x="12927" y="1670"/>
                </a:lnTo>
                <a:lnTo>
                  <a:pt x="12943" y="1667"/>
                </a:lnTo>
                <a:lnTo>
                  <a:pt x="12958" y="1664"/>
                </a:lnTo>
                <a:lnTo>
                  <a:pt x="12975" y="1661"/>
                </a:lnTo>
                <a:lnTo>
                  <a:pt x="12991" y="1659"/>
                </a:lnTo>
                <a:lnTo>
                  <a:pt x="13008" y="1658"/>
                </a:lnTo>
                <a:lnTo>
                  <a:pt x="13025" y="1658"/>
                </a:lnTo>
                <a:lnTo>
                  <a:pt x="13043" y="1658"/>
                </a:lnTo>
                <a:lnTo>
                  <a:pt x="13059" y="1659"/>
                </a:lnTo>
                <a:lnTo>
                  <a:pt x="13076" y="1661"/>
                </a:lnTo>
                <a:lnTo>
                  <a:pt x="13091" y="1664"/>
                </a:lnTo>
                <a:lnTo>
                  <a:pt x="13105" y="1667"/>
                </a:lnTo>
                <a:lnTo>
                  <a:pt x="13120" y="1670"/>
                </a:lnTo>
                <a:lnTo>
                  <a:pt x="13134" y="1674"/>
                </a:lnTo>
                <a:lnTo>
                  <a:pt x="13146" y="1680"/>
                </a:lnTo>
                <a:lnTo>
                  <a:pt x="13158" y="1685"/>
                </a:lnTo>
                <a:lnTo>
                  <a:pt x="13170" y="1692"/>
                </a:lnTo>
                <a:lnTo>
                  <a:pt x="13181" y="1699"/>
                </a:lnTo>
                <a:lnTo>
                  <a:pt x="13192" y="1705"/>
                </a:lnTo>
                <a:lnTo>
                  <a:pt x="13202" y="1713"/>
                </a:lnTo>
                <a:lnTo>
                  <a:pt x="13211" y="1722"/>
                </a:lnTo>
                <a:lnTo>
                  <a:pt x="13220" y="1729"/>
                </a:lnTo>
                <a:lnTo>
                  <a:pt x="13228" y="1738"/>
                </a:lnTo>
                <a:lnTo>
                  <a:pt x="13235" y="1748"/>
                </a:lnTo>
                <a:lnTo>
                  <a:pt x="13243" y="1757"/>
                </a:lnTo>
                <a:lnTo>
                  <a:pt x="13250" y="1767"/>
                </a:lnTo>
                <a:lnTo>
                  <a:pt x="13255" y="1778"/>
                </a:lnTo>
                <a:lnTo>
                  <a:pt x="13266" y="1799"/>
                </a:lnTo>
                <a:lnTo>
                  <a:pt x="13274" y="1821"/>
                </a:lnTo>
                <a:lnTo>
                  <a:pt x="13280" y="1842"/>
                </a:lnTo>
                <a:lnTo>
                  <a:pt x="13285" y="1866"/>
                </a:lnTo>
                <a:lnTo>
                  <a:pt x="13288" y="1889"/>
                </a:lnTo>
                <a:lnTo>
                  <a:pt x="13289" y="1912"/>
                </a:lnTo>
                <a:close/>
                <a:moveTo>
                  <a:pt x="9653" y="1844"/>
                </a:moveTo>
                <a:lnTo>
                  <a:pt x="9653" y="1824"/>
                </a:lnTo>
                <a:lnTo>
                  <a:pt x="9651" y="1806"/>
                </a:lnTo>
                <a:lnTo>
                  <a:pt x="9649" y="1788"/>
                </a:lnTo>
                <a:lnTo>
                  <a:pt x="9647" y="1770"/>
                </a:lnTo>
                <a:lnTo>
                  <a:pt x="9644" y="1754"/>
                </a:lnTo>
                <a:lnTo>
                  <a:pt x="9639" y="1737"/>
                </a:lnTo>
                <a:lnTo>
                  <a:pt x="9634" y="1722"/>
                </a:lnTo>
                <a:lnTo>
                  <a:pt x="9628" y="1707"/>
                </a:lnTo>
                <a:lnTo>
                  <a:pt x="9622" y="1692"/>
                </a:lnTo>
                <a:lnTo>
                  <a:pt x="9614" y="1679"/>
                </a:lnTo>
                <a:lnTo>
                  <a:pt x="9605" y="1666"/>
                </a:lnTo>
                <a:lnTo>
                  <a:pt x="9596" y="1653"/>
                </a:lnTo>
                <a:lnTo>
                  <a:pt x="9587" y="1640"/>
                </a:lnTo>
                <a:lnTo>
                  <a:pt x="9576" y="1629"/>
                </a:lnTo>
                <a:lnTo>
                  <a:pt x="9565" y="1618"/>
                </a:lnTo>
                <a:lnTo>
                  <a:pt x="9551" y="1609"/>
                </a:lnTo>
                <a:lnTo>
                  <a:pt x="9538" y="1599"/>
                </a:lnTo>
                <a:lnTo>
                  <a:pt x="9524" y="1590"/>
                </a:lnTo>
                <a:lnTo>
                  <a:pt x="9510" y="1581"/>
                </a:lnTo>
                <a:lnTo>
                  <a:pt x="9493" y="1573"/>
                </a:lnTo>
                <a:lnTo>
                  <a:pt x="9477" y="1567"/>
                </a:lnTo>
                <a:lnTo>
                  <a:pt x="9459" y="1560"/>
                </a:lnTo>
                <a:lnTo>
                  <a:pt x="9440" y="1554"/>
                </a:lnTo>
                <a:lnTo>
                  <a:pt x="9420" y="1548"/>
                </a:lnTo>
                <a:lnTo>
                  <a:pt x="9401" y="1544"/>
                </a:lnTo>
                <a:lnTo>
                  <a:pt x="9379" y="1539"/>
                </a:lnTo>
                <a:lnTo>
                  <a:pt x="9357" y="1536"/>
                </a:lnTo>
                <a:lnTo>
                  <a:pt x="9334" y="1534"/>
                </a:lnTo>
                <a:lnTo>
                  <a:pt x="9309" y="1532"/>
                </a:lnTo>
                <a:lnTo>
                  <a:pt x="9284" y="1530"/>
                </a:lnTo>
                <a:lnTo>
                  <a:pt x="9258" y="1528"/>
                </a:lnTo>
                <a:lnTo>
                  <a:pt x="9231" y="1528"/>
                </a:lnTo>
                <a:lnTo>
                  <a:pt x="9194" y="1528"/>
                </a:lnTo>
                <a:lnTo>
                  <a:pt x="9152" y="1531"/>
                </a:lnTo>
                <a:lnTo>
                  <a:pt x="9109" y="1534"/>
                </a:lnTo>
                <a:lnTo>
                  <a:pt x="9064" y="1537"/>
                </a:lnTo>
                <a:lnTo>
                  <a:pt x="9017" y="1544"/>
                </a:lnTo>
                <a:lnTo>
                  <a:pt x="8969" y="1552"/>
                </a:lnTo>
                <a:lnTo>
                  <a:pt x="8923" y="1560"/>
                </a:lnTo>
                <a:lnTo>
                  <a:pt x="8877" y="1571"/>
                </a:lnTo>
                <a:lnTo>
                  <a:pt x="8877" y="1732"/>
                </a:lnTo>
                <a:lnTo>
                  <a:pt x="8913" y="1721"/>
                </a:lnTo>
                <a:lnTo>
                  <a:pt x="8951" y="1710"/>
                </a:lnTo>
                <a:lnTo>
                  <a:pt x="8988" y="1701"/>
                </a:lnTo>
                <a:lnTo>
                  <a:pt x="9027" y="1694"/>
                </a:lnTo>
                <a:lnTo>
                  <a:pt x="9065" y="1689"/>
                </a:lnTo>
                <a:lnTo>
                  <a:pt x="9103" y="1684"/>
                </a:lnTo>
                <a:lnTo>
                  <a:pt x="9140" y="1682"/>
                </a:lnTo>
                <a:lnTo>
                  <a:pt x="9175" y="1681"/>
                </a:lnTo>
                <a:lnTo>
                  <a:pt x="9198" y="1681"/>
                </a:lnTo>
                <a:lnTo>
                  <a:pt x="9221" y="1682"/>
                </a:lnTo>
                <a:lnTo>
                  <a:pt x="9244" y="1683"/>
                </a:lnTo>
                <a:lnTo>
                  <a:pt x="9265" y="1687"/>
                </a:lnTo>
                <a:lnTo>
                  <a:pt x="9285" y="1690"/>
                </a:lnTo>
                <a:lnTo>
                  <a:pt x="9304" y="1695"/>
                </a:lnTo>
                <a:lnTo>
                  <a:pt x="9321" y="1702"/>
                </a:lnTo>
                <a:lnTo>
                  <a:pt x="9338" y="1710"/>
                </a:lnTo>
                <a:lnTo>
                  <a:pt x="9346" y="1714"/>
                </a:lnTo>
                <a:lnTo>
                  <a:pt x="9352" y="1720"/>
                </a:lnTo>
                <a:lnTo>
                  <a:pt x="9359" y="1725"/>
                </a:lnTo>
                <a:lnTo>
                  <a:pt x="9365" y="1732"/>
                </a:lnTo>
                <a:lnTo>
                  <a:pt x="9371" y="1739"/>
                </a:lnTo>
                <a:lnTo>
                  <a:pt x="9376" y="1746"/>
                </a:lnTo>
                <a:lnTo>
                  <a:pt x="9382" y="1755"/>
                </a:lnTo>
                <a:lnTo>
                  <a:pt x="9386" y="1763"/>
                </a:lnTo>
                <a:lnTo>
                  <a:pt x="9391" y="1772"/>
                </a:lnTo>
                <a:lnTo>
                  <a:pt x="9394" y="1783"/>
                </a:lnTo>
                <a:lnTo>
                  <a:pt x="9397" y="1793"/>
                </a:lnTo>
                <a:lnTo>
                  <a:pt x="9400" y="1805"/>
                </a:lnTo>
                <a:lnTo>
                  <a:pt x="9402" y="1817"/>
                </a:lnTo>
                <a:lnTo>
                  <a:pt x="9403" y="1830"/>
                </a:lnTo>
                <a:lnTo>
                  <a:pt x="9404" y="1845"/>
                </a:lnTo>
                <a:lnTo>
                  <a:pt x="9404" y="1859"/>
                </a:lnTo>
                <a:lnTo>
                  <a:pt x="9277" y="1859"/>
                </a:lnTo>
                <a:lnTo>
                  <a:pt x="9236" y="1859"/>
                </a:lnTo>
                <a:lnTo>
                  <a:pt x="9191" y="1861"/>
                </a:lnTo>
                <a:lnTo>
                  <a:pt x="9145" y="1863"/>
                </a:lnTo>
                <a:lnTo>
                  <a:pt x="9099" y="1868"/>
                </a:lnTo>
                <a:lnTo>
                  <a:pt x="9055" y="1873"/>
                </a:lnTo>
                <a:lnTo>
                  <a:pt x="9013" y="1879"/>
                </a:lnTo>
                <a:lnTo>
                  <a:pt x="8994" y="1883"/>
                </a:lnTo>
                <a:lnTo>
                  <a:pt x="8975" y="1886"/>
                </a:lnTo>
                <a:lnTo>
                  <a:pt x="8957" y="1892"/>
                </a:lnTo>
                <a:lnTo>
                  <a:pt x="8942" y="1896"/>
                </a:lnTo>
                <a:lnTo>
                  <a:pt x="8924" y="1903"/>
                </a:lnTo>
                <a:lnTo>
                  <a:pt x="8907" y="1909"/>
                </a:lnTo>
                <a:lnTo>
                  <a:pt x="8890" y="1917"/>
                </a:lnTo>
                <a:lnTo>
                  <a:pt x="8874" y="1926"/>
                </a:lnTo>
                <a:lnTo>
                  <a:pt x="8858" y="1936"/>
                </a:lnTo>
                <a:lnTo>
                  <a:pt x="8843" y="1947"/>
                </a:lnTo>
                <a:lnTo>
                  <a:pt x="8829" y="1959"/>
                </a:lnTo>
                <a:lnTo>
                  <a:pt x="8815" y="1971"/>
                </a:lnTo>
                <a:lnTo>
                  <a:pt x="8803" y="1985"/>
                </a:lnTo>
                <a:lnTo>
                  <a:pt x="8792" y="2000"/>
                </a:lnTo>
                <a:lnTo>
                  <a:pt x="8784" y="2016"/>
                </a:lnTo>
                <a:lnTo>
                  <a:pt x="8775" y="2032"/>
                </a:lnTo>
                <a:lnTo>
                  <a:pt x="8768" y="2050"/>
                </a:lnTo>
                <a:lnTo>
                  <a:pt x="8764" y="2070"/>
                </a:lnTo>
                <a:lnTo>
                  <a:pt x="8760" y="2090"/>
                </a:lnTo>
                <a:lnTo>
                  <a:pt x="8759" y="2110"/>
                </a:lnTo>
                <a:lnTo>
                  <a:pt x="8760" y="2128"/>
                </a:lnTo>
                <a:lnTo>
                  <a:pt x="8762" y="2146"/>
                </a:lnTo>
                <a:lnTo>
                  <a:pt x="8764" y="2161"/>
                </a:lnTo>
                <a:lnTo>
                  <a:pt x="8767" y="2176"/>
                </a:lnTo>
                <a:lnTo>
                  <a:pt x="8771" y="2191"/>
                </a:lnTo>
                <a:lnTo>
                  <a:pt x="8776" y="2205"/>
                </a:lnTo>
                <a:lnTo>
                  <a:pt x="8781" y="2218"/>
                </a:lnTo>
                <a:lnTo>
                  <a:pt x="8788" y="2231"/>
                </a:lnTo>
                <a:lnTo>
                  <a:pt x="8796" y="2243"/>
                </a:lnTo>
                <a:lnTo>
                  <a:pt x="8803" y="2254"/>
                </a:lnTo>
                <a:lnTo>
                  <a:pt x="8812" y="2265"/>
                </a:lnTo>
                <a:lnTo>
                  <a:pt x="8822" y="2275"/>
                </a:lnTo>
                <a:lnTo>
                  <a:pt x="8832" y="2285"/>
                </a:lnTo>
                <a:lnTo>
                  <a:pt x="8843" y="2294"/>
                </a:lnTo>
                <a:lnTo>
                  <a:pt x="8854" y="2303"/>
                </a:lnTo>
                <a:lnTo>
                  <a:pt x="8866" y="2310"/>
                </a:lnTo>
                <a:lnTo>
                  <a:pt x="8878" y="2318"/>
                </a:lnTo>
                <a:lnTo>
                  <a:pt x="8891" y="2325"/>
                </a:lnTo>
                <a:lnTo>
                  <a:pt x="8905" y="2331"/>
                </a:lnTo>
                <a:lnTo>
                  <a:pt x="8918" y="2337"/>
                </a:lnTo>
                <a:lnTo>
                  <a:pt x="8932" y="2342"/>
                </a:lnTo>
                <a:lnTo>
                  <a:pt x="8947" y="2346"/>
                </a:lnTo>
                <a:lnTo>
                  <a:pt x="8962" y="2351"/>
                </a:lnTo>
                <a:lnTo>
                  <a:pt x="8978" y="2354"/>
                </a:lnTo>
                <a:lnTo>
                  <a:pt x="9010" y="2361"/>
                </a:lnTo>
                <a:lnTo>
                  <a:pt x="9043" y="2364"/>
                </a:lnTo>
                <a:lnTo>
                  <a:pt x="9076" y="2367"/>
                </a:lnTo>
                <a:lnTo>
                  <a:pt x="9111" y="2367"/>
                </a:lnTo>
                <a:lnTo>
                  <a:pt x="9137" y="2367"/>
                </a:lnTo>
                <a:lnTo>
                  <a:pt x="9161" y="2366"/>
                </a:lnTo>
                <a:lnTo>
                  <a:pt x="9184" y="2364"/>
                </a:lnTo>
                <a:lnTo>
                  <a:pt x="9207" y="2362"/>
                </a:lnTo>
                <a:lnTo>
                  <a:pt x="9228" y="2359"/>
                </a:lnTo>
                <a:lnTo>
                  <a:pt x="9249" y="2354"/>
                </a:lnTo>
                <a:lnTo>
                  <a:pt x="9269" y="2350"/>
                </a:lnTo>
                <a:lnTo>
                  <a:pt x="9288" y="2344"/>
                </a:lnTo>
                <a:lnTo>
                  <a:pt x="9307" y="2338"/>
                </a:lnTo>
                <a:lnTo>
                  <a:pt x="9325" y="2330"/>
                </a:lnTo>
                <a:lnTo>
                  <a:pt x="9341" y="2322"/>
                </a:lnTo>
                <a:lnTo>
                  <a:pt x="9358" y="2312"/>
                </a:lnTo>
                <a:lnTo>
                  <a:pt x="9373" y="2303"/>
                </a:lnTo>
                <a:lnTo>
                  <a:pt x="9387" y="2293"/>
                </a:lnTo>
                <a:lnTo>
                  <a:pt x="9402" y="2281"/>
                </a:lnTo>
                <a:lnTo>
                  <a:pt x="9415" y="2269"/>
                </a:lnTo>
                <a:lnTo>
                  <a:pt x="9419" y="2269"/>
                </a:lnTo>
                <a:lnTo>
                  <a:pt x="9419" y="2349"/>
                </a:lnTo>
                <a:lnTo>
                  <a:pt x="9653" y="2349"/>
                </a:lnTo>
                <a:lnTo>
                  <a:pt x="9653" y="1844"/>
                </a:lnTo>
                <a:close/>
                <a:moveTo>
                  <a:pt x="8363" y="1545"/>
                </a:moveTo>
                <a:lnTo>
                  <a:pt x="8363" y="1622"/>
                </a:lnTo>
                <a:lnTo>
                  <a:pt x="8359" y="1622"/>
                </a:lnTo>
                <a:lnTo>
                  <a:pt x="8348" y="1612"/>
                </a:lnTo>
                <a:lnTo>
                  <a:pt x="8337" y="1602"/>
                </a:lnTo>
                <a:lnTo>
                  <a:pt x="8325" y="1593"/>
                </a:lnTo>
                <a:lnTo>
                  <a:pt x="8311" y="1584"/>
                </a:lnTo>
                <a:lnTo>
                  <a:pt x="8297" y="1576"/>
                </a:lnTo>
                <a:lnTo>
                  <a:pt x="8282" y="1568"/>
                </a:lnTo>
                <a:lnTo>
                  <a:pt x="8265" y="1561"/>
                </a:lnTo>
                <a:lnTo>
                  <a:pt x="8248" y="1555"/>
                </a:lnTo>
                <a:lnTo>
                  <a:pt x="8229" y="1548"/>
                </a:lnTo>
                <a:lnTo>
                  <a:pt x="8209" y="1544"/>
                </a:lnTo>
                <a:lnTo>
                  <a:pt x="8188" y="1539"/>
                </a:lnTo>
                <a:lnTo>
                  <a:pt x="8166" y="1535"/>
                </a:lnTo>
                <a:lnTo>
                  <a:pt x="8143" y="1533"/>
                </a:lnTo>
                <a:lnTo>
                  <a:pt x="8118" y="1531"/>
                </a:lnTo>
                <a:lnTo>
                  <a:pt x="8092" y="1528"/>
                </a:lnTo>
                <a:lnTo>
                  <a:pt x="8063" y="1528"/>
                </a:lnTo>
                <a:lnTo>
                  <a:pt x="8036" y="1528"/>
                </a:lnTo>
                <a:lnTo>
                  <a:pt x="8009" y="1531"/>
                </a:lnTo>
                <a:lnTo>
                  <a:pt x="7984" y="1534"/>
                </a:lnTo>
                <a:lnTo>
                  <a:pt x="7960" y="1538"/>
                </a:lnTo>
                <a:lnTo>
                  <a:pt x="7935" y="1544"/>
                </a:lnTo>
                <a:lnTo>
                  <a:pt x="7913" y="1549"/>
                </a:lnTo>
                <a:lnTo>
                  <a:pt x="7891" y="1557"/>
                </a:lnTo>
                <a:lnTo>
                  <a:pt x="7871" y="1566"/>
                </a:lnTo>
                <a:lnTo>
                  <a:pt x="7851" y="1575"/>
                </a:lnTo>
                <a:lnTo>
                  <a:pt x="7832" y="1584"/>
                </a:lnTo>
                <a:lnTo>
                  <a:pt x="7813" y="1595"/>
                </a:lnTo>
                <a:lnTo>
                  <a:pt x="7797" y="1608"/>
                </a:lnTo>
                <a:lnTo>
                  <a:pt x="7780" y="1620"/>
                </a:lnTo>
                <a:lnTo>
                  <a:pt x="7765" y="1633"/>
                </a:lnTo>
                <a:lnTo>
                  <a:pt x="7751" y="1647"/>
                </a:lnTo>
                <a:lnTo>
                  <a:pt x="7737" y="1661"/>
                </a:lnTo>
                <a:lnTo>
                  <a:pt x="7724" y="1677"/>
                </a:lnTo>
                <a:lnTo>
                  <a:pt x="7713" y="1692"/>
                </a:lnTo>
                <a:lnTo>
                  <a:pt x="7702" y="1709"/>
                </a:lnTo>
                <a:lnTo>
                  <a:pt x="7691" y="1725"/>
                </a:lnTo>
                <a:lnTo>
                  <a:pt x="7682" y="1741"/>
                </a:lnTo>
                <a:lnTo>
                  <a:pt x="7674" y="1759"/>
                </a:lnTo>
                <a:lnTo>
                  <a:pt x="7666" y="1777"/>
                </a:lnTo>
                <a:lnTo>
                  <a:pt x="7659" y="1794"/>
                </a:lnTo>
                <a:lnTo>
                  <a:pt x="7654" y="1813"/>
                </a:lnTo>
                <a:lnTo>
                  <a:pt x="7648" y="1830"/>
                </a:lnTo>
                <a:lnTo>
                  <a:pt x="7644" y="1849"/>
                </a:lnTo>
                <a:lnTo>
                  <a:pt x="7641" y="1868"/>
                </a:lnTo>
                <a:lnTo>
                  <a:pt x="7638" y="1886"/>
                </a:lnTo>
                <a:lnTo>
                  <a:pt x="7636" y="1905"/>
                </a:lnTo>
                <a:lnTo>
                  <a:pt x="7635" y="1924"/>
                </a:lnTo>
                <a:lnTo>
                  <a:pt x="7635" y="1942"/>
                </a:lnTo>
                <a:lnTo>
                  <a:pt x="7635" y="1963"/>
                </a:lnTo>
                <a:lnTo>
                  <a:pt x="7636" y="1985"/>
                </a:lnTo>
                <a:lnTo>
                  <a:pt x="7638" y="2006"/>
                </a:lnTo>
                <a:lnTo>
                  <a:pt x="7641" y="2026"/>
                </a:lnTo>
                <a:lnTo>
                  <a:pt x="7645" y="2046"/>
                </a:lnTo>
                <a:lnTo>
                  <a:pt x="7649" y="2065"/>
                </a:lnTo>
                <a:lnTo>
                  <a:pt x="7654" y="2085"/>
                </a:lnTo>
                <a:lnTo>
                  <a:pt x="7660" y="2104"/>
                </a:lnTo>
                <a:lnTo>
                  <a:pt x="7667" y="2121"/>
                </a:lnTo>
                <a:lnTo>
                  <a:pt x="7675" y="2139"/>
                </a:lnTo>
                <a:lnTo>
                  <a:pt x="7682" y="2157"/>
                </a:lnTo>
                <a:lnTo>
                  <a:pt x="7691" y="2173"/>
                </a:lnTo>
                <a:lnTo>
                  <a:pt x="7701" y="2188"/>
                </a:lnTo>
                <a:lnTo>
                  <a:pt x="7712" y="2204"/>
                </a:lnTo>
                <a:lnTo>
                  <a:pt x="7724" y="2219"/>
                </a:lnTo>
                <a:lnTo>
                  <a:pt x="7736" y="2233"/>
                </a:lnTo>
                <a:lnTo>
                  <a:pt x="7750" y="2247"/>
                </a:lnTo>
                <a:lnTo>
                  <a:pt x="7764" y="2259"/>
                </a:lnTo>
                <a:lnTo>
                  <a:pt x="7778" y="2272"/>
                </a:lnTo>
                <a:lnTo>
                  <a:pt x="7794" y="2283"/>
                </a:lnTo>
                <a:lnTo>
                  <a:pt x="7810" y="2294"/>
                </a:lnTo>
                <a:lnTo>
                  <a:pt x="7828" y="2304"/>
                </a:lnTo>
                <a:lnTo>
                  <a:pt x="7845" y="2312"/>
                </a:lnTo>
                <a:lnTo>
                  <a:pt x="7865" y="2321"/>
                </a:lnTo>
                <a:lnTo>
                  <a:pt x="7884" y="2329"/>
                </a:lnTo>
                <a:lnTo>
                  <a:pt x="7905" y="2336"/>
                </a:lnTo>
                <a:lnTo>
                  <a:pt x="7927" y="2341"/>
                </a:lnTo>
                <a:lnTo>
                  <a:pt x="7949" y="2346"/>
                </a:lnTo>
                <a:lnTo>
                  <a:pt x="7972" y="2350"/>
                </a:lnTo>
                <a:lnTo>
                  <a:pt x="7996" y="2353"/>
                </a:lnTo>
                <a:lnTo>
                  <a:pt x="8020" y="2356"/>
                </a:lnTo>
                <a:lnTo>
                  <a:pt x="8045" y="2357"/>
                </a:lnTo>
                <a:lnTo>
                  <a:pt x="8072" y="2357"/>
                </a:lnTo>
                <a:lnTo>
                  <a:pt x="8097" y="2356"/>
                </a:lnTo>
                <a:lnTo>
                  <a:pt x="8121" y="2354"/>
                </a:lnTo>
                <a:lnTo>
                  <a:pt x="8146" y="2350"/>
                </a:lnTo>
                <a:lnTo>
                  <a:pt x="8168" y="2345"/>
                </a:lnTo>
                <a:lnTo>
                  <a:pt x="8190" y="2340"/>
                </a:lnTo>
                <a:lnTo>
                  <a:pt x="8210" y="2333"/>
                </a:lnTo>
                <a:lnTo>
                  <a:pt x="8230" y="2326"/>
                </a:lnTo>
                <a:lnTo>
                  <a:pt x="8249" y="2318"/>
                </a:lnTo>
                <a:lnTo>
                  <a:pt x="8267" y="2309"/>
                </a:lnTo>
                <a:lnTo>
                  <a:pt x="8283" y="2299"/>
                </a:lnTo>
                <a:lnTo>
                  <a:pt x="8298" y="2290"/>
                </a:lnTo>
                <a:lnTo>
                  <a:pt x="8313" y="2281"/>
                </a:lnTo>
                <a:lnTo>
                  <a:pt x="8326" y="2272"/>
                </a:lnTo>
                <a:lnTo>
                  <a:pt x="8337" y="2262"/>
                </a:lnTo>
                <a:lnTo>
                  <a:pt x="8348" y="2253"/>
                </a:lnTo>
                <a:lnTo>
                  <a:pt x="8351" y="2253"/>
                </a:lnTo>
                <a:lnTo>
                  <a:pt x="8351" y="2255"/>
                </a:lnTo>
                <a:lnTo>
                  <a:pt x="8351" y="2263"/>
                </a:lnTo>
                <a:lnTo>
                  <a:pt x="8351" y="2274"/>
                </a:lnTo>
                <a:lnTo>
                  <a:pt x="8351" y="2286"/>
                </a:lnTo>
                <a:lnTo>
                  <a:pt x="8351" y="2309"/>
                </a:lnTo>
                <a:lnTo>
                  <a:pt x="8349" y="2332"/>
                </a:lnTo>
                <a:lnTo>
                  <a:pt x="8345" y="2355"/>
                </a:lnTo>
                <a:lnTo>
                  <a:pt x="8340" y="2377"/>
                </a:lnTo>
                <a:lnTo>
                  <a:pt x="8336" y="2388"/>
                </a:lnTo>
                <a:lnTo>
                  <a:pt x="8333" y="2398"/>
                </a:lnTo>
                <a:lnTo>
                  <a:pt x="8328" y="2408"/>
                </a:lnTo>
                <a:lnTo>
                  <a:pt x="8323" y="2418"/>
                </a:lnTo>
                <a:lnTo>
                  <a:pt x="8317" y="2428"/>
                </a:lnTo>
                <a:lnTo>
                  <a:pt x="8311" y="2438"/>
                </a:lnTo>
                <a:lnTo>
                  <a:pt x="8303" y="2446"/>
                </a:lnTo>
                <a:lnTo>
                  <a:pt x="8295" y="2455"/>
                </a:lnTo>
                <a:lnTo>
                  <a:pt x="8287" y="2464"/>
                </a:lnTo>
                <a:lnTo>
                  <a:pt x="8278" y="2472"/>
                </a:lnTo>
                <a:lnTo>
                  <a:pt x="8268" y="2479"/>
                </a:lnTo>
                <a:lnTo>
                  <a:pt x="8257" y="2486"/>
                </a:lnTo>
                <a:lnTo>
                  <a:pt x="8245" y="2493"/>
                </a:lnTo>
                <a:lnTo>
                  <a:pt x="8232" y="2499"/>
                </a:lnTo>
                <a:lnTo>
                  <a:pt x="8218" y="2505"/>
                </a:lnTo>
                <a:lnTo>
                  <a:pt x="8204" y="2510"/>
                </a:lnTo>
                <a:lnTo>
                  <a:pt x="8188" y="2514"/>
                </a:lnTo>
                <a:lnTo>
                  <a:pt x="8172" y="2519"/>
                </a:lnTo>
                <a:lnTo>
                  <a:pt x="8154" y="2522"/>
                </a:lnTo>
                <a:lnTo>
                  <a:pt x="8136" y="2525"/>
                </a:lnTo>
                <a:lnTo>
                  <a:pt x="8116" y="2528"/>
                </a:lnTo>
                <a:lnTo>
                  <a:pt x="8096" y="2530"/>
                </a:lnTo>
                <a:lnTo>
                  <a:pt x="8074" y="2531"/>
                </a:lnTo>
                <a:lnTo>
                  <a:pt x="8051" y="2531"/>
                </a:lnTo>
                <a:lnTo>
                  <a:pt x="8012" y="2530"/>
                </a:lnTo>
                <a:lnTo>
                  <a:pt x="7973" y="2528"/>
                </a:lnTo>
                <a:lnTo>
                  <a:pt x="7933" y="2523"/>
                </a:lnTo>
                <a:lnTo>
                  <a:pt x="7893" y="2517"/>
                </a:lnTo>
                <a:lnTo>
                  <a:pt x="7873" y="2512"/>
                </a:lnTo>
                <a:lnTo>
                  <a:pt x="7852" y="2507"/>
                </a:lnTo>
                <a:lnTo>
                  <a:pt x="7832" y="2501"/>
                </a:lnTo>
                <a:lnTo>
                  <a:pt x="7811" y="2495"/>
                </a:lnTo>
                <a:lnTo>
                  <a:pt x="7791" y="2488"/>
                </a:lnTo>
                <a:lnTo>
                  <a:pt x="7770" y="2480"/>
                </a:lnTo>
                <a:lnTo>
                  <a:pt x="7751" y="2472"/>
                </a:lnTo>
                <a:lnTo>
                  <a:pt x="7730" y="2463"/>
                </a:lnTo>
                <a:lnTo>
                  <a:pt x="7730" y="2648"/>
                </a:lnTo>
                <a:lnTo>
                  <a:pt x="7750" y="2655"/>
                </a:lnTo>
                <a:lnTo>
                  <a:pt x="7770" y="2662"/>
                </a:lnTo>
                <a:lnTo>
                  <a:pt x="7790" y="2666"/>
                </a:lnTo>
                <a:lnTo>
                  <a:pt x="7811" y="2672"/>
                </a:lnTo>
                <a:lnTo>
                  <a:pt x="7854" y="2679"/>
                </a:lnTo>
                <a:lnTo>
                  <a:pt x="7898" y="2686"/>
                </a:lnTo>
                <a:lnTo>
                  <a:pt x="7943" y="2691"/>
                </a:lnTo>
                <a:lnTo>
                  <a:pt x="7990" y="2695"/>
                </a:lnTo>
                <a:lnTo>
                  <a:pt x="8039" y="2697"/>
                </a:lnTo>
                <a:lnTo>
                  <a:pt x="8088" y="2697"/>
                </a:lnTo>
                <a:lnTo>
                  <a:pt x="8127" y="2697"/>
                </a:lnTo>
                <a:lnTo>
                  <a:pt x="8163" y="2695"/>
                </a:lnTo>
                <a:lnTo>
                  <a:pt x="8198" y="2691"/>
                </a:lnTo>
                <a:lnTo>
                  <a:pt x="8231" y="2687"/>
                </a:lnTo>
                <a:lnTo>
                  <a:pt x="8262" y="2681"/>
                </a:lnTo>
                <a:lnTo>
                  <a:pt x="8292" y="2675"/>
                </a:lnTo>
                <a:lnTo>
                  <a:pt x="8319" y="2667"/>
                </a:lnTo>
                <a:lnTo>
                  <a:pt x="8346" y="2658"/>
                </a:lnTo>
                <a:lnTo>
                  <a:pt x="8371" y="2648"/>
                </a:lnTo>
                <a:lnTo>
                  <a:pt x="8394" y="2637"/>
                </a:lnTo>
                <a:lnTo>
                  <a:pt x="8416" y="2626"/>
                </a:lnTo>
                <a:lnTo>
                  <a:pt x="8436" y="2614"/>
                </a:lnTo>
                <a:lnTo>
                  <a:pt x="8455" y="2601"/>
                </a:lnTo>
                <a:lnTo>
                  <a:pt x="8472" y="2587"/>
                </a:lnTo>
                <a:lnTo>
                  <a:pt x="8489" y="2572"/>
                </a:lnTo>
                <a:lnTo>
                  <a:pt x="8504" y="2556"/>
                </a:lnTo>
                <a:lnTo>
                  <a:pt x="8518" y="2541"/>
                </a:lnTo>
                <a:lnTo>
                  <a:pt x="8531" y="2524"/>
                </a:lnTo>
                <a:lnTo>
                  <a:pt x="8542" y="2507"/>
                </a:lnTo>
                <a:lnTo>
                  <a:pt x="8553" y="2489"/>
                </a:lnTo>
                <a:lnTo>
                  <a:pt x="8561" y="2472"/>
                </a:lnTo>
                <a:lnTo>
                  <a:pt x="8570" y="2453"/>
                </a:lnTo>
                <a:lnTo>
                  <a:pt x="8578" y="2433"/>
                </a:lnTo>
                <a:lnTo>
                  <a:pt x="8583" y="2415"/>
                </a:lnTo>
                <a:lnTo>
                  <a:pt x="8589" y="2395"/>
                </a:lnTo>
                <a:lnTo>
                  <a:pt x="8593" y="2375"/>
                </a:lnTo>
                <a:lnTo>
                  <a:pt x="8598" y="2355"/>
                </a:lnTo>
                <a:lnTo>
                  <a:pt x="8601" y="2336"/>
                </a:lnTo>
                <a:lnTo>
                  <a:pt x="8603" y="2315"/>
                </a:lnTo>
                <a:lnTo>
                  <a:pt x="8604" y="2295"/>
                </a:lnTo>
                <a:lnTo>
                  <a:pt x="8605" y="2274"/>
                </a:lnTo>
                <a:lnTo>
                  <a:pt x="8605" y="2254"/>
                </a:lnTo>
                <a:lnTo>
                  <a:pt x="8605" y="1545"/>
                </a:lnTo>
                <a:lnTo>
                  <a:pt x="8363" y="1545"/>
                </a:lnTo>
                <a:close/>
                <a:moveTo>
                  <a:pt x="6536" y="1946"/>
                </a:moveTo>
                <a:lnTo>
                  <a:pt x="6535" y="1975"/>
                </a:lnTo>
                <a:lnTo>
                  <a:pt x="6533" y="2003"/>
                </a:lnTo>
                <a:lnTo>
                  <a:pt x="6529" y="2029"/>
                </a:lnTo>
                <a:lnTo>
                  <a:pt x="6521" y="2053"/>
                </a:lnTo>
                <a:lnTo>
                  <a:pt x="6518" y="2065"/>
                </a:lnTo>
                <a:lnTo>
                  <a:pt x="6513" y="2077"/>
                </a:lnTo>
                <a:lnTo>
                  <a:pt x="6508" y="2088"/>
                </a:lnTo>
                <a:lnTo>
                  <a:pt x="6502" y="2098"/>
                </a:lnTo>
                <a:lnTo>
                  <a:pt x="6496" y="2109"/>
                </a:lnTo>
                <a:lnTo>
                  <a:pt x="6489" y="2119"/>
                </a:lnTo>
                <a:lnTo>
                  <a:pt x="6482" y="2128"/>
                </a:lnTo>
                <a:lnTo>
                  <a:pt x="6475" y="2137"/>
                </a:lnTo>
                <a:lnTo>
                  <a:pt x="6467" y="2146"/>
                </a:lnTo>
                <a:lnTo>
                  <a:pt x="6458" y="2153"/>
                </a:lnTo>
                <a:lnTo>
                  <a:pt x="6449" y="2161"/>
                </a:lnTo>
                <a:lnTo>
                  <a:pt x="6439" y="2168"/>
                </a:lnTo>
                <a:lnTo>
                  <a:pt x="6430" y="2174"/>
                </a:lnTo>
                <a:lnTo>
                  <a:pt x="6420" y="2181"/>
                </a:lnTo>
                <a:lnTo>
                  <a:pt x="6409" y="2186"/>
                </a:lnTo>
                <a:lnTo>
                  <a:pt x="6397" y="2191"/>
                </a:lnTo>
                <a:lnTo>
                  <a:pt x="6384" y="2195"/>
                </a:lnTo>
                <a:lnTo>
                  <a:pt x="6372" y="2199"/>
                </a:lnTo>
                <a:lnTo>
                  <a:pt x="6359" y="2203"/>
                </a:lnTo>
                <a:lnTo>
                  <a:pt x="6345" y="2205"/>
                </a:lnTo>
                <a:lnTo>
                  <a:pt x="6332" y="2207"/>
                </a:lnTo>
                <a:lnTo>
                  <a:pt x="6316" y="2209"/>
                </a:lnTo>
                <a:lnTo>
                  <a:pt x="6302" y="2210"/>
                </a:lnTo>
                <a:lnTo>
                  <a:pt x="6285" y="2210"/>
                </a:lnTo>
                <a:lnTo>
                  <a:pt x="6270" y="2210"/>
                </a:lnTo>
                <a:lnTo>
                  <a:pt x="6256" y="2209"/>
                </a:lnTo>
                <a:lnTo>
                  <a:pt x="6240" y="2207"/>
                </a:lnTo>
                <a:lnTo>
                  <a:pt x="6227" y="2205"/>
                </a:lnTo>
                <a:lnTo>
                  <a:pt x="6213" y="2203"/>
                </a:lnTo>
                <a:lnTo>
                  <a:pt x="6200" y="2199"/>
                </a:lnTo>
                <a:lnTo>
                  <a:pt x="6188" y="2195"/>
                </a:lnTo>
                <a:lnTo>
                  <a:pt x="6175" y="2191"/>
                </a:lnTo>
                <a:lnTo>
                  <a:pt x="6164" y="2186"/>
                </a:lnTo>
                <a:lnTo>
                  <a:pt x="6153" y="2181"/>
                </a:lnTo>
                <a:lnTo>
                  <a:pt x="6142" y="2174"/>
                </a:lnTo>
                <a:lnTo>
                  <a:pt x="6133" y="2168"/>
                </a:lnTo>
                <a:lnTo>
                  <a:pt x="6123" y="2161"/>
                </a:lnTo>
                <a:lnTo>
                  <a:pt x="6114" y="2153"/>
                </a:lnTo>
                <a:lnTo>
                  <a:pt x="6105" y="2146"/>
                </a:lnTo>
                <a:lnTo>
                  <a:pt x="6097" y="2137"/>
                </a:lnTo>
                <a:lnTo>
                  <a:pt x="6090" y="2128"/>
                </a:lnTo>
                <a:lnTo>
                  <a:pt x="6082" y="2119"/>
                </a:lnTo>
                <a:lnTo>
                  <a:pt x="6076" y="2109"/>
                </a:lnTo>
                <a:lnTo>
                  <a:pt x="6070" y="2098"/>
                </a:lnTo>
                <a:lnTo>
                  <a:pt x="6064" y="2088"/>
                </a:lnTo>
                <a:lnTo>
                  <a:pt x="6059" y="2077"/>
                </a:lnTo>
                <a:lnTo>
                  <a:pt x="6054" y="2065"/>
                </a:lnTo>
                <a:lnTo>
                  <a:pt x="6050" y="2053"/>
                </a:lnTo>
                <a:lnTo>
                  <a:pt x="6047" y="2041"/>
                </a:lnTo>
                <a:lnTo>
                  <a:pt x="6043" y="2029"/>
                </a:lnTo>
                <a:lnTo>
                  <a:pt x="6041" y="2016"/>
                </a:lnTo>
                <a:lnTo>
                  <a:pt x="6039" y="2003"/>
                </a:lnTo>
                <a:lnTo>
                  <a:pt x="6036" y="1975"/>
                </a:lnTo>
                <a:lnTo>
                  <a:pt x="6035" y="1946"/>
                </a:lnTo>
                <a:lnTo>
                  <a:pt x="6036" y="1917"/>
                </a:lnTo>
                <a:lnTo>
                  <a:pt x="6039" y="1890"/>
                </a:lnTo>
                <a:lnTo>
                  <a:pt x="6041" y="1877"/>
                </a:lnTo>
                <a:lnTo>
                  <a:pt x="6043" y="1863"/>
                </a:lnTo>
                <a:lnTo>
                  <a:pt x="6047" y="1851"/>
                </a:lnTo>
                <a:lnTo>
                  <a:pt x="6050" y="1838"/>
                </a:lnTo>
                <a:lnTo>
                  <a:pt x="6054" y="1827"/>
                </a:lnTo>
                <a:lnTo>
                  <a:pt x="6059" y="1815"/>
                </a:lnTo>
                <a:lnTo>
                  <a:pt x="6064" y="1804"/>
                </a:lnTo>
                <a:lnTo>
                  <a:pt x="6070" y="1793"/>
                </a:lnTo>
                <a:lnTo>
                  <a:pt x="6076" y="1783"/>
                </a:lnTo>
                <a:lnTo>
                  <a:pt x="6082" y="1773"/>
                </a:lnTo>
                <a:lnTo>
                  <a:pt x="6090" y="1763"/>
                </a:lnTo>
                <a:lnTo>
                  <a:pt x="6097" y="1755"/>
                </a:lnTo>
                <a:lnTo>
                  <a:pt x="6105" y="1746"/>
                </a:lnTo>
                <a:lnTo>
                  <a:pt x="6114" y="1738"/>
                </a:lnTo>
                <a:lnTo>
                  <a:pt x="6123" y="1730"/>
                </a:lnTo>
                <a:lnTo>
                  <a:pt x="6133" y="1724"/>
                </a:lnTo>
                <a:lnTo>
                  <a:pt x="6142" y="1717"/>
                </a:lnTo>
                <a:lnTo>
                  <a:pt x="6153" y="1711"/>
                </a:lnTo>
                <a:lnTo>
                  <a:pt x="6164" y="1705"/>
                </a:lnTo>
                <a:lnTo>
                  <a:pt x="6175" y="1701"/>
                </a:lnTo>
                <a:lnTo>
                  <a:pt x="6188" y="1696"/>
                </a:lnTo>
                <a:lnTo>
                  <a:pt x="6200" y="1692"/>
                </a:lnTo>
                <a:lnTo>
                  <a:pt x="6213" y="1689"/>
                </a:lnTo>
                <a:lnTo>
                  <a:pt x="6227" y="1687"/>
                </a:lnTo>
                <a:lnTo>
                  <a:pt x="6240" y="1684"/>
                </a:lnTo>
                <a:lnTo>
                  <a:pt x="6256" y="1682"/>
                </a:lnTo>
                <a:lnTo>
                  <a:pt x="6270" y="1681"/>
                </a:lnTo>
                <a:lnTo>
                  <a:pt x="6285" y="1681"/>
                </a:lnTo>
                <a:lnTo>
                  <a:pt x="6302" y="1681"/>
                </a:lnTo>
                <a:lnTo>
                  <a:pt x="6316" y="1682"/>
                </a:lnTo>
                <a:lnTo>
                  <a:pt x="6332" y="1684"/>
                </a:lnTo>
                <a:lnTo>
                  <a:pt x="6345" y="1687"/>
                </a:lnTo>
                <a:lnTo>
                  <a:pt x="6359" y="1689"/>
                </a:lnTo>
                <a:lnTo>
                  <a:pt x="6372" y="1692"/>
                </a:lnTo>
                <a:lnTo>
                  <a:pt x="6384" y="1696"/>
                </a:lnTo>
                <a:lnTo>
                  <a:pt x="6397" y="1701"/>
                </a:lnTo>
                <a:lnTo>
                  <a:pt x="6409" y="1705"/>
                </a:lnTo>
                <a:lnTo>
                  <a:pt x="6420" y="1711"/>
                </a:lnTo>
                <a:lnTo>
                  <a:pt x="6430" y="1717"/>
                </a:lnTo>
                <a:lnTo>
                  <a:pt x="6439" y="1724"/>
                </a:lnTo>
                <a:lnTo>
                  <a:pt x="6449" y="1730"/>
                </a:lnTo>
                <a:lnTo>
                  <a:pt x="6458" y="1738"/>
                </a:lnTo>
                <a:lnTo>
                  <a:pt x="6467" y="1746"/>
                </a:lnTo>
                <a:lnTo>
                  <a:pt x="6475" y="1755"/>
                </a:lnTo>
                <a:lnTo>
                  <a:pt x="6482" y="1763"/>
                </a:lnTo>
                <a:lnTo>
                  <a:pt x="6489" y="1773"/>
                </a:lnTo>
                <a:lnTo>
                  <a:pt x="6496" y="1783"/>
                </a:lnTo>
                <a:lnTo>
                  <a:pt x="6502" y="1793"/>
                </a:lnTo>
                <a:lnTo>
                  <a:pt x="6508" y="1804"/>
                </a:lnTo>
                <a:lnTo>
                  <a:pt x="6513" y="1815"/>
                </a:lnTo>
                <a:lnTo>
                  <a:pt x="6518" y="1827"/>
                </a:lnTo>
                <a:lnTo>
                  <a:pt x="6521" y="1838"/>
                </a:lnTo>
                <a:lnTo>
                  <a:pt x="6529" y="1863"/>
                </a:lnTo>
                <a:lnTo>
                  <a:pt x="6533" y="1890"/>
                </a:lnTo>
                <a:lnTo>
                  <a:pt x="6535" y="1917"/>
                </a:lnTo>
                <a:lnTo>
                  <a:pt x="6536" y="1946"/>
                </a:lnTo>
                <a:close/>
                <a:moveTo>
                  <a:pt x="1833" y="624"/>
                </a:moveTo>
                <a:lnTo>
                  <a:pt x="1313" y="624"/>
                </a:lnTo>
                <a:lnTo>
                  <a:pt x="1313" y="1829"/>
                </a:lnTo>
                <a:lnTo>
                  <a:pt x="1833" y="1311"/>
                </a:lnTo>
                <a:lnTo>
                  <a:pt x="1833" y="624"/>
                </a:lnTo>
                <a:close/>
                <a:moveTo>
                  <a:pt x="9904" y="3711"/>
                </a:moveTo>
                <a:lnTo>
                  <a:pt x="9786" y="3711"/>
                </a:lnTo>
                <a:lnTo>
                  <a:pt x="9786" y="3957"/>
                </a:lnTo>
                <a:lnTo>
                  <a:pt x="9786" y="3967"/>
                </a:lnTo>
                <a:lnTo>
                  <a:pt x="9787" y="3976"/>
                </a:lnTo>
                <a:lnTo>
                  <a:pt x="9789" y="3984"/>
                </a:lnTo>
                <a:lnTo>
                  <a:pt x="9791" y="3991"/>
                </a:lnTo>
                <a:lnTo>
                  <a:pt x="9794" y="3999"/>
                </a:lnTo>
                <a:lnTo>
                  <a:pt x="9798" y="4006"/>
                </a:lnTo>
                <a:lnTo>
                  <a:pt x="9801" y="4011"/>
                </a:lnTo>
                <a:lnTo>
                  <a:pt x="9807" y="4017"/>
                </a:lnTo>
                <a:lnTo>
                  <a:pt x="9811" y="4022"/>
                </a:lnTo>
                <a:lnTo>
                  <a:pt x="9816" y="4025"/>
                </a:lnTo>
                <a:lnTo>
                  <a:pt x="9822" y="4030"/>
                </a:lnTo>
                <a:lnTo>
                  <a:pt x="9829" y="4032"/>
                </a:lnTo>
                <a:lnTo>
                  <a:pt x="9835" y="4034"/>
                </a:lnTo>
                <a:lnTo>
                  <a:pt x="9842" y="4036"/>
                </a:lnTo>
                <a:lnTo>
                  <a:pt x="9848" y="4037"/>
                </a:lnTo>
                <a:lnTo>
                  <a:pt x="9855" y="4037"/>
                </a:lnTo>
                <a:lnTo>
                  <a:pt x="9865" y="4037"/>
                </a:lnTo>
                <a:lnTo>
                  <a:pt x="9874" y="4036"/>
                </a:lnTo>
                <a:lnTo>
                  <a:pt x="9881" y="4034"/>
                </a:lnTo>
                <a:lnTo>
                  <a:pt x="9889" y="4033"/>
                </a:lnTo>
                <a:lnTo>
                  <a:pt x="9901" y="4028"/>
                </a:lnTo>
                <a:lnTo>
                  <a:pt x="9912" y="4022"/>
                </a:lnTo>
                <a:lnTo>
                  <a:pt x="9912" y="4092"/>
                </a:lnTo>
                <a:lnTo>
                  <a:pt x="9897" y="4097"/>
                </a:lnTo>
                <a:lnTo>
                  <a:pt x="9879" y="4100"/>
                </a:lnTo>
                <a:lnTo>
                  <a:pt x="9860" y="4103"/>
                </a:lnTo>
                <a:lnTo>
                  <a:pt x="9842" y="4104"/>
                </a:lnTo>
                <a:lnTo>
                  <a:pt x="9825" y="4104"/>
                </a:lnTo>
                <a:lnTo>
                  <a:pt x="9811" y="4103"/>
                </a:lnTo>
                <a:lnTo>
                  <a:pt x="9797" y="4100"/>
                </a:lnTo>
                <a:lnTo>
                  <a:pt x="9783" y="4097"/>
                </a:lnTo>
                <a:lnTo>
                  <a:pt x="9771" y="4092"/>
                </a:lnTo>
                <a:lnTo>
                  <a:pt x="9759" y="4087"/>
                </a:lnTo>
                <a:lnTo>
                  <a:pt x="9749" y="4080"/>
                </a:lnTo>
                <a:lnTo>
                  <a:pt x="9739" y="4073"/>
                </a:lnTo>
                <a:lnTo>
                  <a:pt x="9731" y="4065"/>
                </a:lnTo>
                <a:lnTo>
                  <a:pt x="9724" y="4055"/>
                </a:lnTo>
                <a:lnTo>
                  <a:pt x="9717" y="4044"/>
                </a:lnTo>
                <a:lnTo>
                  <a:pt x="9712" y="4032"/>
                </a:lnTo>
                <a:lnTo>
                  <a:pt x="9708" y="4020"/>
                </a:lnTo>
                <a:lnTo>
                  <a:pt x="9704" y="4006"/>
                </a:lnTo>
                <a:lnTo>
                  <a:pt x="9703" y="3990"/>
                </a:lnTo>
                <a:lnTo>
                  <a:pt x="9702" y="3974"/>
                </a:lnTo>
                <a:lnTo>
                  <a:pt x="9702" y="3711"/>
                </a:lnTo>
                <a:lnTo>
                  <a:pt x="9601" y="3711"/>
                </a:lnTo>
                <a:lnTo>
                  <a:pt x="9601" y="3644"/>
                </a:lnTo>
                <a:lnTo>
                  <a:pt x="9702" y="3644"/>
                </a:lnTo>
                <a:lnTo>
                  <a:pt x="9702" y="3540"/>
                </a:lnTo>
                <a:lnTo>
                  <a:pt x="9786" y="3514"/>
                </a:lnTo>
                <a:lnTo>
                  <a:pt x="9786" y="3644"/>
                </a:lnTo>
                <a:lnTo>
                  <a:pt x="9904" y="3644"/>
                </a:lnTo>
                <a:lnTo>
                  <a:pt x="9904" y="3711"/>
                </a:lnTo>
                <a:close/>
                <a:moveTo>
                  <a:pt x="9115" y="3644"/>
                </a:moveTo>
                <a:lnTo>
                  <a:pt x="9194" y="3644"/>
                </a:lnTo>
                <a:lnTo>
                  <a:pt x="9194" y="3716"/>
                </a:lnTo>
                <a:lnTo>
                  <a:pt x="9196" y="3716"/>
                </a:lnTo>
                <a:lnTo>
                  <a:pt x="9202" y="3706"/>
                </a:lnTo>
                <a:lnTo>
                  <a:pt x="9207" y="3697"/>
                </a:lnTo>
                <a:lnTo>
                  <a:pt x="9214" y="3689"/>
                </a:lnTo>
                <a:lnTo>
                  <a:pt x="9221" y="3681"/>
                </a:lnTo>
                <a:lnTo>
                  <a:pt x="9229" y="3674"/>
                </a:lnTo>
                <a:lnTo>
                  <a:pt x="9238" y="3667"/>
                </a:lnTo>
                <a:lnTo>
                  <a:pt x="9247" y="3661"/>
                </a:lnTo>
                <a:lnTo>
                  <a:pt x="9255" y="3655"/>
                </a:lnTo>
                <a:lnTo>
                  <a:pt x="9265" y="3650"/>
                </a:lnTo>
                <a:lnTo>
                  <a:pt x="9276" y="3645"/>
                </a:lnTo>
                <a:lnTo>
                  <a:pt x="9287" y="3642"/>
                </a:lnTo>
                <a:lnTo>
                  <a:pt x="9298" y="3639"/>
                </a:lnTo>
                <a:lnTo>
                  <a:pt x="9309" y="3637"/>
                </a:lnTo>
                <a:lnTo>
                  <a:pt x="9320" y="3634"/>
                </a:lnTo>
                <a:lnTo>
                  <a:pt x="9332" y="3633"/>
                </a:lnTo>
                <a:lnTo>
                  <a:pt x="9345" y="3633"/>
                </a:lnTo>
                <a:lnTo>
                  <a:pt x="9365" y="3634"/>
                </a:lnTo>
                <a:lnTo>
                  <a:pt x="9385" y="3637"/>
                </a:lnTo>
                <a:lnTo>
                  <a:pt x="9403" y="3641"/>
                </a:lnTo>
                <a:lnTo>
                  <a:pt x="9419" y="3647"/>
                </a:lnTo>
                <a:lnTo>
                  <a:pt x="9435" y="3654"/>
                </a:lnTo>
                <a:lnTo>
                  <a:pt x="9449" y="3663"/>
                </a:lnTo>
                <a:lnTo>
                  <a:pt x="9461" y="3673"/>
                </a:lnTo>
                <a:lnTo>
                  <a:pt x="9472" y="3685"/>
                </a:lnTo>
                <a:lnTo>
                  <a:pt x="9482" y="3698"/>
                </a:lnTo>
                <a:lnTo>
                  <a:pt x="9490" y="3712"/>
                </a:lnTo>
                <a:lnTo>
                  <a:pt x="9497" y="3728"/>
                </a:lnTo>
                <a:lnTo>
                  <a:pt x="9503" y="3745"/>
                </a:lnTo>
                <a:lnTo>
                  <a:pt x="9507" y="3764"/>
                </a:lnTo>
                <a:lnTo>
                  <a:pt x="9511" y="3784"/>
                </a:lnTo>
                <a:lnTo>
                  <a:pt x="9512" y="3805"/>
                </a:lnTo>
                <a:lnTo>
                  <a:pt x="9513" y="3827"/>
                </a:lnTo>
                <a:lnTo>
                  <a:pt x="9513" y="4095"/>
                </a:lnTo>
                <a:lnTo>
                  <a:pt x="9429" y="4095"/>
                </a:lnTo>
                <a:lnTo>
                  <a:pt x="9429" y="3861"/>
                </a:lnTo>
                <a:lnTo>
                  <a:pt x="9429" y="3842"/>
                </a:lnTo>
                <a:lnTo>
                  <a:pt x="9428" y="3824"/>
                </a:lnTo>
                <a:lnTo>
                  <a:pt x="9427" y="3808"/>
                </a:lnTo>
                <a:lnTo>
                  <a:pt x="9425" y="3793"/>
                </a:lnTo>
                <a:lnTo>
                  <a:pt x="9423" y="3778"/>
                </a:lnTo>
                <a:lnTo>
                  <a:pt x="9418" y="3765"/>
                </a:lnTo>
                <a:lnTo>
                  <a:pt x="9414" y="3753"/>
                </a:lnTo>
                <a:lnTo>
                  <a:pt x="9409" y="3743"/>
                </a:lnTo>
                <a:lnTo>
                  <a:pt x="9403" y="3733"/>
                </a:lnTo>
                <a:lnTo>
                  <a:pt x="9396" y="3726"/>
                </a:lnTo>
                <a:lnTo>
                  <a:pt x="9389" y="3719"/>
                </a:lnTo>
                <a:lnTo>
                  <a:pt x="9380" y="3712"/>
                </a:lnTo>
                <a:lnTo>
                  <a:pt x="9370" y="3708"/>
                </a:lnTo>
                <a:lnTo>
                  <a:pt x="9359" y="3705"/>
                </a:lnTo>
                <a:lnTo>
                  <a:pt x="9347" y="3701"/>
                </a:lnTo>
                <a:lnTo>
                  <a:pt x="9335" y="3700"/>
                </a:lnTo>
                <a:lnTo>
                  <a:pt x="9317" y="3701"/>
                </a:lnTo>
                <a:lnTo>
                  <a:pt x="9302" y="3704"/>
                </a:lnTo>
                <a:lnTo>
                  <a:pt x="9286" y="3708"/>
                </a:lnTo>
                <a:lnTo>
                  <a:pt x="9273" y="3714"/>
                </a:lnTo>
                <a:lnTo>
                  <a:pt x="9261" y="3721"/>
                </a:lnTo>
                <a:lnTo>
                  <a:pt x="9249" y="3730"/>
                </a:lnTo>
                <a:lnTo>
                  <a:pt x="9239" y="3741"/>
                </a:lnTo>
                <a:lnTo>
                  <a:pt x="9230" y="3752"/>
                </a:lnTo>
                <a:lnTo>
                  <a:pt x="9222" y="3765"/>
                </a:lnTo>
                <a:lnTo>
                  <a:pt x="9216" y="3779"/>
                </a:lnTo>
                <a:lnTo>
                  <a:pt x="9210" y="3795"/>
                </a:lnTo>
                <a:lnTo>
                  <a:pt x="9205" y="3810"/>
                </a:lnTo>
                <a:lnTo>
                  <a:pt x="9202" y="3828"/>
                </a:lnTo>
                <a:lnTo>
                  <a:pt x="9199" y="3846"/>
                </a:lnTo>
                <a:lnTo>
                  <a:pt x="9198" y="3865"/>
                </a:lnTo>
                <a:lnTo>
                  <a:pt x="9197" y="3886"/>
                </a:lnTo>
                <a:lnTo>
                  <a:pt x="9197" y="4095"/>
                </a:lnTo>
                <a:lnTo>
                  <a:pt x="9115" y="4095"/>
                </a:lnTo>
                <a:lnTo>
                  <a:pt x="9115" y="3644"/>
                </a:lnTo>
                <a:close/>
                <a:moveTo>
                  <a:pt x="8957" y="3992"/>
                </a:moveTo>
                <a:lnTo>
                  <a:pt x="8947" y="3999"/>
                </a:lnTo>
                <a:lnTo>
                  <a:pt x="8934" y="4007"/>
                </a:lnTo>
                <a:lnTo>
                  <a:pt x="8919" y="4014"/>
                </a:lnTo>
                <a:lnTo>
                  <a:pt x="8900" y="4021"/>
                </a:lnTo>
                <a:lnTo>
                  <a:pt x="8880" y="4028"/>
                </a:lnTo>
                <a:lnTo>
                  <a:pt x="8861" y="4033"/>
                </a:lnTo>
                <a:lnTo>
                  <a:pt x="8839" y="4036"/>
                </a:lnTo>
                <a:lnTo>
                  <a:pt x="8819" y="4037"/>
                </a:lnTo>
                <a:lnTo>
                  <a:pt x="8803" y="4036"/>
                </a:lnTo>
                <a:lnTo>
                  <a:pt x="8789" y="4035"/>
                </a:lnTo>
                <a:lnTo>
                  <a:pt x="8776" y="4031"/>
                </a:lnTo>
                <a:lnTo>
                  <a:pt x="8762" y="4026"/>
                </a:lnTo>
                <a:lnTo>
                  <a:pt x="8749" y="4021"/>
                </a:lnTo>
                <a:lnTo>
                  <a:pt x="8736" y="4013"/>
                </a:lnTo>
                <a:lnTo>
                  <a:pt x="8725" y="4006"/>
                </a:lnTo>
                <a:lnTo>
                  <a:pt x="8714" y="3996"/>
                </a:lnTo>
                <a:lnTo>
                  <a:pt x="8704" y="3986"/>
                </a:lnTo>
                <a:lnTo>
                  <a:pt x="8696" y="3974"/>
                </a:lnTo>
                <a:lnTo>
                  <a:pt x="8688" y="3962"/>
                </a:lnTo>
                <a:lnTo>
                  <a:pt x="8682" y="3949"/>
                </a:lnTo>
                <a:lnTo>
                  <a:pt x="8677" y="3934"/>
                </a:lnTo>
                <a:lnTo>
                  <a:pt x="8672" y="3920"/>
                </a:lnTo>
                <a:lnTo>
                  <a:pt x="8670" y="3903"/>
                </a:lnTo>
                <a:lnTo>
                  <a:pt x="8670" y="3887"/>
                </a:lnTo>
                <a:lnTo>
                  <a:pt x="8991" y="3887"/>
                </a:lnTo>
                <a:lnTo>
                  <a:pt x="8991" y="3861"/>
                </a:lnTo>
                <a:lnTo>
                  <a:pt x="8989" y="3835"/>
                </a:lnTo>
                <a:lnTo>
                  <a:pt x="8986" y="3810"/>
                </a:lnTo>
                <a:lnTo>
                  <a:pt x="8982" y="3787"/>
                </a:lnTo>
                <a:lnTo>
                  <a:pt x="8976" y="3764"/>
                </a:lnTo>
                <a:lnTo>
                  <a:pt x="8968" y="3743"/>
                </a:lnTo>
                <a:lnTo>
                  <a:pt x="8960" y="3725"/>
                </a:lnTo>
                <a:lnTo>
                  <a:pt x="8949" y="3706"/>
                </a:lnTo>
                <a:lnTo>
                  <a:pt x="8942" y="3698"/>
                </a:lnTo>
                <a:lnTo>
                  <a:pt x="8936" y="3690"/>
                </a:lnTo>
                <a:lnTo>
                  <a:pt x="8929" y="3683"/>
                </a:lnTo>
                <a:lnTo>
                  <a:pt x="8922" y="3676"/>
                </a:lnTo>
                <a:lnTo>
                  <a:pt x="8913" y="3670"/>
                </a:lnTo>
                <a:lnTo>
                  <a:pt x="8906" y="3663"/>
                </a:lnTo>
                <a:lnTo>
                  <a:pt x="8897" y="3658"/>
                </a:lnTo>
                <a:lnTo>
                  <a:pt x="8887" y="3653"/>
                </a:lnTo>
                <a:lnTo>
                  <a:pt x="8877" y="3649"/>
                </a:lnTo>
                <a:lnTo>
                  <a:pt x="8867" y="3644"/>
                </a:lnTo>
                <a:lnTo>
                  <a:pt x="8856" y="3641"/>
                </a:lnTo>
                <a:lnTo>
                  <a:pt x="8844" y="3639"/>
                </a:lnTo>
                <a:lnTo>
                  <a:pt x="8832" y="3637"/>
                </a:lnTo>
                <a:lnTo>
                  <a:pt x="8820" y="3634"/>
                </a:lnTo>
                <a:lnTo>
                  <a:pt x="8807" y="3633"/>
                </a:lnTo>
                <a:lnTo>
                  <a:pt x="8792" y="3633"/>
                </a:lnTo>
                <a:lnTo>
                  <a:pt x="8769" y="3634"/>
                </a:lnTo>
                <a:lnTo>
                  <a:pt x="8747" y="3638"/>
                </a:lnTo>
                <a:lnTo>
                  <a:pt x="8725" y="3643"/>
                </a:lnTo>
                <a:lnTo>
                  <a:pt x="8705" y="3650"/>
                </a:lnTo>
                <a:lnTo>
                  <a:pt x="8687" y="3660"/>
                </a:lnTo>
                <a:lnTo>
                  <a:pt x="8670" y="3671"/>
                </a:lnTo>
                <a:lnTo>
                  <a:pt x="8654" y="3683"/>
                </a:lnTo>
                <a:lnTo>
                  <a:pt x="8639" y="3697"/>
                </a:lnTo>
                <a:lnTo>
                  <a:pt x="8626" y="3714"/>
                </a:lnTo>
                <a:lnTo>
                  <a:pt x="8614" y="3730"/>
                </a:lnTo>
                <a:lnTo>
                  <a:pt x="8604" y="3750"/>
                </a:lnTo>
                <a:lnTo>
                  <a:pt x="8597" y="3770"/>
                </a:lnTo>
                <a:lnTo>
                  <a:pt x="8590" y="3790"/>
                </a:lnTo>
                <a:lnTo>
                  <a:pt x="8586" y="3813"/>
                </a:lnTo>
                <a:lnTo>
                  <a:pt x="8582" y="3837"/>
                </a:lnTo>
                <a:lnTo>
                  <a:pt x="8581" y="3861"/>
                </a:lnTo>
                <a:lnTo>
                  <a:pt x="8582" y="3888"/>
                </a:lnTo>
                <a:lnTo>
                  <a:pt x="8584" y="3913"/>
                </a:lnTo>
                <a:lnTo>
                  <a:pt x="8589" y="3938"/>
                </a:lnTo>
                <a:lnTo>
                  <a:pt x="8595" y="3961"/>
                </a:lnTo>
                <a:lnTo>
                  <a:pt x="8599" y="3972"/>
                </a:lnTo>
                <a:lnTo>
                  <a:pt x="8603" y="3983"/>
                </a:lnTo>
                <a:lnTo>
                  <a:pt x="8608" y="3992"/>
                </a:lnTo>
                <a:lnTo>
                  <a:pt x="8613" y="4002"/>
                </a:lnTo>
                <a:lnTo>
                  <a:pt x="8619" y="4012"/>
                </a:lnTo>
                <a:lnTo>
                  <a:pt x="8625" y="4021"/>
                </a:lnTo>
                <a:lnTo>
                  <a:pt x="8631" y="4030"/>
                </a:lnTo>
                <a:lnTo>
                  <a:pt x="8638" y="4037"/>
                </a:lnTo>
                <a:lnTo>
                  <a:pt x="8646" y="4045"/>
                </a:lnTo>
                <a:lnTo>
                  <a:pt x="8654" y="4053"/>
                </a:lnTo>
                <a:lnTo>
                  <a:pt x="8661" y="4059"/>
                </a:lnTo>
                <a:lnTo>
                  <a:pt x="8670" y="4066"/>
                </a:lnTo>
                <a:lnTo>
                  <a:pt x="8680" y="4073"/>
                </a:lnTo>
                <a:lnTo>
                  <a:pt x="8690" y="4078"/>
                </a:lnTo>
                <a:lnTo>
                  <a:pt x="8700" y="4082"/>
                </a:lnTo>
                <a:lnTo>
                  <a:pt x="8711" y="4087"/>
                </a:lnTo>
                <a:lnTo>
                  <a:pt x="8722" y="4091"/>
                </a:lnTo>
                <a:lnTo>
                  <a:pt x="8734" y="4095"/>
                </a:lnTo>
                <a:lnTo>
                  <a:pt x="8746" y="4098"/>
                </a:lnTo>
                <a:lnTo>
                  <a:pt x="8759" y="4100"/>
                </a:lnTo>
                <a:lnTo>
                  <a:pt x="8773" y="4102"/>
                </a:lnTo>
                <a:lnTo>
                  <a:pt x="8786" y="4103"/>
                </a:lnTo>
                <a:lnTo>
                  <a:pt x="8800" y="4104"/>
                </a:lnTo>
                <a:lnTo>
                  <a:pt x="8815" y="4104"/>
                </a:lnTo>
                <a:lnTo>
                  <a:pt x="8841" y="4104"/>
                </a:lnTo>
                <a:lnTo>
                  <a:pt x="8864" y="4102"/>
                </a:lnTo>
                <a:lnTo>
                  <a:pt x="8884" y="4099"/>
                </a:lnTo>
                <a:lnTo>
                  <a:pt x="8902" y="4095"/>
                </a:lnTo>
                <a:lnTo>
                  <a:pt x="8932" y="4085"/>
                </a:lnTo>
                <a:lnTo>
                  <a:pt x="8957" y="4076"/>
                </a:lnTo>
                <a:lnTo>
                  <a:pt x="8957" y="3992"/>
                </a:lnTo>
                <a:close/>
                <a:moveTo>
                  <a:pt x="7813" y="3644"/>
                </a:moveTo>
                <a:lnTo>
                  <a:pt x="7891" y="3644"/>
                </a:lnTo>
                <a:lnTo>
                  <a:pt x="7891" y="3709"/>
                </a:lnTo>
                <a:lnTo>
                  <a:pt x="7893" y="3709"/>
                </a:lnTo>
                <a:lnTo>
                  <a:pt x="7899" y="3700"/>
                </a:lnTo>
                <a:lnTo>
                  <a:pt x="7906" y="3692"/>
                </a:lnTo>
                <a:lnTo>
                  <a:pt x="7912" y="3683"/>
                </a:lnTo>
                <a:lnTo>
                  <a:pt x="7920" y="3675"/>
                </a:lnTo>
                <a:lnTo>
                  <a:pt x="7927" y="3669"/>
                </a:lnTo>
                <a:lnTo>
                  <a:pt x="7934" y="3663"/>
                </a:lnTo>
                <a:lnTo>
                  <a:pt x="7943" y="3656"/>
                </a:lnTo>
                <a:lnTo>
                  <a:pt x="7952" y="3652"/>
                </a:lnTo>
                <a:lnTo>
                  <a:pt x="7961" y="3648"/>
                </a:lnTo>
                <a:lnTo>
                  <a:pt x="7971" y="3643"/>
                </a:lnTo>
                <a:lnTo>
                  <a:pt x="7981" y="3641"/>
                </a:lnTo>
                <a:lnTo>
                  <a:pt x="7990" y="3638"/>
                </a:lnTo>
                <a:lnTo>
                  <a:pt x="8001" y="3636"/>
                </a:lnTo>
                <a:lnTo>
                  <a:pt x="8012" y="3634"/>
                </a:lnTo>
                <a:lnTo>
                  <a:pt x="8025" y="3633"/>
                </a:lnTo>
                <a:lnTo>
                  <a:pt x="8037" y="3633"/>
                </a:lnTo>
                <a:lnTo>
                  <a:pt x="8047" y="3633"/>
                </a:lnTo>
                <a:lnTo>
                  <a:pt x="8055" y="3634"/>
                </a:lnTo>
                <a:lnTo>
                  <a:pt x="8065" y="3637"/>
                </a:lnTo>
                <a:lnTo>
                  <a:pt x="8075" y="3639"/>
                </a:lnTo>
                <a:lnTo>
                  <a:pt x="8084" y="3641"/>
                </a:lnTo>
                <a:lnTo>
                  <a:pt x="8094" y="3645"/>
                </a:lnTo>
                <a:lnTo>
                  <a:pt x="8103" y="3649"/>
                </a:lnTo>
                <a:lnTo>
                  <a:pt x="8111" y="3654"/>
                </a:lnTo>
                <a:lnTo>
                  <a:pt x="8119" y="3660"/>
                </a:lnTo>
                <a:lnTo>
                  <a:pt x="8127" y="3666"/>
                </a:lnTo>
                <a:lnTo>
                  <a:pt x="8135" y="3674"/>
                </a:lnTo>
                <a:lnTo>
                  <a:pt x="8142" y="3682"/>
                </a:lnTo>
                <a:lnTo>
                  <a:pt x="8148" y="3690"/>
                </a:lnTo>
                <a:lnTo>
                  <a:pt x="8154" y="3699"/>
                </a:lnTo>
                <a:lnTo>
                  <a:pt x="8160" y="3710"/>
                </a:lnTo>
                <a:lnTo>
                  <a:pt x="8164" y="3721"/>
                </a:lnTo>
                <a:lnTo>
                  <a:pt x="8171" y="3709"/>
                </a:lnTo>
                <a:lnTo>
                  <a:pt x="8177" y="3698"/>
                </a:lnTo>
                <a:lnTo>
                  <a:pt x="8185" y="3688"/>
                </a:lnTo>
                <a:lnTo>
                  <a:pt x="8194" y="3679"/>
                </a:lnTo>
                <a:lnTo>
                  <a:pt x="8203" y="3672"/>
                </a:lnTo>
                <a:lnTo>
                  <a:pt x="8212" y="3665"/>
                </a:lnTo>
                <a:lnTo>
                  <a:pt x="8221" y="3659"/>
                </a:lnTo>
                <a:lnTo>
                  <a:pt x="8230" y="3653"/>
                </a:lnTo>
                <a:lnTo>
                  <a:pt x="8240" y="3648"/>
                </a:lnTo>
                <a:lnTo>
                  <a:pt x="8250" y="3644"/>
                </a:lnTo>
                <a:lnTo>
                  <a:pt x="8260" y="3641"/>
                </a:lnTo>
                <a:lnTo>
                  <a:pt x="8270" y="3638"/>
                </a:lnTo>
                <a:lnTo>
                  <a:pt x="8287" y="3634"/>
                </a:lnTo>
                <a:lnTo>
                  <a:pt x="8304" y="3633"/>
                </a:lnTo>
                <a:lnTo>
                  <a:pt x="8325" y="3634"/>
                </a:lnTo>
                <a:lnTo>
                  <a:pt x="8344" y="3637"/>
                </a:lnTo>
                <a:lnTo>
                  <a:pt x="8361" y="3641"/>
                </a:lnTo>
                <a:lnTo>
                  <a:pt x="8378" y="3647"/>
                </a:lnTo>
                <a:lnTo>
                  <a:pt x="8392" y="3653"/>
                </a:lnTo>
                <a:lnTo>
                  <a:pt x="8404" y="3662"/>
                </a:lnTo>
                <a:lnTo>
                  <a:pt x="8415" y="3672"/>
                </a:lnTo>
                <a:lnTo>
                  <a:pt x="8426" y="3683"/>
                </a:lnTo>
                <a:lnTo>
                  <a:pt x="8434" y="3695"/>
                </a:lnTo>
                <a:lnTo>
                  <a:pt x="8441" y="3708"/>
                </a:lnTo>
                <a:lnTo>
                  <a:pt x="8448" y="3722"/>
                </a:lnTo>
                <a:lnTo>
                  <a:pt x="8452" y="3738"/>
                </a:lnTo>
                <a:lnTo>
                  <a:pt x="8456" y="3753"/>
                </a:lnTo>
                <a:lnTo>
                  <a:pt x="8459" y="3770"/>
                </a:lnTo>
                <a:lnTo>
                  <a:pt x="8460" y="3787"/>
                </a:lnTo>
                <a:lnTo>
                  <a:pt x="8461" y="3806"/>
                </a:lnTo>
                <a:lnTo>
                  <a:pt x="8461" y="4095"/>
                </a:lnTo>
                <a:lnTo>
                  <a:pt x="8378" y="4095"/>
                </a:lnTo>
                <a:lnTo>
                  <a:pt x="8378" y="3826"/>
                </a:lnTo>
                <a:lnTo>
                  <a:pt x="8377" y="3805"/>
                </a:lnTo>
                <a:lnTo>
                  <a:pt x="8374" y="3783"/>
                </a:lnTo>
                <a:lnTo>
                  <a:pt x="8372" y="3772"/>
                </a:lnTo>
                <a:lnTo>
                  <a:pt x="8370" y="3762"/>
                </a:lnTo>
                <a:lnTo>
                  <a:pt x="8367" y="3752"/>
                </a:lnTo>
                <a:lnTo>
                  <a:pt x="8362" y="3742"/>
                </a:lnTo>
                <a:lnTo>
                  <a:pt x="8358" y="3733"/>
                </a:lnTo>
                <a:lnTo>
                  <a:pt x="8352" y="3726"/>
                </a:lnTo>
                <a:lnTo>
                  <a:pt x="8346" y="3718"/>
                </a:lnTo>
                <a:lnTo>
                  <a:pt x="8338" y="3712"/>
                </a:lnTo>
                <a:lnTo>
                  <a:pt x="8329" y="3707"/>
                </a:lnTo>
                <a:lnTo>
                  <a:pt x="8320" y="3704"/>
                </a:lnTo>
                <a:lnTo>
                  <a:pt x="8309" y="3701"/>
                </a:lnTo>
                <a:lnTo>
                  <a:pt x="8297" y="3700"/>
                </a:lnTo>
                <a:lnTo>
                  <a:pt x="8282" y="3701"/>
                </a:lnTo>
                <a:lnTo>
                  <a:pt x="8268" y="3705"/>
                </a:lnTo>
                <a:lnTo>
                  <a:pt x="8254" y="3709"/>
                </a:lnTo>
                <a:lnTo>
                  <a:pt x="8242" y="3715"/>
                </a:lnTo>
                <a:lnTo>
                  <a:pt x="8232" y="3722"/>
                </a:lnTo>
                <a:lnTo>
                  <a:pt x="8223" y="3731"/>
                </a:lnTo>
                <a:lnTo>
                  <a:pt x="8214" y="3741"/>
                </a:lnTo>
                <a:lnTo>
                  <a:pt x="8206" y="3752"/>
                </a:lnTo>
                <a:lnTo>
                  <a:pt x="8199" y="3764"/>
                </a:lnTo>
                <a:lnTo>
                  <a:pt x="8194" y="3777"/>
                </a:lnTo>
                <a:lnTo>
                  <a:pt x="8190" y="3791"/>
                </a:lnTo>
                <a:lnTo>
                  <a:pt x="8185" y="3806"/>
                </a:lnTo>
                <a:lnTo>
                  <a:pt x="8182" y="3821"/>
                </a:lnTo>
                <a:lnTo>
                  <a:pt x="8181" y="3835"/>
                </a:lnTo>
                <a:lnTo>
                  <a:pt x="8180" y="3852"/>
                </a:lnTo>
                <a:lnTo>
                  <a:pt x="8179" y="3867"/>
                </a:lnTo>
                <a:lnTo>
                  <a:pt x="8179" y="4095"/>
                </a:lnTo>
                <a:lnTo>
                  <a:pt x="8096" y="4095"/>
                </a:lnTo>
                <a:lnTo>
                  <a:pt x="8096" y="3826"/>
                </a:lnTo>
                <a:lnTo>
                  <a:pt x="8095" y="3805"/>
                </a:lnTo>
                <a:lnTo>
                  <a:pt x="8093" y="3783"/>
                </a:lnTo>
                <a:lnTo>
                  <a:pt x="8091" y="3772"/>
                </a:lnTo>
                <a:lnTo>
                  <a:pt x="8087" y="3762"/>
                </a:lnTo>
                <a:lnTo>
                  <a:pt x="8085" y="3752"/>
                </a:lnTo>
                <a:lnTo>
                  <a:pt x="8081" y="3742"/>
                </a:lnTo>
                <a:lnTo>
                  <a:pt x="8076" y="3733"/>
                </a:lnTo>
                <a:lnTo>
                  <a:pt x="8070" y="3726"/>
                </a:lnTo>
                <a:lnTo>
                  <a:pt x="8063" y="3718"/>
                </a:lnTo>
                <a:lnTo>
                  <a:pt x="8056" y="3712"/>
                </a:lnTo>
                <a:lnTo>
                  <a:pt x="8048" y="3707"/>
                </a:lnTo>
                <a:lnTo>
                  <a:pt x="8038" y="3704"/>
                </a:lnTo>
                <a:lnTo>
                  <a:pt x="8027" y="3701"/>
                </a:lnTo>
                <a:lnTo>
                  <a:pt x="8016" y="3700"/>
                </a:lnTo>
                <a:lnTo>
                  <a:pt x="8000" y="3701"/>
                </a:lnTo>
                <a:lnTo>
                  <a:pt x="7986" y="3705"/>
                </a:lnTo>
                <a:lnTo>
                  <a:pt x="7973" y="3709"/>
                </a:lnTo>
                <a:lnTo>
                  <a:pt x="7961" y="3715"/>
                </a:lnTo>
                <a:lnTo>
                  <a:pt x="7950" y="3722"/>
                </a:lnTo>
                <a:lnTo>
                  <a:pt x="7940" y="3731"/>
                </a:lnTo>
                <a:lnTo>
                  <a:pt x="7932" y="3741"/>
                </a:lnTo>
                <a:lnTo>
                  <a:pt x="7924" y="3752"/>
                </a:lnTo>
                <a:lnTo>
                  <a:pt x="7918" y="3764"/>
                </a:lnTo>
                <a:lnTo>
                  <a:pt x="7911" y="3777"/>
                </a:lnTo>
                <a:lnTo>
                  <a:pt x="7907" y="3791"/>
                </a:lnTo>
                <a:lnTo>
                  <a:pt x="7904" y="3806"/>
                </a:lnTo>
                <a:lnTo>
                  <a:pt x="7900" y="3821"/>
                </a:lnTo>
                <a:lnTo>
                  <a:pt x="7898" y="3835"/>
                </a:lnTo>
                <a:lnTo>
                  <a:pt x="7897" y="3852"/>
                </a:lnTo>
                <a:lnTo>
                  <a:pt x="7897" y="3867"/>
                </a:lnTo>
                <a:lnTo>
                  <a:pt x="7897" y="4095"/>
                </a:lnTo>
                <a:lnTo>
                  <a:pt x="7813" y="4095"/>
                </a:lnTo>
                <a:lnTo>
                  <a:pt x="7813" y="3644"/>
                </a:lnTo>
                <a:close/>
                <a:moveTo>
                  <a:pt x="7657" y="3992"/>
                </a:moveTo>
                <a:lnTo>
                  <a:pt x="7648" y="3999"/>
                </a:lnTo>
                <a:lnTo>
                  <a:pt x="7635" y="4007"/>
                </a:lnTo>
                <a:lnTo>
                  <a:pt x="7619" y="4014"/>
                </a:lnTo>
                <a:lnTo>
                  <a:pt x="7601" y="4021"/>
                </a:lnTo>
                <a:lnTo>
                  <a:pt x="7581" y="4028"/>
                </a:lnTo>
                <a:lnTo>
                  <a:pt x="7560" y="4033"/>
                </a:lnTo>
                <a:lnTo>
                  <a:pt x="7539" y="4036"/>
                </a:lnTo>
                <a:lnTo>
                  <a:pt x="7519" y="4037"/>
                </a:lnTo>
                <a:lnTo>
                  <a:pt x="7504" y="4036"/>
                </a:lnTo>
                <a:lnTo>
                  <a:pt x="7490" y="4035"/>
                </a:lnTo>
                <a:lnTo>
                  <a:pt x="7476" y="4031"/>
                </a:lnTo>
                <a:lnTo>
                  <a:pt x="7462" y="4026"/>
                </a:lnTo>
                <a:lnTo>
                  <a:pt x="7449" y="4021"/>
                </a:lnTo>
                <a:lnTo>
                  <a:pt x="7437" y="4013"/>
                </a:lnTo>
                <a:lnTo>
                  <a:pt x="7425" y="4006"/>
                </a:lnTo>
                <a:lnTo>
                  <a:pt x="7415" y="3996"/>
                </a:lnTo>
                <a:lnTo>
                  <a:pt x="7405" y="3986"/>
                </a:lnTo>
                <a:lnTo>
                  <a:pt x="7396" y="3974"/>
                </a:lnTo>
                <a:lnTo>
                  <a:pt x="7389" y="3962"/>
                </a:lnTo>
                <a:lnTo>
                  <a:pt x="7382" y="3949"/>
                </a:lnTo>
                <a:lnTo>
                  <a:pt x="7377" y="3934"/>
                </a:lnTo>
                <a:lnTo>
                  <a:pt x="7373" y="3920"/>
                </a:lnTo>
                <a:lnTo>
                  <a:pt x="7371" y="3903"/>
                </a:lnTo>
                <a:lnTo>
                  <a:pt x="7370" y="3887"/>
                </a:lnTo>
                <a:lnTo>
                  <a:pt x="7692" y="3887"/>
                </a:lnTo>
                <a:lnTo>
                  <a:pt x="7691" y="3861"/>
                </a:lnTo>
                <a:lnTo>
                  <a:pt x="7690" y="3835"/>
                </a:lnTo>
                <a:lnTo>
                  <a:pt x="7687" y="3810"/>
                </a:lnTo>
                <a:lnTo>
                  <a:pt x="7682" y="3787"/>
                </a:lnTo>
                <a:lnTo>
                  <a:pt x="7676" y="3764"/>
                </a:lnTo>
                <a:lnTo>
                  <a:pt x="7668" y="3743"/>
                </a:lnTo>
                <a:lnTo>
                  <a:pt x="7659" y="3725"/>
                </a:lnTo>
                <a:lnTo>
                  <a:pt x="7648" y="3706"/>
                </a:lnTo>
                <a:lnTo>
                  <a:pt x="7643" y="3698"/>
                </a:lnTo>
                <a:lnTo>
                  <a:pt x="7636" y="3690"/>
                </a:lnTo>
                <a:lnTo>
                  <a:pt x="7630" y="3683"/>
                </a:lnTo>
                <a:lnTo>
                  <a:pt x="7622" y="3676"/>
                </a:lnTo>
                <a:lnTo>
                  <a:pt x="7614" y="3670"/>
                </a:lnTo>
                <a:lnTo>
                  <a:pt x="7605" y="3663"/>
                </a:lnTo>
                <a:lnTo>
                  <a:pt x="7597" y="3658"/>
                </a:lnTo>
                <a:lnTo>
                  <a:pt x="7588" y="3653"/>
                </a:lnTo>
                <a:lnTo>
                  <a:pt x="7578" y="3649"/>
                </a:lnTo>
                <a:lnTo>
                  <a:pt x="7567" y="3644"/>
                </a:lnTo>
                <a:lnTo>
                  <a:pt x="7556" y="3641"/>
                </a:lnTo>
                <a:lnTo>
                  <a:pt x="7545" y="3639"/>
                </a:lnTo>
                <a:lnTo>
                  <a:pt x="7533" y="3637"/>
                </a:lnTo>
                <a:lnTo>
                  <a:pt x="7520" y="3634"/>
                </a:lnTo>
                <a:lnTo>
                  <a:pt x="7506" y="3633"/>
                </a:lnTo>
                <a:lnTo>
                  <a:pt x="7493" y="3633"/>
                </a:lnTo>
                <a:lnTo>
                  <a:pt x="7470" y="3634"/>
                </a:lnTo>
                <a:lnTo>
                  <a:pt x="7447" y="3638"/>
                </a:lnTo>
                <a:lnTo>
                  <a:pt x="7426" y="3643"/>
                </a:lnTo>
                <a:lnTo>
                  <a:pt x="7406" y="3650"/>
                </a:lnTo>
                <a:lnTo>
                  <a:pt x="7388" y="3660"/>
                </a:lnTo>
                <a:lnTo>
                  <a:pt x="7370" y="3671"/>
                </a:lnTo>
                <a:lnTo>
                  <a:pt x="7355" y="3683"/>
                </a:lnTo>
                <a:lnTo>
                  <a:pt x="7339" y="3697"/>
                </a:lnTo>
                <a:lnTo>
                  <a:pt x="7326" y="3714"/>
                </a:lnTo>
                <a:lnTo>
                  <a:pt x="7315" y="3730"/>
                </a:lnTo>
                <a:lnTo>
                  <a:pt x="7305" y="3750"/>
                </a:lnTo>
                <a:lnTo>
                  <a:pt x="7297" y="3770"/>
                </a:lnTo>
                <a:lnTo>
                  <a:pt x="7291" y="3790"/>
                </a:lnTo>
                <a:lnTo>
                  <a:pt x="7285" y="3813"/>
                </a:lnTo>
                <a:lnTo>
                  <a:pt x="7283" y="3837"/>
                </a:lnTo>
                <a:lnTo>
                  <a:pt x="7282" y="3861"/>
                </a:lnTo>
                <a:lnTo>
                  <a:pt x="7283" y="3888"/>
                </a:lnTo>
                <a:lnTo>
                  <a:pt x="7285" y="3913"/>
                </a:lnTo>
                <a:lnTo>
                  <a:pt x="7290" y="3938"/>
                </a:lnTo>
                <a:lnTo>
                  <a:pt x="7296" y="3961"/>
                </a:lnTo>
                <a:lnTo>
                  <a:pt x="7300" y="3972"/>
                </a:lnTo>
                <a:lnTo>
                  <a:pt x="7304" y="3983"/>
                </a:lnTo>
                <a:lnTo>
                  <a:pt x="7308" y="3992"/>
                </a:lnTo>
                <a:lnTo>
                  <a:pt x="7314" y="4002"/>
                </a:lnTo>
                <a:lnTo>
                  <a:pt x="7319" y="4012"/>
                </a:lnTo>
                <a:lnTo>
                  <a:pt x="7325" y="4021"/>
                </a:lnTo>
                <a:lnTo>
                  <a:pt x="7332" y="4030"/>
                </a:lnTo>
                <a:lnTo>
                  <a:pt x="7338" y="4037"/>
                </a:lnTo>
                <a:lnTo>
                  <a:pt x="7346" y="4045"/>
                </a:lnTo>
                <a:lnTo>
                  <a:pt x="7354" y="4053"/>
                </a:lnTo>
                <a:lnTo>
                  <a:pt x="7362" y="4059"/>
                </a:lnTo>
                <a:lnTo>
                  <a:pt x="7371" y="4066"/>
                </a:lnTo>
                <a:lnTo>
                  <a:pt x="7380" y="4073"/>
                </a:lnTo>
                <a:lnTo>
                  <a:pt x="7390" y="4078"/>
                </a:lnTo>
                <a:lnTo>
                  <a:pt x="7401" y="4082"/>
                </a:lnTo>
                <a:lnTo>
                  <a:pt x="7411" y="4087"/>
                </a:lnTo>
                <a:lnTo>
                  <a:pt x="7423" y="4091"/>
                </a:lnTo>
                <a:lnTo>
                  <a:pt x="7434" y="4095"/>
                </a:lnTo>
                <a:lnTo>
                  <a:pt x="7446" y="4098"/>
                </a:lnTo>
                <a:lnTo>
                  <a:pt x="7459" y="4100"/>
                </a:lnTo>
                <a:lnTo>
                  <a:pt x="7472" y="4102"/>
                </a:lnTo>
                <a:lnTo>
                  <a:pt x="7486" y="4103"/>
                </a:lnTo>
                <a:lnTo>
                  <a:pt x="7500" y="4104"/>
                </a:lnTo>
                <a:lnTo>
                  <a:pt x="7515" y="4104"/>
                </a:lnTo>
                <a:lnTo>
                  <a:pt x="7542" y="4104"/>
                </a:lnTo>
                <a:lnTo>
                  <a:pt x="7564" y="4102"/>
                </a:lnTo>
                <a:lnTo>
                  <a:pt x="7585" y="4099"/>
                </a:lnTo>
                <a:lnTo>
                  <a:pt x="7602" y="4095"/>
                </a:lnTo>
                <a:lnTo>
                  <a:pt x="7632" y="4085"/>
                </a:lnTo>
                <a:lnTo>
                  <a:pt x="7657" y="4076"/>
                </a:lnTo>
                <a:lnTo>
                  <a:pt x="7657" y="3992"/>
                </a:lnTo>
                <a:close/>
                <a:moveTo>
                  <a:pt x="7159" y="3644"/>
                </a:moveTo>
                <a:lnTo>
                  <a:pt x="7082" y="3644"/>
                </a:lnTo>
                <a:lnTo>
                  <a:pt x="7082" y="3711"/>
                </a:lnTo>
                <a:lnTo>
                  <a:pt x="7081" y="3711"/>
                </a:lnTo>
                <a:lnTo>
                  <a:pt x="7076" y="3703"/>
                </a:lnTo>
                <a:lnTo>
                  <a:pt x="7071" y="3694"/>
                </a:lnTo>
                <a:lnTo>
                  <a:pt x="7064" y="3686"/>
                </a:lnTo>
                <a:lnTo>
                  <a:pt x="7058" y="3678"/>
                </a:lnTo>
                <a:lnTo>
                  <a:pt x="7051" y="3672"/>
                </a:lnTo>
                <a:lnTo>
                  <a:pt x="7043" y="3665"/>
                </a:lnTo>
                <a:lnTo>
                  <a:pt x="7036" y="3660"/>
                </a:lnTo>
                <a:lnTo>
                  <a:pt x="7027" y="3654"/>
                </a:lnTo>
                <a:lnTo>
                  <a:pt x="7017" y="3650"/>
                </a:lnTo>
                <a:lnTo>
                  <a:pt x="7007" y="3645"/>
                </a:lnTo>
                <a:lnTo>
                  <a:pt x="6997" y="3642"/>
                </a:lnTo>
                <a:lnTo>
                  <a:pt x="6985" y="3639"/>
                </a:lnTo>
                <a:lnTo>
                  <a:pt x="6973" y="3637"/>
                </a:lnTo>
                <a:lnTo>
                  <a:pt x="6960" y="3634"/>
                </a:lnTo>
                <a:lnTo>
                  <a:pt x="6947" y="3633"/>
                </a:lnTo>
                <a:lnTo>
                  <a:pt x="6932" y="3633"/>
                </a:lnTo>
                <a:lnTo>
                  <a:pt x="6919" y="3633"/>
                </a:lnTo>
                <a:lnTo>
                  <a:pt x="6907" y="3634"/>
                </a:lnTo>
                <a:lnTo>
                  <a:pt x="6896" y="3637"/>
                </a:lnTo>
                <a:lnTo>
                  <a:pt x="6884" y="3639"/>
                </a:lnTo>
                <a:lnTo>
                  <a:pt x="6873" y="3642"/>
                </a:lnTo>
                <a:lnTo>
                  <a:pt x="6863" y="3645"/>
                </a:lnTo>
                <a:lnTo>
                  <a:pt x="6853" y="3650"/>
                </a:lnTo>
                <a:lnTo>
                  <a:pt x="6843" y="3654"/>
                </a:lnTo>
                <a:lnTo>
                  <a:pt x="6834" y="3660"/>
                </a:lnTo>
                <a:lnTo>
                  <a:pt x="6824" y="3665"/>
                </a:lnTo>
                <a:lnTo>
                  <a:pt x="6817" y="3672"/>
                </a:lnTo>
                <a:lnTo>
                  <a:pt x="6808" y="3678"/>
                </a:lnTo>
                <a:lnTo>
                  <a:pt x="6794" y="3694"/>
                </a:lnTo>
                <a:lnTo>
                  <a:pt x="6780" y="3709"/>
                </a:lnTo>
                <a:lnTo>
                  <a:pt x="6768" y="3728"/>
                </a:lnTo>
                <a:lnTo>
                  <a:pt x="6758" y="3746"/>
                </a:lnTo>
                <a:lnTo>
                  <a:pt x="6750" y="3766"/>
                </a:lnTo>
                <a:lnTo>
                  <a:pt x="6743" y="3786"/>
                </a:lnTo>
                <a:lnTo>
                  <a:pt x="6738" y="3808"/>
                </a:lnTo>
                <a:lnTo>
                  <a:pt x="6733" y="3829"/>
                </a:lnTo>
                <a:lnTo>
                  <a:pt x="6731" y="3851"/>
                </a:lnTo>
                <a:lnTo>
                  <a:pt x="6731" y="3873"/>
                </a:lnTo>
                <a:lnTo>
                  <a:pt x="6731" y="3894"/>
                </a:lnTo>
                <a:lnTo>
                  <a:pt x="6733" y="3916"/>
                </a:lnTo>
                <a:lnTo>
                  <a:pt x="6738" y="3936"/>
                </a:lnTo>
                <a:lnTo>
                  <a:pt x="6742" y="3956"/>
                </a:lnTo>
                <a:lnTo>
                  <a:pt x="6750" y="3976"/>
                </a:lnTo>
                <a:lnTo>
                  <a:pt x="6757" y="3994"/>
                </a:lnTo>
                <a:lnTo>
                  <a:pt x="6767" y="4011"/>
                </a:lnTo>
                <a:lnTo>
                  <a:pt x="6778" y="4026"/>
                </a:lnTo>
                <a:lnTo>
                  <a:pt x="6791" y="4042"/>
                </a:lnTo>
                <a:lnTo>
                  <a:pt x="6806" y="4055"/>
                </a:lnTo>
                <a:lnTo>
                  <a:pt x="6813" y="4061"/>
                </a:lnTo>
                <a:lnTo>
                  <a:pt x="6821" y="4066"/>
                </a:lnTo>
                <a:lnTo>
                  <a:pt x="6830" y="4071"/>
                </a:lnTo>
                <a:lnTo>
                  <a:pt x="6839" y="4076"/>
                </a:lnTo>
                <a:lnTo>
                  <a:pt x="6848" y="4080"/>
                </a:lnTo>
                <a:lnTo>
                  <a:pt x="6857" y="4084"/>
                </a:lnTo>
                <a:lnTo>
                  <a:pt x="6867" y="4087"/>
                </a:lnTo>
                <a:lnTo>
                  <a:pt x="6878" y="4089"/>
                </a:lnTo>
                <a:lnTo>
                  <a:pt x="6888" y="4091"/>
                </a:lnTo>
                <a:lnTo>
                  <a:pt x="6899" y="4093"/>
                </a:lnTo>
                <a:lnTo>
                  <a:pt x="6911" y="4093"/>
                </a:lnTo>
                <a:lnTo>
                  <a:pt x="6923" y="4095"/>
                </a:lnTo>
                <a:lnTo>
                  <a:pt x="6944" y="4093"/>
                </a:lnTo>
                <a:lnTo>
                  <a:pt x="6966" y="4090"/>
                </a:lnTo>
                <a:lnTo>
                  <a:pt x="6976" y="4088"/>
                </a:lnTo>
                <a:lnTo>
                  <a:pt x="6987" y="4085"/>
                </a:lnTo>
                <a:lnTo>
                  <a:pt x="6997" y="4081"/>
                </a:lnTo>
                <a:lnTo>
                  <a:pt x="7007" y="4077"/>
                </a:lnTo>
                <a:lnTo>
                  <a:pt x="7017" y="4073"/>
                </a:lnTo>
                <a:lnTo>
                  <a:pt x="7026" y="4067"/>
                </a:lnTo>
                <a:lnTo>
                  <a:pt x="7036" y="4062"/>
                </a:lnTo>
                <a:lnTo>
                  <a:pt x="7044" y="4055"/>
                </a:lnTo>
                <a:lnTo>
                  <a:pt x="7052" y="4048"/>
                </a:lnTo>
                <a:lnTo>
                  <a:pt x="7060" y="4041"/>
                </a:lnTo>
                <a:lnTo>
                  <a:pt x="7068" y="4033"/>
                </a:lnTo>
                <a:lnTo>
                  <a:pt x="7074" y="4024"/>
                </a:lnTo>
                <a:lnTo>
                  <a:pt x="7076" y="4024"/>
                </a:lnTo>
                <a:lnTo>
                  <a:pt x="7076" y="4068"/>
                </a:lnTo>
                <a:lnTo>
                  <a:pt x="7075" y="4086"/>
                </a:lnTo>
                <a:lnTo>
                  <a:pt x="7074" y="4102"/>
                </a:lnTo>
                <a:lnTo>
                  <a:pt x="7071" y="4118"/>
                </a:lnTo>
                <a:lnTo>
                  <a:pt x="7066" y="4133"/>
                </a:lnTo>
                <a:lnTo>
                  <a:pt x="7061" y="4146"/>
                </a:lnTo>
                <a:lnTo>
                  <a:pt x="7055" y="4159"/>
                </a:lnTo>
                <a:lnTo>
                  <a:pt x="7048" y="4170"/>
                </a:lnTo>
                <a:lnTo>
                  <a:pt x="7039" y="4181"/>
                </a:lnTo>
                <a:lnTo>
                  <a:pt x="7030" y="4191"/>
                </a:lnTo>
                <a:lnTo>
                  <a:pt x="7019" y="4199"/>
                </a:lnTo>
                <a:lnTo>
                  <a:pt x="7008" y="4207"/>
                </a:lnTo>
                <a:lnTo>
                  <a:pt x="6995" y="4212"/>
                </a:lnTo>
                <a:lnTo>
                  <a:pt x="6982" y="4216"/>
                </a:lnTo>
                <a:lnTo>
                  <a:pt x="6967" y="4220"/>
                </a:lnTo>
                <a:lnTo>
                  <a:pt x="6952" y="4222"/>
                </a:lnTo>
                <a:lnTo>
                  <a:pt x="6937" y="4223"/>
                </a:lnTo>
                <a:lnTo>
                  <a:pt x="6915" y="4222"/>
                </a:lnTo>
                <a:lnTo>
                  <a:pt x="6895" y="4221"/>
                </a:lnTo>
                <a:lnTo>
                  <a:pt x="6875" y="4218"/>
                </a:lnTo>
                <a:lnTo>
                  <a:pt x="6856" y="4213"/>
                </a:lnTo>
                <a:lnTo>
                  <a:pt x="6838" y="4208"/>
                </a:lnTo>
                <a:lnTo>
                  <a:pt x="6818" y="4201"/>
                </a:lnTo>
                <a:lnTo>
                  <a:pt x="6797" y="4192"/>
                </a:lnTo>
                <a:lnTo>
                  <a:pt x="6774" y="4182"/>
                </a:lnTo>
                <a:lnTo>
                  <a:pt x="6765" y="4259"/>
                </a:lnTo>
                <a:lnTo>
                  <a:pt x="6790" y="4267"/>
                </a:lnTo>
                <a:lnTo>
                  <a:pt x="6815" y="4275"/>
                </a:lnTo>
                <a:lnTo>
                  <a:pt x="6835" y="4280"/>
                </a:lnTo>
                <a:lnTo>
                  <a:pt x="6855" y="4283"/>
                </a:lnTo>
                <a:lnTo>
                  <a:pt x="6874" y="4287"/>
                </a:lnTo>
                <a:lnTo>
                  <a:pt x="6892" y="4289"/>
                </a:lnTo>
                <a:lnTo>
                  <a:pt x="6909" y="4290"/>
                </a:lnTo>
                <a:lnTo>
                  <a:pt x="6927" y="4290"/>
                </a:lnTo>
                <a:lnTo>
                  <a:pt x="6956" y="4289"/>
                </a:lnTo>
                <a:lnTo>
                  <a:pt x="6983" y="4287"/>
                </a:lnTo>
                <a:lnTo>
                  <a:pt x="7008" y="4282"/>
                </a:lnTo>
                <a:lnTo>
                  <a:pt x="7031" y="4276"/>
                </a:lnTo>
                <a:lnTo>
                  <a:pt x="7042" y="4271"/>
                </a:lnTo>
                <a:lnTo>
                  <a:pt x="7052" y="4268"/>
                </a:lnTo>
                <a:lnTo>
                  <a:pt x="7062" y="4263"/>
                </a:lnTo>
                <a:lnTo>
                  <a:pt x="7072" y="4258"/>
                </a:lnTo>
                <a:lnTo>
                  <a:pt x="7080" y="4253"/>
                </a:lnTo>
                <a:lnTo>
                  <a:pt x="7088" y="4246"/>
                </a:lnTo>
                <a:lnTo>
                  <a:pt x="7096" y="4241"/>
                </a:lnTo>
                <a:lnTo>
                  <a:pt x="7104" y="4234"/>
                </a:lnTo>
                <a:lnTo>
                  <a:pt x="7110" y="4226"/>
                </a:lnTo>
                <a:lnTo>
                  <a:pt x="7117" y="4219"/>
                </a:lnTo>
                <a:lnTo>
                  <a:pt x="7123" y="4211"/>
                </a:lnTo>
                <a:lnTo>
                  <a:pt x="7128" y="4203"/>
                </a:lnTo>
                <a:lnTo>
                  <a:pt x="7134" y="4194"/>
                </a:lnTo>
                <a:lnTo>
                  <a:pt x="7138" y="4186"/>
                </a:lnTo>
                <a:lnTo>
                  <a:pt x="7142" y="4176"/>
                </a:lnTo>
                <a:lnTo>
                  <a:pt x="7146" y="4166"/>
                </a:lnTo>
                <a:lnTo>
                  <a:pt x="7152" y="4145"/>
                </a:lnTo>
                <a:lnTo>
                  <a:pt x="7156" y="4123"/>
                </a:lnTo>
                <a:lnTo>
                  <a:pt x="7159" y="4100"/>
                </a:lnTo>
                <a:lnTo>
                  <a:pt x="7159" y="4075"/>
                </a:lnTo>
                <a:lnTo>
                  <a:pt x="7159" y="3644"/>
                </a:lnTo>
                <a:close/>
                <a:moveTo>
                  <a:pt x="6283" y="3746"/>
                </a:moveTo>
                <a:lnTo>
                  <a:pt x="6296" y="3737"/>
                </a:lnTo>
                <a:lnTo>
                  <a:pt x="6312" y="3728"/>
                </a:lnTo>
                <a:lnTo>
                  <a:pt x="6327" y="3719"/>
                </a:lnTo>
                <a:lnTo>
                  <a:pt x="6344" y="3712"/>
                </a:lnTo>
                <a:lnTo>
                  <a:pt x="6361" y="3708"/>
                </a:lnTo>
                <a:lnTo>
                  <a:pt x="6379" y="3704"/>
                </a:lnTo>
                <a:lnTo>
                  <a:pt x="6397" y="3701"/>
                </a:lnTo>
                <a:lnTo>
                  <a:pt x="6414" y="3700"/>
                </a:lnTo>
                <a:lnTo>
                  <a:pt x="6430" y="3701"/>
                </a:lnTo>
                <a:lnTo>
                  <a:pt x="6443" y="3703"/>
                </a:lnTo>
                <a:lnTo>
                  <a:pt x="6456" y="3705"/>
                </a:lnTo>
                <a:lnTo>
                  <a:pt x="6467" y="3708"/>
                </a:lnTo>
                <a:lnTo>
                  <a:pt x="6477" y="3712"/>
                </a:lnTo>
                <a:lnTo>
                  <a:pt x="6486" y="3717"/>
                </a:lnTo>
                <a:lnTo>
                  <a:pt x="6494" y="3723"/>
                </a:lnTo>
                <a:lnTo>
                  <a:pt x="6501" y="3730"/>
                </a:lnTo>
                <a:lnTo>
                  <a:pt x="6508" y="3738"/>
                </a:lnTo>
                <a:lnTo>
                  <a:pt x="6512" y="3746"/>
                </a:lnTo>
                <a:lnTo>
                  <a:pt x="6516" y="3756"/>
                </a:lnTo>
                <a:lnTo>
                  <a:pt x="6520" y="3766"/>
                </a:lnTo>
                <a:lnTo>
                  <a:pt x="6523" y="3778"/>
                </a:lnTo>
                <a:lnTo>
                  <a:pt x="6524" y="3790"/>
                </a:lnTo>
                <a:lnTo>
                  <a:pt x="6525" y="3804"/>
                </a:lnTo>
                <a:lnTo>
                  <a:pt x="6526" y="3818"/>
                </a:lnTo>
                <a:lnTo>
                  <a:pt x="6503" y="3817"/>
                </a:lnTo>
                <a:lnTo>
                  <a:pt x="6481" y="3817"/>
                </a:lnTo>
                <a:lnTo>
                  <a:pt x="6460" y="3816"/>
                </a:lnTo>
                <a:lnTo>
                  <a:pt x="6437" y="3816"/>
                </a:lnTo>
                <a:lnTo>
                  <a:pt x="6421" y="3817"/>
                </a:lnTo>
                <a:lnTo>
                  <a:pt x="6404" y="3818"/>
                </a:lnTo>
                <a:lnTo>
                  <a:pt x="6387" y="3820"/>
                </a:lnTo>
                <a:lnTo>
                  <a:pt x="6369" y="3823"/>
                </a:lnTo>
                <a:lnTo>
                  <a:pt x="6350" y="3828"/>
                </a:lnTo>
                <a:lnTo>
                  <a:pt x="6334" y="3833"/>
                </a:lnTo>
                <a:lnTo>
                  <a:pt x="6316" y="3840"/>
                </a:lnTo>
                <a:lnTo>
                  <a:pt x="6301" y="3847"/>
                </a:lnTo>
                <a:lnTo>
                  <a:pt x="6285" y="3857"/>
                </a:lnTo>
                <a:lnTo>
                  <a:pt x="6271" y="3867"/>
                </a:lnTo>
                <a:lnTo>
                  <a:pt x="6266" y="3874"/>
                </a:lnTo>
                <a:lnTo>
                  <a:pt x="6259" y="3880"/>
                </a:lnTo>
                <a:lnTo>
                  <a:pt x="6254" y="3887"/>
                </a:lnTo>
                <a:lnTo>
                  <a:pt x="6248" y="3894"/>
                </a:lnTo>
                <a:lnTo>
                  <a:pt x="6244" y="3901"/>
                </a:lnTo>
                <a:lnTo>
                  <a:pt x="6240" y="3909"/>
                </a:lnTo>
                <a:lnTo>
                  <a:pt x="6236" y="3917"/>
                </a:lnTo>
                <a:lnTo>
                  <a:pt x="6234" y="3925"/>
                </a:lnTo>
                <a:lnTo>
                  <a:pt x="6230" y="3934"/>
                </a:lnTo>
                <a:lnTo>
                  <a:pt x="6229" y="3944"/>
                </a:lnTo>
                <a:lnTo>
                  <a:pt x="6228" y="3954"/>
                </a:lnTo>
                <a:lnTo>
                  <a:pt x="6228" y="3964"/>
                </a:lnTo>
                <a:lnTo>
                  <a:pt x="6228" y="3983"/>
                </a:lnTo>
                <a:lnTo>
                  <a:pt x="6230" y="3999"/>
                </a:lnTo>
                <a:lnTo>
                  <a:pt x="6235" y="4013"/>
                </a:lnTo>
                <a:lnTo>
                  <a:pt x="6240" y="4028"/>
                </a:lnTo>
                <a:lnTo>
                  <a:pt x="6247" y="4041"/>
                </a:lnTo>
                <a:lnTo>
                  <a:pt x="6255" y="4052"/>
                </a:lnTo>
                <a:lnTo>
                  <a:pt x="6263" y="4062"/>
                </a:lnTo>
                <a:lnTo>
                  <a:pt x="6274" y="4071"/>
                </a:lnTo>
                <a:lnTo>
                  <a:pt x="6285" y="4079"/>
                </a:lnTo>
                <a:lnTo>
                  <a:pt x="6299" y="4086"/>
                </a:lnTo>
                <a:lnTo>
                  <a:pt x="6312" y="4092"/>
                </a:lnTo>
                <a:lnTo>
                  <a:pt x="6326" y="4097"/>
                </a:lnTo>
                <a:lnTo>
                  <a:pt x="6342" y="4100"/>
                </a:lnTo>
                <a:lnTo>
                  <a:pt x="6358" y="4102"/>
                </a:lnTo>
                <a:lnTo>
                  <a:pt x="6376" y="4104"/>
                </a:lnTo>
                <a:lnTo>
                  <a:pt x="6393" y="4104"/>
                </a:lnTo>
                <a:lnTo>
                  <a:pt x="6408" y="4104"/>
                </a:lnTo>
                <a:lnTo>
                  <a:pt x="6421" y="4103"/>
                </a:lnTo>
                <a:lnTo>
                  <a:pt x="6433" y="4101"/>
                </a:lnTo>
                <a:lnTo>
                  <a:pt x="6444" y="4098"/>
                </a:lnTo>
                <a:lnTo>
                  <a:pt x="6455" y="4095"/>
                </a:lnTo>
                <a:lnTo>
                  <a:pt x="6466" y="4090"/>
                </a:lnTo>
                <a:lnTo>
                  <a:pt x="6475" y="4086"/>
                </a:lnTo>
                <a:lnTo>
                  <a:pt x="6485" y="4080"/>
                </a:lnTo>
                <a:lnTo>
                  <a:pt x="6500" y="4069"/>
                </a:lnTo>
                <a:lnTo>
                  <a:pt x="6513" y="4058"/>
                </a:lnTo>
                <a:lnTo>
                  <a:pt x="6524" y="4046"/>
                </a:lnTo>
                <a:lnTo>
                  <a:pt x="6533" y="4036"/>
                </a:lnTo>
                <a:lnTo>
                  <a:pt x="6535" y="4036"/>
                </a:lnTo>
                <a:lnTo>
                  <a:pt x="6535" y="4095"/>
                </a:lnTo>
                <a:lnTo>
                  <a:pt x="6612" y="4095"/>
                </a:lnTo>
                <a:lnTo>
                  <a:pt x="6611" y="4082"/>
                </a:lnTo>
                <a:lnTo>
                  <a:pt x="6610" y="4064"/>
                </a:lnTo>
                <a:lnTo>
                  <a:pt x="6609" y="4040"/>
                </a:lnTo>
                <a:lnTo>
                  <a:pt x="6609" y="4006"/>
                </a:lnTo>
                <a:lnTo>
                  <a:pt x="6609" y="3820"/>
                </a:lnTo>
                <a:lnTo>
                  <a:pt x="6609" y="3797"/>
                </a:lnTo>
                <a:lnTo>
                  <a:pt x="6607" y="3776"/>
                </a:lnTo>
                <a:lnTo>
                  <a:pt x="6603" y="3757"/>
                </a:lnTo>
                <a:lnTo>
                  <a:pt x="6599" y="3739"/>
                </a:lnTo>
                <a:lnTo>
                  <a:pt x="6592" y="3722"/>
                </a:lnTo>
                <a:lnTo>
                  <a:pt x="6586" y="3707"/>
                </a:lnTo>
                <a:lnTo>
                  <a:pt x="6577" y="3693"/>
                </a:lnTo>
                <a:lnTo>
                  <a:pt x="6567" y="3681"/>
                </a:lnTo>
                <a:lnTo>
                  <a:pt x="6555" y="3670"/>
                </a:lnTo>
                <a:lnTo>
                  <a:pt x="6542" y="3660"/>
                </a:lnTo>
                <a:lnTo>
                  <a:pt x="6526" y="3652"/>
                </a:lnTo>
                <a:lnTo>
                  <a:pt x="6511" y="3645"/>
                </a:lnTo>
                <a:lnTo>
                  <a:pt x="6492" y="3640"/>
                </a:lnTo>
                <a:lnTo>
                  <a:pt x="6472" y="3637"/>
                </a:lnTo>
                <a:lnTo>
                  <a:pt x="6452" y="3634"/>
                </a:lnTo>
                <a:lnTo>
                  <a:pt x="6427" y="3633"/>
                </a:lnTo>
                <a:lnTo>
                  <a:pt x="6406" y="3634"/>
                </a:lnTo>
                <a:lnTo>
                  <a:pt x="6386" y="3637"/>
                </a:lnTo>
                <a:lnTo>
                  <a:pt x="6366" y="3640"/>
                </a:lnTo>
                <a:lnTo>
                  <a:pt x="6347" y="3645"/>
                </a:lnTo>
                <a:lnTo>
                  <a:pt x="6329" y="3652"/>
                </a:lnTo>
                <a:lnTo>
                  <a:pt x="6312" y="3659"/>
                </a:lnTo>
                <a:lnTo>
                  <a:pt x="6295" y="3667"/>
                </a:lnTo>
                <a:lnTo>
                  <a:pt x="6279" y="3676"/>
                </a:lnTo>
                <a:lnTo>
                  <a:pt x="6283" y="3746"/>
                </a:lnTo>
                <a:close/>
                <a:moveTo>
                  <a:pt x="5707" y="3644"/>
                </a:moveTo>
                <a:lnTo>
                  <a:pt x="5787" y="3644"/>
                </a:lnTo>
                <a:lnTo>
                  <a:pt x="5787" y="3716"/>
                </a:lnTo>
                <a:lnTo>
                  <a:pt x="5789" y="3716"/>
                </a:lnTo>
                <a:lnTo>
                  <a:pt x="5794" y="3706"/>
                </a:lnTo>
                <a:lnTo>
                  <a:pt x="5799" y="3697"/>
                </a:lnTo>
                <a:lnTo>
                  <a:pt x="5806" y="3689"/>
                </a:lnTo>
                <a:lnTo>
                  <a:pt x="5814" y="3681"/>
                </a:lnTo>
                <a:lnTo>
                  <a:pt x="5821" y="3674"/>
                </a:lnTo>
                <a:lnTo>
                  <a:pt x="5830" y="3667"/>
                </a:lnTo>
                <a:lnTo>
                  <a:pt x="5839" y="3661"/>
                </a:lnTo>
                <a:lnTo>
                  <a:pt x="5849" y="3655"/>
                </a:lnTo>
                <a:lnTo>
                  <a:pt x="5859" y="3650"/>
                </a:lnTo>
                <a:lnTo>
                  <a:pt x="5869" y="3645"/>
                </a:lnTo>
                <a:lnTo>
                  <a:pt x="5880" y="3642"/>
                </a:lnTo>
                <a:lnTo>
                  <a:pt x="5891" y="3639"/>
                </a:lnTo>
                <a:lnTo>
                  <a:pt x="5902" y="3637"/>
                </a:lnTo>
                <a:lnTo>
                  <a:pt x="5914" y="3634"/>
                </a:lnTo>
                <a:lnTo>
                  <a:pt x="5925" y="3633"/>
                </a:lnTo>
                <a:lnTo>
                  <a:pt x="5937" y="3633"/>
                </a:lnTo>
                <a:lnTo>
                  <a:pt x="5958" y="3634"/>
                </a:lnTo>
                <a:lnTo>
                  <a:pt x="5977" y="3637"/>
                </a:lnTo>
                <a:lnTo>
                  <a:pt x="5995" y="3641"/>
                </a:lnTo>
                <a:lnTo>
                  <a:pt x="6013" y="3647"/>
                </a:lnTo>
                <a:lnTo>
                  <a:pt x="6027" y="3654"/>
                </a:lnTo>
                <a:lnTo>
                  <a:pt x="6041" y="3663"/>
                </a:lnTo>
                <a:lnTo>
                  <a:pt x="6053" y="3673"/>
                </a:lnTo>
                <a:lnTo>
                  <a:pt x="6064" y="3685"/>
                </a:lnTo>
                <a:lnTo>
                  <a:pt x="6074" y="3698"/>
                </a:lnTo>
                <a:lnTo>
                  <a:pt x="6083" y="3712"/>
                </a:lnTo>
                <a:lnTo>
                  <a:pt x="6090" y="3728"/>
                </a:lnTo>
                <a:lnTo>
                  <a:pt x="6095" y="3745"/>
                </a:lnTo>
                <a:lnTo>
                  <a:pt x="6100" y="3764"/>
                </a:lnTo>
                <a:lnTo>
                  <a:pt x="6103" y="3784"/>
                </a:lnTo>
                <a:lnTo>
                  <a:pt x="6105" y="3805"/>
                </a:lnTo>
                <a:lnTo>
                  <a:pt x="6105" y="3827"/>
                </a:lnTo>
                <a:lnTo>
                  <a:pt x="6105" y="4095"/>
                </a:lnTo>
                <a:lnTo>
                  <a:pt x="6023" y="4095"/>
                </a:lnTo>
                <a:lnTo>
                  <a:pt x="6023" y="3861"/>
                </a:lnTo>
                <a:lnTo>
                  <a:pt x="6023" y="3842"/>
                </a:lnTo>
                <a:lnTo>
                  <a:pt x="6021" y="3824"/>
                </a:lnTo>
                <a:lnTo>
                  <a:pt x="6019" y="3808"/>
                </a:lnTo>
                <a:lnTo>
                  <a:pt x="6017" y="3793"/>
                </a:lnTo>
                <a:lnTo>
                  <a:pt x="6015" y="3778"/>
                </a:lnTo>
                <a:lnTo>
                  <a:pt x="6012" y="3765"/>
                </a:lnTo>
                <a:lnTo>
                  <a:pt x="6007" y="3753"/>
                </a:lnTo>
                <a:lnTo>
                  <a:pt x="6002" y="3743"/>
                </a:lnTo>
                <a:lnTo>
                  <a:pt x="5996" y="3733"/>
                </a:lnTo>
                <a:lnTo>
                  <a:pt x="5988" y="3726"/>
                </a:lnTo>
                <a:lnTo>
                  <a:pt x="5981" y="3719"/>
                </a:lnTo>
                <a:lnTo>
                  <a:pt x="5972" y="3712"/>
                </a:lnTo>
                <a:lnTo>
                  <a:pt x="5962" y="3708"/>
                </a:lnTo>
                <a:lnTo>
                  <a:pt x="5952" y="3705"/>
                </a:lnTo>
                <a:lnTo>
                  <a:pt x="5940" y="3701"/>
                </a:lnTo>
                <a:lnTo>
                  <a:pt x="5927" y="3700"/>
                </a:lnTo>
                <a:lnTo>
                  <a:pt x="5909" y="3701"/>
                </a:lnTo>
                <a:lnTo>
                  <a:pt x="5894" y="3704"/>
                </a:lnTo>
                <a:lnTo>
                  <a:pt x="5880" y="3708"/>
                </a:lnTo>
                <a:lnTo>
                  <a:pt x="5865" y="3714"/>
                </a:lnTo>
                <a:lnTo>
                  <a:pt x="5853" y="3721"/>
                </a:lnTo>
                <a:lnTo>
                  <a:pt x="5842" y="3730"/>
                </a:lnTo>
                <a:lnTo>
                  <a:pt x="5832" y="3741"/>
                </a:lnTo>
                <a:lnTo>
                  <a:pt x="5822" y="3752"/>
                </a:lnTo>
                <a:lnTo>
                  <a:pt x="5815" y="3765"/>
                </a:lnTo>
                <a:lnTo>
                  <a:pt x="5808" y="3779"/>
                </a:lnTo>
                <a:lnTo>
                  <a:pt x="5803" y="3795"/>
                </a:lnTo>
                <a:lnTo>
                  <a:pt x="5798" y="3810"/>
                </a:lnTo>
                <a:lnTo>
                  <a:pt x="5794" y="3828"/>
                </a:lnTo>
                <a:lnTo>
                  <a:pt x="5792" y="3846"/>
                </a:lnTo>
                <a:lnTo>
                  <a:pt x="5790" y="3865"/>
                </a:lnTo>
                <a:lnTo>
                  <a:pt x="5789" y="3886"/>
                </a:lnTo>
                <a:lnTo>
                  <a:pt x="5789" y="4095"/>
                </a:lnTo>
                <a:lnTo>
                  <a:pt x="5707" y="4095"/>
                </a:lnTo>
                <a:lnTo>
                  <a:pt x="5707" y="3644"/>
                </a:lnTo>
                <a:close/>
                <a:moveTo>
                  <a:pt x="5229" y="3746"/>
                </a:moveTo>
                <a:lnTo>
                  <a:pt x="5243" y="3737"/>
                </a:lnTo>
                <a:lnTo>
                  <a:pt x="5258" y="3728"/>
                </a:lnTo>
                <a:lnTo>
                  <a:pt x="5273" y="3719"/>
                </a:lnTo>
                <a:lnTo>
                  <a:pt x="5290" y="3712"/>
                </a:lnTo>
                <a:lnTo>
                  <a:pt x="5308" y="3708"/>
                </a:lnTo>
                <a:lnTo>
                  <a:pt x="5325" y="3704"/>
                </a:lnTo>
                <a:lnTo>
                  <a:pt x="5343" y="3701"/>
                </a:lnTo>
                <a:lnTo>
                  <a:pt x="5360" y="3700"/>
                </a:lnTo>
                <a:lnTo>
                  <a:pt x="5376" y="3701"/>
                </a:lnTo>
                <a:lnTo>
                  <a:pt x="5389" y="3703"/>
                </a:lnTo>
                <a:lnTo>
                  <a:pt x="5401" y="3705"/>
                </a:lnTo>
                <a:lnTo>
                  <a:pt x="5413" y="3708"/>
                </a:lnTo>
                <a:lnTo>
                  <a:pt x="5423" y="3712"/>
                </a:lnTo>
                <a:lnTo>
                  <a:pt x="5432" y="3717"/>
                </a:lnTo>
                <a:lnTo>
                  <a:pt x="5441" y="3723"/>
                </a:lnTo>
                <a:lnTo>
                  <a:pt x="5447" y="3730"/>
                </a:lnTo>
                <a:lnTo>
                  <a:pt x="5454" y="3738"/>
                </a:lnTo>
                <a:lnTo>
                  <a:pt x="5458" y="3746"/>
                </a:lnTo>
                <a:lnTo>
                  <a:pt x="5463" y="3756"/>
                </a:lnTo>
                <a:lnTo>
                  <a:pt x="5466" y="3766"/>
                </a:lnTo>
                <a:lnTo>
                  <a:pt x="5469" y="3778"/>
                </a:lnTo>
                <a:lnTo>
                  <a:pt x="5470" y="3790"/>
                </a:lnTo>
                <a:lnTo>
                  <a:pt x="5471" y="3804"/>
                </a:lnTo>
                <a:lnTo>
                  <a:pt x="5471" y="3818"/>
                </a:lnTo>
                <a:lnTo>
                  <a:pt x="5448" y="3817"/>
                </a:lnTo>
                <a:lnTo>
                  <a:pt x="5427" y="3817"/>
                </a:lnTo>
                <a:lnTo>
                  <a:pt x="5407" y="3816"/>
                </a:lnTo>
                <a:lnTo>
                  <a:pt x="5383" y="3816"/>
                </a:lnTo>
                <a:lnTo>
                  <a:pt x="5367" y="3817"/>
                </a:lnTo>
                <a:lnTo>
                  <a:pt x="5349" y="3818"/>
                </a:lnTo>
                <a:lnTo>
                  <a:pt x="5332" y="3820"/>
                </a:lnTo>
                <a:lnTo>
                  <a:pt x="5314" y="3823"/>
                </a:lnTo>
                <a:lnTo>
                  <a:pt x="5297" y="3828"/>
                </a:lnTo>
                <a:lnTo>
                  <a:pt x="5279" y="3833"/>
                </a:lnTo>
                <a:lnTo>
                  <a:pt x="5262" y="3840"/>
                </a:lnTo>
                <a:lnTo>
                  <a:pt x="5247" y="3847"/>
                </a:lnTo>
                <a:lnTo>
                  <a:pt x="5232" y="3857"/>
                </a:lnTo>
                <a:lnTo>
                  <a:pt x="5217" y="3867"/>
                </a:lnTo>
                <a:lnTo>
                  <a:pt x="5211" y="3874"/>
                </a:lnTo>
                <a:lnTo>
                  <a:pt x="5205" y="3880"/>
                </a:lnTo>
                <a:lnTo>
                  <a:pt x="5200" y="3887"/>
                </a:lnTo>
                <a:lnTo>
                  <a:pt x="5194" y="3894"/>
                </a:lnTo>
                <a:lnTo>
                  <a:pt x="5190" y="3901"/>
                </a:lnTo>
                <a:lnTo>
                  <a:pt x="5185" y="3909"/>
                </a:lnTo>
                <a:lnTo>
                  <a:pt x="5182" y="3917"/>
                </a:lnTo>
                <a:lnTo>
                  <a:pt x="5180" y="3925"/>
                </a:lnTo>
                <a:lnTo>
                  <a:pt x="5177" y="3934"/>
                </a:lnTo>
                <a:lnTo>
                  <a:pt x="5176" y="3944"/>
                </a:lnTo>
                <a:lnTo>
                  <a:pt x="5174" y="3954"/>
                </a:lnTo>
                <a:lnTo>
                  <a:pt x="5174" y="3964"/>
                </a:lnTo>
                <a:lnTo>
                  <a:pt x="5174" y="3983"/>
                </a:lnTo>
                <a:lnTo>
                  <a:pt x="5177" y="3999"/>
                </a:lnTo>
                <a:lnTo>
                  <a:pt x="5181" y="4013"/>
                </a:lnTo>
                <a:lnTo>
                  <a:pt x="5187" y="4028"/>
                </a:lnTo>
                <a:lnTo>
                  <a:pt x="5193" y="4041"/>
                </a:lnTo>
                <a:lnTo>
                  <a:pt x="5201" y="4052"/>
                </a:lnTo>
                <a:lnTo>
                  <a:pt x="5210" y="4062"/>
                </a:lnTo>
                <a:lnTo>
                  <a:pt x="5221" y="4071"/>
                </a:lnTo>
                <a:lnTo>
                  <a:pt x="5232" y="4079"/>
                </a:lnTo>
                <a:lnTo>
                  <a:pt x="5244" y="4086"/>
                </a:lnTo>
                <a:lnTo>
                  <a:pt x="5258" y="4092"/>
                </a:lnTo>
                <a:lnTo>
                  <a:pt x="5272" y="4097"/>
                </a:lnTo>
                <a:lnTo>
                  <a:pt x="5288" y="4100"/>
                </a:lnTo>
                <a:lnTo>
                  <a:pt x="5304" y="4102"/>
                </a:lnTo>
                <a:lnTo>
                  <a:pt x="5322" y="4104"/>
                </a:lnTo>
                <a:lnTo>
                  <a:pt x="5339" y="4104"/>
                </a:lnTo>
                <a:lnTo>
                  <a:pt x="5353" y="4104"/>
                </a:lnTo>
                <a:lnTo>
                  <a:pt x="5366" y="4103"/>
                </a:lnTo>
                <a:lnTo>
                  <a:pt x="5379" y="4101"/>
                </a:lnTo>
                <a:lnTo>
                  <a:pt x="5390" y="4098"/>
                </a:lnTo>
                <a:lnTo>
                  <a:pt x="5401" y="4095"/>
                </a:lnTo>
                <a:lnTo>
                  <a:pt x="5412" y="4090"/>
                </a:lnTo>
                <a:lnTo>
                  <a:pt x="5421" y="4086"/>
                </a:lnTo>
                <a:lnTo>
                  <a:pt x="5431" y="4080"/>
                </a:lnTo>
                <a:lnTo>
                  <a:pt x="5446" y="4069"/>
                </a:lnTo>
                <a:lnTo>
                  <a:pt x="5459" y="4058"/>
                </a:lnTo>
                <a:lnTo>
                  <a:pt x="5470" y="4046"/>
                </a:lnTo>
                <a:lnTo>
                  <a:pt x="5479" y="4036"/>
                </a:lnTo>
                <a:lnTo>
                  <a:pt x="5480" y="4036"/>
                </a:lnTo>
                <a:lnTo>
                  <a:pt x="5480" y="4095"/>
                </a:lnTo>
                <a:lnTo>
                  <a:pt x="5558" y="4095"/>
                </a:lnTo>
                <a:lnTo>
                  <a:pt x="5557" y="4082"/>
                </a:lnTo>
                <a:lnTo>
                  <a:pt x="5556" y="4064"/>
                </a:lnTo>
                <a:lnTo>
                  <a:pt x="5555" y="4040"/>
                </a:lnTo>
                <a:lnTo>
                  <a:pt x="5555" y="4006"/>
                </a:lnTo>
                <a:lnTo>
                  <a:pt x="5555" y="3820"/>
                </a:lnTo>
                <a:lnTo>
                  <a:pt x="5554" y="3797"/>
                </a:lnTo>
                <a:lnTo>
                  <a:pt x="5553" y="3776"/>
                </a:lnTo>
                <a:lnTo>
                  <a:pt x="5550" y="3757"/>
                </a:lnTo>
                <a:lnTo>
                  <a:pt x="5545" y="3739"/>
                </a:lnTo>
                <a:lnTo>
                  <a:pt x="5539" y="3722"/>
                </a:lnTo>
                <a:lnTo>
                  <a:pt x="5532" y="3707"/>
                </a:lnTo>
                <a:lnTo>
                  <a:pt x="5523" y="3693"/>
                </a:lnTo>
                <a:lnTo>
                  <a:pt x="5513" y="3681"/>
                </a:lnTo>
                <a:lnTo>
                  <a:pt x="5501" y="3670"/>
                </a:lnTo>
                <a:lnTo>
                  <a:pt x="5488" y="3660"/>
                </a:lnTo>
                <a:lnTo>
                  <a:pt x="5473" y="3652"/>
                </a:lnTo>
                <a:lnTo>
                  <a:pt x="5456" y="3645"/>
                </a:lnTo>
                <a:lnTo>
                  <a:pt x="5438" y="3640"/>
                </a:lnTo>
                <a:lnTo>
                  <a:pt x="5419" y="3637"/>
                </a:lnTo>
                <a:lnTo>
                  <a:pt x="5397" y="3634"/>
                </a:lnTo>
                <a:lnTo>
                  <a:pt x="5374" y="3633"/>
                </a:lnTo>
                <a:lnTo>
                  <a:pt x="5353" y="3634"/>
                </a:lnTo>
                <a:lnTo>
                  <a:pt x="5332" y="3637"/>
                </a:lnTo>
                <a:lnTo>
                  <a:pt x="5312" y="3640"/>
                </a:lnTo>
                <a:lnTo>
                  <a:pt x="5293" y="3645"/>
                </a:lnTo>
                <a:lnTo>
                  <a:pt x="5276" y="3652"/>
                </a:lnTo>
                <a:lnTo>
                  <a:pt x="5258" y="3659"/>
                </a:lnTo>
                <a:lnTo>
                  <a:pt x="5242" y="3667"/>
                </a:lnTo>
                <a:lnTo>
                  <a:pt x="5225" y="3676"/>
                </a:lnTo>
                <a:lnTo>
                  <a:pt x="5229" y="3746"/>
                </a:lnTo>
                <a:close/>
                <a:moveTo>
                  <a:pt x="4367" y="3479"/>
                </a:moveTo>
                <a:lnTo>
                  <a:pt x="4513" y="3479"/>
                </a:lnTo>
                <a:lnTo>
                  <a:pt x="4707" y="3990"/>
                </a:lnTo>
                <a:lnTo>
                  <a:pt x="4897" y="3479"/>
                </a:lnTo>
                <a:lnTo>
                  <a:pt x="5042" y="3479"/>
                </a:lnTo>
                <a:lnTo>
                  <a:pt x="5042" y="4095"/>
                </a:lnTo>
                <a:lnTo>
                  <a:pt x="4954" y="4095"/>
                </a:lnTo>
                <a:lnTo>
                  <a:pt x="4954" y="3561"/>
                </a:lnTo>
                <a:lnTo>
                  <a:pt x="4952" y="3561"/>
                </a:lnTo>
                <a:lnTo>
                  <a:pt x="4749" y="4095"/>
                </a:lnTo>
                <a:lnTo>
                  <a:pt x="4662" y="4095"/>
                </a:lnTo>
                <a:lnTo>
                  <a:pt x="4457" y="3561"/>
                </a:lnTo>
                <a:lnTo>
                  <a:pt x="4456" y="3561"/>
                </a:lnTo>
                <a:lnTo>
                  <a:pt x="4456" y="4095"/>
                </a:lnTo>
                <a:lnTo>
                  <a:pt x="4367" y="4095"/>
                </a:lnTo>
                <a:lnTo>
                  <a:pt x="4367" y="3479"/>
                </a:lnTo>
                <a:close/>
                <a:moveTo>
                  <a:pt x="3986" y="3711"/>
                </a:moveTo>
                <a:lnTo>
                  <a:pt x="3867" y="3711"/>
                </a:lnTo>
                <a:lnTo>
                  <a:pt x="3867" y="3957"/>
                </a:lnTo>
                <a:lnTo>
                  <a:pt x="3867" y="3967"/>
                </a:lnTo>
                <a:lnTo>
                  <a:pt x="3868" y="3976"/>
                </a:lnTo>
                <a:lnTo>
                  <a:pt x="3870" y="3984"/>
                </a:lnTo>
                <a:lnTo>
                  <a:pt x="3872" y="3991"/>
                </a:lnTo>
                <a:lnTo>
                  <a:pt x="3875" y="3999"/>
                </a:lnTo>
                <a:lnTo>
                  <a:pt x="3879" y="4006"/>
                </a:lnTo>
                <a:lnTo>
                  <a:pt x="3883" y="4011"/>
                </a:lnTo>
                <a:lnTo>
                  <a:pt x="3887" y="4017"/>
                </a:lnTo>
                <a:lnTo>
                  <a:pt x="3892" y="4022"/>
                </a:lnTo>
                <a:lnTo>
                  <a:pt x="3897" y="4025"/>
                </a:lnTo>
                <a:lnTo>
                  <a:pt x="3904" y="4030"/>
                </a:lnTo>
                <a:lnTo>
                  <a:pt x="3909" y="4032"/>
                </a:lnTo>
                <a:lnTo>
                  <a:pt x="3916" y="4034"/>
                </a:lnTo>
                <a:lnTo>
                  <a:pt x="3923" y="4036"/>
                </a:lnTo>
                <a:lnTo>
                  <a:pt x="3929" y="4037"/>
                </a:lnTo>
                <a:lnTo>
                  <a:pt x="3937" y="4037"/>
                </a:lnTo>
                <a:lnTo>
                  <a:pt x="3946" y="4037"/>
                </a:lnTo>
                <a:lnTo>
                  <a:pt x="3955" y="4036"/>
                </a:lnTo>
                <a:lnTo>
                  <a:pt x="3962" y="4034"/>
                </a:lnTo>
                <a:lnTo>
                  <a:pt x="3970" y="4033"/>
                </a:lnTo>
                <a:lnTo>
                  <a:pt x="3983" y="4028"/>
                </a:lnTo>
                <a:lnTo>
                  <a:pt x="3993" y="4022"/>
                </a:lnTo>
                <a:lnTo>
                  <a:pt x="3993" y="4092"/>
                </a:lnTo>
                <a:lnTo>
                  <a:pt x="3978" y="4097"/>
                </a:lnTo>
                <a:lnTo>
                  <a:pt x="3961" y="4100"/>
                </a:lnTo>
                <a:lnTo>
                  <a:pt x="3942" y="4103"/>
                </a:lnTo>
                <a:lnTo>
                  <a:pt x="3923" y="4104"/>
                </a:lnTo>
                <a:lnTo>
                  <a:pt x="3907" y="4104"/>
                </a:lnTo>
                <a:lnTo>
                  <a:pt x="3892" y="4103"/>
                </a:lnTo>
                <a:lnTo>
                  <a:pt x="3878" y="4100"/>
                </a:lnTo>
                <a:lnTo>
                  <a:pt x="3864" y="4097"/>
                </a:lnTo>
                <a:lnTo>
                  <a:pt x="3852" y="4092"/>
                </a:lnTo>
                <a:lnTo>
                  <a:pt x="3841" y="4087"/>
                </a:lnTo>
                <a:lnTo>
                  <a:pt x="3830" y="4080"/>
                </a:lnTo>
                <a:lnTo>
                  <a:pt x="3821" y="4073"/>
                </a:lnTo>
                <a:lnTo>
                  <a:pt x="3813" y="4065"/>
                </a:lnTo>
                <a:lnTo>
                  <a:pt x="3805" y="4055"/>
                </a:lnTo>
                <a:lnTo>
                  <a:pt x="3798" y="4044"/>
                </a:lnTo>
                <a:lnTo>
                  <a:pt x="3793" y="4032"/>
                </a:lnTo>
                <a:lnTo>
                  <a:pt x="3790" y="4020"/>
                </a:lnTo>
                <a:lnTo>
                  <a:pt x="3786" y="4006"/>
                </a:lnTo>
                <a:lnTo>
                  <a:pt x="3784" y="3990"/>
                </a:lnTo>
                <a:lnTo>
                  <a:pt x="3784" y="3974"/>
                </a:lnTo>
                <a:lnTo>
                  <a:pt x="3784" y="3711"/>
                </a:lnTo>
                <a:lnTo>
                  <a:pt x="3682" y="3711"/>
                </a:lnTo>
                <a:lnTo>
                  <a:pt x="3682" y="3644"/>
                </a:lnTo>
                <a:lnTo>
                  <a:pt x="3784" y="3644"/>
                </a:lnTo>
                <a:lnTo>
                  <a:pt x="3784" y="3540"/>
                </a:lnTo>
                <a:lnTo>
                  <a:pt x="3867" y="3514"/>
                </a:lnTo>
                <a:lnTo>
                  <a:pt x="3867" y="3644"/>
                </a:lnTo>
                <a:lnTo>
                  <a:pt x="3986" y="3644"/>
                </a:lnTo>
                <a:lnTo>
                  <a:pt x="3986" y="3711"/>
                </a:lnTo>
                <a:close/>
                <a:moveTo>
                  <a:pt x="3589" y="3992"/>
                </a:moveTo>
                <a:lnTo>
                  <a:pt x="3581" y="3999"/>
                </a:lnTo>
                <a:lnTo>
                  <a:pt x="3567" y="4007"/>
                </a:lnTo>
                <a:lnTo>
                  <a:pt x="3551" y="4014"/>
                </a:lnTo>
                <a:lnTo>
                  <a:pt x="3533" y="4021"/>
                </a:lnTo>
                <a:lnTo>
                  <a:pt x="3513" y="4028"/>
                </a:lnTo>
                <a:lnTo>
                  <a:pt x="3493" y="4033"/>
                </a:lnTo>
                <a:lnTo>
                  <a:pt x="3472" y="4036"/>
                </a:lnTo>
                <a:lnTo>
                  <a:pt x="3451" y="4037"/>
                </a:lnTo>
                <a:lnTo>
                  <a:pt x="3436" y="4036"/>
                </a:lnTo>
                <a:lnTo>
                  <a:pt x="3422" y="4035"/>
                </a:lnTo>
                <a:lnTo>
                  <a:pt x="3408" y="4031"/>
                </a:lnTo>
                <a:lnTo>
                  <a:pt x="3395" y="4026"/>
                </a:lnTo>
                <a:lnTo>
                  <a:pt x="3381" y="4021"/>
                </a:lnTo>
                <a:lnTo>
                  <a:pt x="3369" y="4013"/>
                </a:lnTo>
                <a:lnTo>
                  <a:pt x="3357" y="4006"/>
                </a:lnTo>
                <a:lnTo>
                  <a:pt x="3347" y="3996"/>
                </a:lnTo>
                <a:lnTo>
                  <a:pt x="3337" y="3986"/>
                </a:lnTo>
                <a:lnTo>
                  <a:pt x="3329" y="3974"/>
                </a:lnTo>
                <a:lnTo>
                  <a:pt x="3321" y="3962"/>
                </a:lnTo>
                <a:lnTo>
                  <a:pt x="3314" y="3949"/>
                </a:lnTo>
                <a:lnTo>
                  <a:pt x="3309" y="3934"/>
                </a:lnTo>
                <a:lnTo>
                  <a:pt x="3306" y="3920"/>
                </a:lnTo>
                <a:lnTo>
                  <a:pt x="3303" y="3903"/>
                </a:lnTo>
                <a:lnTo>
                  <a:pt x="3302" y="3887"/>
                </a:lnTo>
                <a:lnTo>
                  <a:pt x="3625" y="3887"/>
                </a:lnTo>
                <a:lnTo>
                  <a:pt x="3623" y="3861"/>
                </a:lnTo>
                <a:lnTo>
                  <a:pt x="3621" y="3835"/>
                </a:lnTo>
                <a:lnTo>
                  <a:pt x="3619" y="3810"/>
                </a:lnTo>
                <a:lnTo>
                  <a:pt x="3615" y="3787"/>
                </a:lnTo>
                <a:lnTo>
                  <a:pt x="3608" y="3764"/>
                </a:lnTo>
                <a:lnTo>
                  <a:pt x="3600" y="3743"/>
                </a:lnTo>
                <a:lnTo>
                  <a:pt x="3592" y="3725"/>
                </a:lnTo>
                <a:lnTo>
                  <a:pt x="3581" y="3706"/>
                </a:lnTo>
                <a:lnTo>
                  <a:pt x="3575" y="3698"/>
                </a:lnTo>
                <a:lnTo>
                  <a:pt x="3568" y="3690"/>
                </a:lnTo>
                <a:lnTo>
                  <a:pt x="3562" y="3683"/>
                </a:lnTo>
                <a:lnTo>
                  <a:pt x="3554" y="3676"/>
                </a:lnTo>
                <a:lnTo>
                  <a:pt x="3546" y="3670"/>
                </a:lnTo>
                <a:lnTo>
                  <a:pt x="3538" y="3663"/>
                </a:lnTo>
                <a:lnTo>
                  <a:pt x="3529" y="3658"/>
                </a:lnTo>
                <a:lnTo>
                  <a:pt x="3520" y="3653"/>
                </a:lnTo>
                <a:lnTo>
                  <a:pt x="3510" y="3649"/>
                </a:lnTo>
                <a:lnTo>
                  <a:pt x="3499" y="3644"/>
                </a:lnTo>
                <a:lnTo>
                  <a:pt x="3488" y="3641"/>
                </a:lnTo>
                <a:lnTo>
                  <a:pt x="3477" y="3639"/>
                </a:lnTo>
                <a:lnTo>
                  <a:pt x="3465" y="3637"/>
                </a:lnTo>
                <a:lnTo>
                  <a:pt x="3452" y="3634"/>
                </a:lnTo>
                <a:lnTo>
                  <a:pt x="3439" y="3633"/>
                </a:lnTo>
                <a:lnTo>
                  <a:pt x="3425" y="3633"/>
                </a:lnTo>
                <a:lnTo>
                  <a:pt x="3401" y="3634"/>
                </a:lnTo>
                <a:lnTo>
                  <a:pt x="3379" y="3638"/>
                </a:lnTo>
                <a:lnTo>
                  <a:pt x="3358" y="3643"/>
                </a:lnTo>
                <a:lnTo>
                  <a:pt x="3339" y="3650"/>
                </a:lnTo>
                <a:lnTo>
                  <a:pt x="3320" y="3660"/>
                </a:lnTo>
                <a:lnTo>
                  <a:pt x="3302" y="3671"/>
                </a:lnTo>
                <a:lnTo>
                  <a:pt x="3287" y="3683"/>
                </a:lnTo>
                <a:lnTo>
                  <a:pt x="3271" y="3697"/>
                </a:lnTo>
                <a:lnTo>
                  <a:pt x="3258" y="3714"/>
                </a:lnTo>
                <a:lnTo>
                  <a:pt x="3247" y="3730"/>
                </a:lnTo>
                <a:lnTo>
                  <a:pt x="3237" y="3750"/>
                </a:lnTo>
                <a:lnTo>
                  <a:pt x="3229" y="3770"/>
                </a:lnTo>
                <a:lnTo>
                  <a:pt x="3222" y="3790"/>
                </a:lnTo>
                <a:lnTo>
                  <a:pt x="3218" y="3813"/>
                </a:lnTo>
                <a:lnTo>
                  <a:pt x="3215" y="3837"/>
                </a:lnTo>
                <a:lnTo>
                  <a:pt x="3214" y="3861"/>
                </a:lnTo>
                <a:lnTo>
                  <a:pt x="3214" y="3888"/>
                </a:lnTo>
                <a:lnTo>
                  <a:pt x="3218" y="3913"/>
                </a:lnTo>
                <a:lnTo>
                  <a:pt x="3222" y="3938"/>
                </a:lnTo>
                <a:lnTo>
                  <a:pt x="3227" y="3961"/>
                </a:lnTo>
                <a:lnTo>
                  <a:pt x="3232" y="3972"/>
                </a:lnTo>
                <a:lnTo>
                  <a:pt x="3236" y="3983"/>
                </a:lnTo>
                <a:lnTo>
                  <a:pt x="3241" y="3992"/>
                </a:lnTo>
                <a:lnTo>
                  <a:pt x="3245" y="4002"/>
                </a:lnTo>
                <a:lnTo>
                  <a:pt x="3251" y="4012"/>
                </a:lnTo>
                <a:lnTo>
                  <a:pt x="3257" y="4021"/>
                </a:lnTo>
                <a:lnTo>
                  <a:pt x="3264" y="4030"/>
                </a:lnTo>
                <a:lnTo>
                  <a:pt x="3270" y="4037"/>
                </a:lnTo>
                <a:lnTo>
                  <a:pt x="3278" y="4045"/>
                </a:lnTo>
                <a:lnTo>
                  <a:pt x="3286" y="4053"/>
                </a:lnTo>
                <a:lnTo>
                  <a:pt x="3295" y="4059"/>
                </a:lnTo>
                <a:lnTo>
                  <a:pt x="3303" y="4066"/>
                </a:lnTo>
                <a:lnTo>
                  <a:pt x="3312" y="4073"/>
                </a:lnTo>
                <a:lnTo>
                  <a:pt x="3322" y="4078"/>
                </a:lnTo>
                <a:lnTo>
                  <a:pt x="3332" y="4082"/>
                </a:lnTo>
                <a:lnTo>
                  <a:pt x="3343" y="4087"/>
                </a:lnTo>
                <a:lnTo>
                  <a:pt x="3354" y="4091"/>
                </a:lnTo>
                <a:lnTo>
                  <a:pt x="3366" y="4095"/>
                </a:lnTo>
                <a:lnTo>
                  <a:pt x="3378" y="4098"/>
                </a:lnTo>
                <a:lnTo>
                  <a:pt x="3391" y="4100"/>
                </a:lnTo>
                <a:lnTo>
                  <a:pt x="3405" y="4102"/>
                </a:lnTo>
                <a:lnTo>
                  <a:pt x="3418" y="4103"/>
                </a:lnTo>
                <a:lnTo>
                  <a:pt x="3432" y="4104"/>
                </a:lnTo>
                <a:lnTo>
                  <a:pt x="3447" y="4104"/>
                </a:lnTo>
                <a:lnTo>
                  <a:pt x="3473" y="4104"/>
                </a:lnTo>
                <a:lnTo>
                  <a:pt x="3496" y="4102"/>
                </a:lnTo>
                <a:lnTo>
                  <a:pt x="3517" y="4099"/>
                </a:lnTo>
                <a:lnTo>
                  <a:pt x="3534" y="4095"/>
                </a:lnTo>
                <a:lnTo>
                  <a:pt x="3564" y="4085"/>
                </a:lnTo>
                <a:lnTo>
                  <a:pt x="3589" y="4076"/>
                </a:lnTo>
                <a:lnTo>
                  <a:pt x="3589" y="3992"/>
                </a:lnTo>
                <a:close/>
                <a:moveTo>
                  <a:pt x="2856" y="4006"/>
                </a:moveTo>
                <a:lnTo>
                  <a:pt x="2868" y="4013"/>
                </a:lnTo>
                <a:lnTo>
                  <a:pt x="2882" y="4020"/>
                </a:lnTo>
                <a:lnTo>
                  <a:pt x="2896" y="4025"/>
                </a:lnTo>
                <a:lnTo>
                  <a:pt x="2911" y="4030"/>
                </a:lnTo>
                <a:lnTo>
                  <a:pt x="2924" y="4033"/>
                </a:lnTo>
                <a:lnTo>
                  <a:pt x="2937" y="4035"/>
                </a:lnTo>
                <a:lnTo>
                  <a:pt x="2949" y="4037"/>
                </a:lnTo>
                <a:lnTo>
                  <a:pt x="2959" y="4037"/>
                </a:lnTo>
                <a:lnTo>
                  <a:pt x="2973" y="4036"/>
                </a:lnTo>
                <a:lnTo>
                  <a:pt x="2988" y="4034"/>
                </a:lnTo>
                <a:lnTo>
                  <a:pt x="2995" y="4032"/>
                </a:lnTo>
                <a:lnTo>
                  <a:pt x="3002" y="4030"/>
                </a:lnTo>
                <a:lnTo>
                  <a:pt x="3009" y="4028"/>
                </a:lnTo>
                <a:lnTo>
                  <a:pt x="3015" y="4023"/>
                </a:lnTo>
                <a:lnTo>
                  <a:pt x="3022" y="4020"/>
                </a:lnTo>
                <a:lnTo>
                  <a:pt x="3027" y="4014"/>
                </a:lnTo>
                <a:lnTo>
                  <a:pt x="3032" y="4010"/>
                </a:lnTo>
                <a:lnTo>
                  <a:pt x="3036" y="4003"/>
                </a:lnTo>
                <a:lnTo>
                  <a:pt x="3039" y="3997"/>
                </a:lnTo>
                <a:lnTo>
                  <a:pt x="3042" y="3990"/>
                </a:lnTo>
                <a:lnTo>
                  <a:pt x="3043" y="3981"/>
                </a:lnTo>
                <a:lnTo>
                  <a:pt x="3044" y="3973"/>
                </a:lnTo>
                <a:lnTo>
                  <a:pt x="3043" y="3966"/>
                </a:lnTo>
                <a:lnTo>
                  <a:pt x="3042" y="3958"/>
                </a:lnTo>
                <a:lnTo>
                  <a:pt x="3039" y="3952"/>
                </a:lnTo>
                <a:lnTo>
                  <a:pt x="3035" y="3946"/>
                </a:lnTo>
                <a:lnTo>
                  <a:pt x="3031" y="3941"/>
                </a:lnTo>
                <a:lnTo>
                  <a:pt x="3026" y="3935"/>
                </a:lnTo>
                <a:lnTo>
                  <a:pt x="3020" y="3930"/>
                </a:lnTo>
                <a:lnTo>
                  <a:pt x="3013" y="3924"/>
                </a:lnTo>
                <a:lnTo>
                  <a:pt x="2999" y="3916"/>
                </a:lnTo>
                <a:lnTo>
                  <a:pt x="2982" y="3907"/>
                </a:lnTo>
                <a:lnTo>
                  <a:pt x="2965" y="3898"/>
                </a:lnTo>
                <a:lnTo>
                  <a:pt x="2946" y="3889"/>
                </a:lnTo>
                <a:lnTo>
                  <a:pt x="2927" y="3879"/>
                </a:lnTo>
                <a:lnTo>
                  <a:pt x="2910" y="3869"/>
                </a:lnTo>
                <a:lnTo>
                  <a:pt x="2902" y="3864"/>
                </a:lnTo>
                <a:lnTo>
                  <a:pt x="2893" y="3858"/>
                </a:lnTo>
                <a:lnTo>
                  <a:pt x="2885" y="3852"/>
                </a:lnTo>
                <a:lnTo>
                  <a:pt x="2879" y="3845"/>
                </a:lnTo>
                <a:lnTo>
                  <a:pt x="2872" y="3838"/>
                </a:lnTo>
                <a:lnTo>
                  <a:pt x="2867" y="3830"/>
                </a:lnTo>
                <a:lnTo>
                  <a:pt x="2861" y="3822"/>
                </a:lnTo>
                <a:lnTo>
                  <a:pt x="2857" y="3813"/>
                </a:lnTo>
                <a:lnTo>
                  <a:pt x="2853" y="3804"/>
                </a:lnTo>
                <a:lnTo>
                  <a:pt x="2850" y="3794"/>
                </a:lnTo>
                <a:lnTo>
                  <a:pt x="2849" y="3784"/>
                </a:lnTo>
                <a:lnTo>
                  <a:pt x="2848" y="3772"/>
                </a:lnTo>
                <a:lnTo>
                  <a:pt x="2849" y="3755"/>
                </a:lnTo>
                <a:lnTo>
                  <a:pt x="2851" y="3739"/>
                </a:lnTo>
                <a:lnTo>
                  <a:pt x="2856" y="3725"/>
                </a:lnTo>
                <a:lnTo>
                  <a:pt x="2860" y="3711"/>
                </a:lnTo>
                <a:lnTo>
                  <a:pt x="2867" y="3698"/>
                </a:lnTo>
                <a:lnTo>
                  <a:pt x="2875" y="3687"/>
                </a:lnTo>
                <a:lnTo>
                  <a:pt x="2884" y="3677"/>
                </a:lnTo>
                <a:lnTo>
                  <a:pt x="2894" y="3667"/>
                </a:lnTo>
                <a:lnTo>
                  <a:pt x="2905" y="3660"/>
                </a:lnTo>
                <a:lnTo>
                  <a:pt x="2917" y="3652"/>
                </a:lnTo>
                <a:lnTo>
                  <a:pt x="2930" y="3647"/>
                </a:lnTo>
                <a:lnTo>
                  <a:pt x="2945" y="3642"/>
                </a:lnTo>
                <a:lnTo>
                  <a:pt x="2959" y="3638"/>
                </a:lnTo>
                <a:lnTo>
                  <a:pt x="2974" y="3636"/>
                </a:lnTo>
                <a:lnTo>
                  <a:pt x="2991" y="3634"/>
                </a:lnTo>
                <a:lnTo>
                  <a:pt x="3007" y="3633"/>
                </a:lnTo>
                <a:lnTo>
                  <a:pt x="3022" y="3633"/>
                </a:lnTo>
                <a:lnTo>
                  <a:pt x="3035" y="3634"/>
                </a:lnTo>
                <a:lnTo>
                  <a:pt x="3048" y="3637"/>
                </a:lnTo>
                <a:lnTo>
                  <a:pt x="3061" y="3639"/>
                </a:lnTo>
                <a:lnTo>
                  <a:pt x="3087" y="3644"/>
                </a:lnTo>
                <a:lnTo>
                  <a:pt x="3111" y="3651"/>
                </a:lnTo>
                <a:lnTo>
                  <a:pt x="3104" y="3723"/>
                </a:lnTo>
                <a:lnTo>
                  <a:pt x="3095" y="3719"/>
                </a:lnTo>
                <a:lnTo>
                  <a:pt x="3084" y="3715"/>
                </a:lnTo>
                <a:lnTo>
                  <a:pt x="3073" y="3711"/>
                </a:lnTo>
                <a:lnTo>
                  <a:pt x="3060" y="3708"/>
                </a:lnTo>
                <a:lnTo>
                  <a:pt x="3035" y="3703"/>
                </a:lnTo>
                <a:lnTo>
                  <a:pt x="3016" y="3700"/>
                </a:lnTo>
                <a:lnTo>
                  <a:pt x="3001" y="3701"/>
                </a:lnTo>
                <a:lnTo>
                  <a:pt x="2985" y="3704"/>
                </a:lnTo>
                <a:lnTo>
                  <a:pt x="2972" y="3708"/>
                </a:lnTo>
                <a:lnTo>
                  <a:pt x="2960" y="3714"/>
                </a:lnTo>
                <a:lnTo>
                  <a:pt x="2956" y="3718"/>
                </a:lnTo>
                <a:lnTo>
                  <a:pt x="2950" y="3721"/>
                </a:lnTo>
                <a:lnTo>
                  <a:pt x="2947" y="3726"/>
                </a:lnTo>
                <a:lnTo>
                  <a:pt x="2943" y="3731"/>
                </a:lnTo>
                <a:lnTo>
                  <a:pt x="2940" y="3737"/>
                </a:lnTo>
                <a:lnTo>
                  <a:pt x="2938" y="3742"/>
                </a:lnTo>
                <a:lnTo>
                  <a:pt x="2937" y="3749"/>
                </a:lnTo>
                <a:lnTo>
                  <a:pt x="2937" y="3755"/>
                </a:lnTo>
                <a:lnTo>
                  <a:pt x="2937" y="3763"/>
                </a:lnTo>
                <a:lnTo>
                  <a:pt x="2939" y="3771"/>
                </a:lnTo>
                <a:lnTo>
                  <a:pt x="2941" y="3778"/>
                </a:lnTo>
                <a:lnTo>
                  <a:pt x="2945" y="3785"/>
                </a:lnTo>
                <a:lnTo>
                  <a:pt x="2949" y="3790"/>
                </a:lnTo>
                <a:lnTo>
                  <a:pt x="2955" y="3796"/>
                </a:lnTo>
                <a:lnTo>
                  <a:pt x="2960" y="3801"/>
                </a:lnTo>
                <a:lnTo>
                  <a:pt x="2967" y="3806"/>
                </a:lnTo>
                <a:lnTo>
                  <a:pt x="2982" y="3816"/>
                </a:lnTo>
                <a:lnTo>
                  <a:pt x="2999" y="3823"/>
                </a:lnTo>
                <a:lnTo>
                  <a:pt x="3016" y="3832"/>
                </a:lnTo>
                <a:lnTo>
                  <a:pt x="3034" y="3840"/>
                </a:lnTo>
                <a:lnTo>
                  <a:pt x="3053" y="3850"/>
                </a:lnTo>
                <a:lnTo>
                  <a:pt x="3070" y="3860"/>
                </a:lnTo>
                <a:lnTo>
                  <a:pt x="3079" y="3865"/>
                </a:lnTo>
                <a:lnTo>
                  <a:pt x="3087" y="3871"/>
                </a:lnTo>
                <a:lnTo>
                  <a:pt x="3094" y="3877"/>
                </a:lnTo>
                <a:lnTo>
                  <a:pt x="3101" y="3884"/>
                </a:lnTo>
                <a:lnTo>
                  <a:pt x="3108" y="3891"/>
                </a:lnTo>
                <a:lnTo>
                  <a:pt x="3114" y="3899"/>
                </a:lnTo>
                <a:lnTo>
                  <a:pt x="3120" y="3908"/>
                </a:lnTo>
                <a:lnTo>
                  <a:pt x="3124" y="3918"/>
                </a:lnTo>
                <a:lnTo>
                  <a:pt x="3127" y="3928"/>
                </a:lnTo>
                <a:lnTo>
                  <a:pt x="3130" y="3940"/>
                </a:lnTo>
                <a:lnTo>
                  <a:pt x="3132" y="3952"/>
                </a:lnTo>
                <a:lnTo>
                  <a:pt x="3132" y="3964"/>
                </a:lnTo>
                <a:lnTo>
                  <a:pt x="3131" y="3981"/>
                </a:lnTo>
                <a:lnTo>
                  <a:pt x="3128" y="3998"/>
                </a:lnTo>
                <a:lnTo>
                  <a:pt x="3124" y="4013"/>
                </a:lnTo>
                <a:lnTo>
                  <a:pt x="3119" y="4026"/>
                </a:lnTo>
                <a:lnTo>
                  <a:pt x="3112" y="4040"/>
                </a:lnTo>
                <a:lnTo>
                  <a:pt x="3103" y="4051"/>
                </a:lnTo>
                <a:lnTo>
                  <a:pt x="3094" y="4062"/>
                </a:lnTo>
                <a:lnTo>
                  <a:pt x="3083" y="4070"/>
                </a:lnTo>
                <a:lnTo>
                  <a:pt x="3072" y="4079"/>
                </a:lnTo>
                <a:lnTo>
                  <a:pt x="3060" y="4086"/>
                </a:lnTo>
                <a:lnTo>
                  <a:pt x="3047" y="4091"/>
                </a:lnTo>
                <a:lnTo>
                  <a:pt x="3033" y="4097"/>
                </a:lnTo>
                <a:lnTo>
                  <a:pt x="3020" y="4100"/>
                </a:lnTo>
                <a:lnTo>
                  <a:pt x="3004" y="4102"/>
                </a:lnTo>
                <a:lnTo>
                  <a:pt x="2990" y="4104"/>
                </a:lnTo>
                <a:lnTo>
                  <a:pt x="2974" y="4104"/>
                </a:lnTo>
                <a:lnTo>
                  <a:pt x="2959" y="4104"/>
                </a:lnTo>
                <a:lnTo>
                  <a:pt x="2943" y="4103"/>
                </a:lnTo>
                <a:lnTo>
                  <a:pt x="2927" y="4102"/>
                </a:lnTo>
                <a:lnTo>
                  <a:pt x="2911" y="4100"/>
                </a:lnTo>
                <a:lnTo>
                  <a:pt x="2895" y="4097"/>
                </a:lnTo>
                <a:lnTo>
                  <a:pt x="2880" y="4092"/>
                </a:lnTo>
                <a:lnTo>
                  <a:pt x="2866" y="4087"/>
                </a:lnTo>
                <a:lnTo>
                  <a:pt x="2851" y="4080"/>
                </a:lnTo>
                <a:lnTo>
                  <a:pt x="2856" y="4006"/>
                </a:lnTo>
                <a:close/>
                <a:moveTo>
                  <a:pt x="2500" y="4006"/>
                </a:moveTo>
                <a:lnTo>
                  <a:pt x="2514" y="4013"/>
                </a:lnTo>
                <a:lnTo>
                  <a:pt x="2527" y="4020"/>
                </a:lnTo>
                <a:lnTo>
                  <a:pt x="2541" y="4025"/>
                </a:lnTo>
                <a:lnTo>
                  <a:pt x="2555" y="4030"/>
                </a:lnTo>
                <a:lnTo>
                  <a:pt x="2570" y="4033"/>
                </a:lnTo>
                <a:lnTo>
                  <a:pt x="2582" y="4035"/>
                </a:lnTo>
                <a:lnTo>
                  <a:pt x="2594" y="4037"/>
                </a:lnTo>
                <a:lnTo>
                  <a:pt x="2604" y="4037"/>
                </a:lnTo>
                <a:lnTo>
                  <a:pt x="2618" y="4036"/>
                </a:lnTo>
                <a:lnTo>
                  <a:pt x="2633" y="4034"/>
                </a:lnTo>
                <a:lnTo>
                  <a:pt x="2640" y="4032"/>
                </a:lnTo>
                <a:lnTo>
                  <a:pt x="2648" y="4030"/>
                </a:lnTo>
                <a:lnTo>
                  <a:pt x="2654" y="4028"/>
                </a:lnTo>
                <a:lnTo>
                  <a:pt x="2661" y="4023"/>
                </a:lnTo>
                <a:lnTo>
                  <a:pt x="2666" y="4020"/>
                </a:lnTo>
                <a:lnTo>
                  <a:pt x="2672" y="4014"/>
                </a:lnTo>
                <a:lnTo>
                  <a:pt x="2676" y="4010"/>
                </a:lnTo>
                <a:lnTo>
                  <a:pt x="2681" y="4003"/>
                </a:lnTo>
                <a:lnTo>
                  <a:pt x="2684" y="3997"/>
                </a:lnTo>
                <a:lnTo>
                  <a:pt x="2686" y="3990"/>
                </a:lnTo>
                <a:lnTo>
                  <a:pt x="2688" y="3981"/>
                </a:lnTo>
                <a:lnTo>
                  <a:pt x="2688" y="3973"/>
                </a:lnTo>
                <a:lnTo>
                  <a:pt x="2688" y="3966"/>
                </a:lnTo>
                <a:lnTo>
                  <a:pt x="2686" y="3958"/>
                </a:lnTo>
                <a:lnTo>
                  <a:pt x="2684" y="3952"/>
                </a:lnTo>
                <a:lnTo>
                  <a:pt x="2681" y="3946"/>
                </a:lnTo>
                <a:lnTo>
                  <a:pt x="2675" y="3941"/>
                </a:lnTo>
                <a:lnTo>
                  <a:pt x="2671" y="3935"/>
                </a:lnTo>
                <a:lnTo>
                  <a:pt x="2664" y="3930"/>
                </a:lnTo>
                <a:lnTo>
                  <a:pt x="2658" y="3924"/>
                </a:lnTo>
                <a:lnTo>
                  <a:pt x="2643" y="3916"/>
                </a:lnTo>
                <a:lnTo>
                  <a:pt x="2627" y="3907"/>
                </a:lnTo>
                <a:lnTo>
                  <a:pt x="2609" y="3898"/>
                </a:lnTo>
                <a:lnTo>
                  <a:pt x="2591" y="3889"/>
                </a:lnTo>
                <a:lnTo>
                  <a:pt x="2573" y="3879"/>
                </a:lnTo>
                <a:lnTo>
                  <a:pt x="2555" y="3869"/>
                </a:lnTo>
                <a:lnTo>
                  <a:pt x="2547" y="3864"/>
                </a:lnTo>
                <a:lnTo>
                  <a:pt x="2539" y="3858"/>
                </a:lnTo>
                <a:lnTo>
                  <a:pt x="2531" y="3852"/>
                </a:lnTo>
                <a:lnTo>
                  <a:pt x="2523" y="3845"/>
                </a:lnTo>
                <a:lnTo>
                  <a:pt x="2517" y="3838"/>
                </a:lnTo>
                <a:lnTo>
                  <a:pt x="2511" y="3830"/>
                </a:lnTo>
                <a:lnTo>
                  <a:pt x="2506" y="3822"/>
                </a:lnTo>
                <a:lnTo>
                  <a:pt x="2501" y="3813"/>
                </a:lnTo>
                <a:lnTo>
                  <a:pt x="2498" y="3804"/>
                </a:lnTo>
                <a:lnTo>
                  <a:pt x="2496" y="3794"/>
                </a:lnTo>
                <a:lnTo>
                  <a:pt x="2494" y="3784"/>
                </a:lnTo>
                <a:lnTo>
                  <a:pt x="2494" y="3772"/>
                </a:lnTo>
                <a:lnTo>
                  <a:pt x="2494" y="3755"/>
                </a:lnTo>
                <a:lnTo>
                  <a:pt x="2496" y="3739"/>
                </a:lnTo>
                <a:lnTo>
                  <a:pt x="2500" y="3725"/>
                </a:lnTo>
                <a:lnTo>
                  <a:pt x="2506" y="3711"/>
                </a:lnTo>
                <a:lnTo>
                  <a:pt x="2512" y="3698"/>
                </a:lnTo>
                <a:lnTo>
                  <a:pt x="2520" y="3687"/>
                </a:lnTo>
                <a:lnTo>
                  <a:pt x="2529" y="3677"/>
                </a:lnTo>
                <a:lnTo>
                  <a:pt x="2539" y="3667"/>
                </a:lnTo>
                <a:lnTo>
                  <a:pt x="2551" y="3660"/>
                </a:lnTo>
                <a:lnTo>
                  <a:pt x="2563" y="3652"/>
                </a:lnTo>
                <a:lnTo>
                  <a:pt x="2576" y="3647"/>
                </a:lnTo>
                <a:lnTo>
                  <a:pt x="2589" y="3642"/>
                </a:lnTo>
                <a:lnTo>
                  <a:pt x="2605" y="3638"/>
                </a:lnTo>
                <a:lnTo>
                  <a:pt x="2620" y="3636"/>
                </a:lnTo>
                <a:lnTo>
                  <a:pt x="2636" y="3634"/>
                </a:lnTo>
                <a:lnTo>
                  <a:pt x="2652" y="3633"/>
                </a:lnTo>
                <a:lnTo>
                  <a:pt x="2666" y="3633"/>
                </a:lnTo>
                <a:lnTo>
                  <a:pt x="2681" y="3634"/>
                </a:lnTo>
                <a:lnTo>
                  <a:pt x="2694" y="3637"/>
                </a:lnTo>
                <a:lnTo>
                  <a:pt x="2706" y="3639"/>
                </a:lnTo>
                <a:lnTo>
                  <a:pt x="2731" y="3644"/>
                </a:lnTo>
                <a:lnTo>
                  <a:pt x="2756" y="3651"/>
                </a:lnTo>
                <a:lnTo>
                  <a:pt x="2749" y="3723"/>
                </a:lnTo>
                <a:lnTo>
                  <a:pt x="2740" y="3719"/>
                </a:lnTo>
                <a:lnTo>
                  <a:pt x="2730" y="3715"/>
                </a:lnTo>
                <a:lnTo>
                  <a:pt x="2718" y="3711"/>
                </a:lnTo>
                <a:lnTo>
                  <a:pt x="2705" y="3708"/>
                </a:lnTo>
                <a:lnTo>
                  <a:pt x="2693" y="3705"/>
                </a:lnTo>
                <a:lnTo>
                  <a:pt x="2681" y="3703"/>
                </a:lnTo>
                <a:lnTo>
                  <a:pt x="2670" y="3701"/>
                </a:lnTo>
                <a:lnTo>
                  <a:pt x="2661" y="3700"/>
                </a:lnTo>
                <a:lnTo>
                  <a:pt x="2646" y="3701"/>
                </a:lnTo>
                <a:lnTo>
                  <a:pt x="2631" y="3704"/>
                </a:lnTo>
                <a:lnTo>
                  <a:pt x="2617" y="3708"/>
                </a:lnTo>
                <a:lnTo>
                  <a:pt x="2606" y="3714"/>
                </a:lnTo>
                <a:lnTo>
                  <a:pt x="2600" y="3718"/>
                </a:lnTo>
                <a:lnTo>
                  <a:pt x="2596" y="3721"/>
                </a:lnTo>
                <a:lnTo>
                  <a:pt x="2592" y="3726"/>
                </a:lnTo>
                <a:lnTo>
                  <a:pt x="2588" y="3731"/>
                </a:lnTo>
                <a:lnTo>
                  <a:pt x="2585" y="3737"/>
                </a:lnTo>
                <a:lnTo>
                  <a:pt x="2583" y="3742"/>
                </a:lnTo>
                <a:lnTo>
                  <a:pt x="2582" y="3749"/>
                </a:lnTo>
                <a:lnTo>
                  <a:pt x="2582" y="3755"/>
                </a:lnTo>
                <a:lnTo>
                  <a:pt x="2582" y="3763"/>
                </a:lnTo>
                <a:lnTo>
                  <a:pt x="2584" y="3771"/>
                </a:lnTo>
                <a:lnTo>
                  <a:pt x="2586" y="3778"/>
                </a:lnTo>
                <a:lnTo>
                  <a:pt x="2591" y="3785"/>
                </a:lnTo>
                <a:lnTo>
                  <a:pt x="2595" y="3790"/>
                </a:lnTo>
                <a:lnTo>
                  <a:pt x="2599" y="3796"/>
                </a:lnTo>
                <a:lnTo>
                  <a:pt x="2606" y="3801"/>
                </a:lnTo>
                <a:lnTo>
                  <a:pt x="2613" y="3806"/>
                </a:lnTo>
                <a:lnTo>
                  <a:pt x="2627" y="3816"/>
                </a:lnTo>
                <a:lnTo>
                  <a:pt x="2643" y="3823"/>
                </a:lnTo>
                <a:lnTo>
                  <a:pt x="2661" y="3832"/>
                </a:lnTo>
                <a:lnTo>
                  <a:pt x="2680" y="3840"/>
                </a:lnTo>
                <a:lnTo>
                  <a:pt x="2697" y="3850"/>
                </a:lnTo>
                <a:lnTo>
                  <a:pt x="2715" y="3860"/>
                </a:lnTo>
                <a:lnTo>
                  <a:pt x="2724" y="3865"/>
                </a:lnTo>
                <a:lnTo>
                  <a:pt x="2731" y="3871"/>
                </a:lnTo>
                <a:lnTo>
                  <a:pt x="2739" y="3877"/>
                </a:lnTo>
                <a:lnTo>
                  <a:pt x="2747" y="3884"/>
                </a:lnTo>
                <a:lnTo>
                  <a:pt x="2753" y="3891"/>
                </a:lnTo>
                <a:lnTo>
                  <a:pt x="2759" y="3899"/>
                </a:lnTo>
                <a:lnTo>
                  <a:pt x="2764" y="3908"/>
                </a:lnTo>
                <a:lnTo>
                  <a:pt x="2769" y="3918"/>
                </a:lnTo>
                <a:lnTo>
                  <a:pt x="2772" y="3928"/>
                </a:lnTo>
                <a:lnTo>
                  <a:pt x="2774" y="3940"/>
                </a:lnTo>
                <a:lnTo>
                  <a:pt x="2776" y="3952"/>
                </a:lnTo>
                <a:lnTo>
                  <a:pt x="2778" y="3964"/>
                </a:lnTo>
                <a:lnTo>
                  <a:pt x="2776" y="3981"/>
                </a:lnTo>
                <a:lnTo>
                  <a:pt x="2773" y="3998"/>
                </a:lnTo>
                <a:lnTo>
                  <a:pt x="2770" y="4013"/>
                </a:lnTo>
                <a:lnTo>
                  <a:pt x="2763" y="4026"/>
                </a:lnTo>
                <a:lnTo>
                  <a:pt x="2757" y="4040"/>
                </a:lnTo>
                <a:lnTo>
                  <a:pt x="2748" y="4051"/>
                </a:lnTo>
                <a:lnTo>
                  <a:pt x="2739" y="4062"/>
                </a:lnTo>
                <a:lnTo>
                  <a:pt x="2728" y="4070"/>
                </a:lnTo>
                <a:lnTo>
                  <a:pt x="2717" y="4079"/>
                </a:lnTo>
                <a:lnTo>
                  <a:pt x="2705" y="4086"/>
                </a:lnTo>
                <a:lnTo>
                  <a:pt x="2692" y="4091"/>
                </a:lnTo>
                <a:lnTo>
                  <a:pt x="2679" y="4097"/>
                </a:lnTo>
                <a:lnTo>
                  <a:pt x="2664" y="4100"/>
                </a:lnTo>
                <a:lnTo>
                  <a:pt x="2650" y="4102"/>
                </a:lnTo>
                <a:lnTo>
                  <a:pt x="2635" y="4104"/>
                </a:lnTo>
                <a:lnTo>
                  <a:pt x="2620" y="4104"/>
                </a:lnTo>
                <a:lnTo>
                  <a:pt x="2604" y="4104"/>
                </a:lnTo>
                <a:lnTo>
                  <a:pt x="2588" y="4103"/>
                </a:lnTo>
                <a:lnTo>
                  <a:pt x="2572" y="4102"/>
                </a:lnTo>
                <a:lnTo>
                  <a:pt x="2556" y="4100"/>
                </a:lnTo>
                <a:lnTo>
                  <a:pt x="2541" y="4097"/>
                </a:lnTo>
                <a:lnTo>
                  <a:pt x="2526" y="4092"/>
                </a:lnTo>
                <a:lnTo>
                  <a:pt x="2510" y="4087"/>
                </a:lnTo>
                <a:lnTo>
                  <a:pt x="2496" y="4080"/>
                </a:lnTo>
                <a:lnTo>
                  <a:pt x="2500" y="4006"/>
                </a:lnTo>
                <a:close/>
                <a:moveTo>
                  <a:pt x="1825" y="4095"/>
                </a:moveTo>
                <a:lnTo>
                  <a:pt x="1917" y="4095"/>
                </a:lnTo>
                <a:lnTo>
                  <a:pt x="1980" y="3939"/>
                </a:lnTo>
                <a:lnTo>
                  <a:pt x="2283" y="3939"/>
                </a:lnTo>
                <a:lnTo>
                  <a:pt x="2345" y="4095"/>
                </a:lnTo>
                <a:lnTo>
                  <a:pt x="2442" y="4095"/>
                </a:lnTo>
                <a:lnTo>
                  <a:pt x="2180" y="3479"/>
                </a:lnTo>
                <a:lnTo>
                  <a:pt x="2088" y="3479"/>
                </a:lnTo>
                <a:lnTo>
                  <a:pt x="1825" y="4095"/>
                </a:lnTo>
                <a:close/>
                <a:moveTo>
                  <a:pt x="17600" y="2283"/>
                </a:moveTo>
                <a:lnTo>
                  <a:pt x="17600" y="1589"/>
                </a:lnTo>
                <a:lnTo>
                  <a:pt x="17460" y="1589"/>
                </a:lnTo>
                <a:lnTo>
                  <a:pt x="17460" y="1673"/>
                </a:lnTo>
                <a:lnTo>
                  <a:pt x="17443" y="1658"/>
                </a:lnTo>
                <a:lnTo>
                  <a:pt x="17426" y="1645"/>
                </a:lnTo>
                <a:lnTo>
                  <a:pt x="17409" y="1632"/>
                </a:lnTo>
                <a:lnTo>
                  <a:pt x="17391" y="1621"/>
                </a:lnTo>
                <a:lnTo>
                  <a:pt x="17372" y="1611"/>
                </a:lnTo>
                <a:lnTo>
                  <a:pt x="17355" y="1603"/>
                </a:lnTo>
                <a:lnTo>
                  <a:pt x="17336" y="1595"/>
                </a:lnTo>
                <a:lnTo>
                  <a:pt x="17317" y="1589"/>
                </a:lnTo>
                <a:lnTo>
                  <a:pt x="17296" y="1584"/>
                </a:lnTo>
                <a:lnTo>
                  <a:pt x="17277" y="1580"/>
                </a:lnTo>
                <a:lnTo>
                  <a:pt x="17255" y="1577"/>
                </a:lnTo>
                <a:lnTo>
                  <a:pt x="17233" y="1573"/>
                </a:lnTo>
                <a:lnTo>
                  <a:pt x="17210" y="1572"/>
                </a:lnTo>
                <a:lnTo>
                  <a:pt x="17184" y="1571"/>
                </a:lnTo>
                <a:lnTo>
                  <a:pt x="17159" y="1570"/>
                </a:lnTo>
                <a:lnTo>
                  <a:pt x="17131" y="1570"/>
                </a:lnTo>
                <a:lnTo>
                  <a:pt x="17106" y="1570"/>
                </a:lnTo>
                <a:lnTo>
                  <a:pt x="17081" y="1571"/>
                </a:lnTo>
                <a:lnTo>
                  <a:pt x="17056" y="1573"/>
                </a:lnTo>
                <a:lnTo>
                  <a:pt x="17032" y="1577"/>
                </a:lnTo>
                <a:lnTo>
                  <a:pt x="17009" y="1580"/>
                </a:lnTo>
                <a:lnTo>
                  <a:pt x="16987" y="1584"/>
                </a:lnTo>
                <a:lnTo>
                  <a:pt x="16965" y="1590"/>
                </a:lnTo>
                <a:lnTo>
                  <a:pt x="16944" y="1597"/>
                </a:lnTo>
                <a:lnTo>
                  <a:pt x="16925" y="1603"/>
                </a:lnTo>
                <a:lnTo>
                  <a:pt x="16906" y="1611"/>
                </a:lnTo>
                <a:lnTo>
                  <a:pt x="16887" y="1620"/>
                </a:lnTo>
                <a:lnTo>
                  <a:pt x="16870" y="1628"/>
                </a:lnTo>
                <a:lnTo>
                  <a:pt x="16853" y="1638"/>
                </a:lnTo>
                <a:lnTo>
                  <a:pt x="16837" y="1649"/>
                </a:lnTo>
                <a:lnTo>
                  <a:pt x="16821" y="1661"/>
                </a:lnTo>
                <a:lnTo>
                  <a:pt x="16807" y="1673"/>
                </a:lnTo>
                <a:lnTo>
                  <a:pt x="16794" y="1687"/>
                </a:lnTo>
                <a:lnTo>
                  <a:pt x="16781" y="1700"/>
                </a:lnTo>
                <a:lnTo>
                  <a:pt x="16768" y="1715"/>
                </a:lnTo>
                <a:lnTo>
                  <a:pt x="16757" y="1730"/>
                </a:lnTo>
                <a:lnTo>
                  <a:pt x="16748" y="1746"/>
                </a:lnTo>
                <a:lnTo>
                  <a:pt x="16739" y="1762"/>
                </a:lnTo>
                <a:lnTo>
                  <a:pt x="16730" y="1780"/>
                </a:lnTo>
                <a:lnTo>
                  <a:pt x="16722" y="1799"/>
                </a:lnTo>
                <a:lnTo>
                  <a:pt x="16716" y="1817"/>
                </a:lnTo>
                <a:lnTo>
                  <a:pt x="16710" y="1837"/>
                </a:lnTo>
                <a:lnTo>
                  <a:pt x="16705" y="1858"/>
                </a:lnTo>
                <a:lnTo>
                  <a:pt x="16700" y="1879"/>
                </a:lnTo>
                <a:lnTo>
                  <a:pt x="16698" y="1900"/>
                </a:lnTo>
                <a:lnTo>
                  <a:pt x="16696" y="1923"/>
                </a:lnTo>
                <a:lnTo>
                  <a:pt x="16694" y="1946"/>
                </a:lnTo>
                <a:lnTo>
                  <a:pt x="16694" y="1969"/>
                </a:lnTo>
                <a:lnTo>
                  <a:pt x="16694" y="1985"/>
                </a:lnTo>
                <a:lnTo>
                  <a:pt x="16695" y="2002"/>
                </a:lnTo>
                <a:lnTo>
                  <a:pt x="16697" y="2019"/>
                </a:lnTo>
                <a:lnTo>
                  <a:pt x="16699" y="2036"/>
                </a:lnTo>
                <a:lnTo>
                  <a:pt x="16702" y="2052"/>
                </a:lnTo>
                <a:lnTo>
                  <a:pt x="16707" y="2069"/>
                </a:lnTo>
                <a:lnTo>
                  <a:pt x="16711" y="2086"/>
                </a:lnTo>
                <a:lnTo>
                  <a:pt x="16717" y="2103"/>
                </a:lnTo>
                <a:lnTo>
                  <a:pt x="16723" y="2119"/>
                </a:lnTo>
                <a:lnTo>
                  <a:pt x="16731" y="2135"/>
                </a:lnTo>
                <a:lnTo>
                  <a:pt x="16739" y="2151"/>
                </a:lnTo>
                <a:lnTo>
                  <a:pt x="16749" y="2166"/>
                </a:lnTo>
                <a:lnTo>
                  <a:pt x="16759" y="2182"/>
                </a:lnTo>
                <a:lnTo>
                  <a:pt x="16770" y="2196"/>
                </a:lnTo>
                <a:lnTo>
                  <a:pt x="16782" y="2211"/>
                </a:lnTo>
                <a:lnTo>
                  <a:pt x="16794" y="2225"/>
                </a:lnTo>
                <a:lnTo>
                  <a:pt x="16808" y="2239"/>
                </a:lnTo>
                <a:lnTo>
                  <a:pt x="16822" y="2251"/>
                </a:lnTo>
                <a:lnTo>
                  <a:pt x="16838" y="2263"/>
                </a:lnTo>
                <a:lnTo>
                  <a:pt x="16855" y="2275"/>
                </a:lnTo>
                <a:lnTo>
                  <a:pt x="16873" y="2286"/>
                </a:lnTo>
                <a:lnTo>
                  <a:pt x="16892" y="2296"/>
                </a:lnTo>
                <a:lnTo>
                  <a:pt x="16911" y="2306"/>
                </a:lnTo>
                <a:lnTo>
                  <a:pt x="16932" y="2315"/>
                </a:lnTo>
                <a:lnTo>
                  <a:pt x="16955" y="2322"/>
                </a:lnTo>
                <a:lnTo>
                  <a:pt x="16979" y="2329"/>
                </a:lnTo>
                <a:lnTo>
                  <a:pt x="17003" y="2336"/>
                </a:lnTo>
                <a:lnTo>
                  <a:pt x="17028" y="2340"/>
                </a:lnTo>
                <a:lnTo>
                  <a:pt x="17056" y="2344"/>
                </a:lnTo>
                <a:lnTo>
                  <a:pt x="17083" y="2348"/>
                </a:lnTo>
                <a:lnTo>
                  <a:pt x="17113" y="2349"/>
                </a:lnTo>
                <a:lnTo>
                  <a:pt x="17142" y="2350"/>
                </a:lnTo>
                <a:lnTo>
                  <a:pt x="17170" y="2349"/>
                </a:lnTo>
                <a:lnTo>
                  <a:pt x="17197" y="2348"/>
                </a:lnTo>
                <a:lnTo>
                  <a:pt x="17223" y="2344"/>
                </a:lnTo>
                <a:lnTo>
                  <a:pt x="17247" y="2341"/>
                </a:lnTo>
                <a:lnTo>
                  <a:pt x="17271" y="2336"/>
                </a:lnTo>
                <a:lnTo>
                  <a:pt x="17293" y="2329"/>
                </a:lnTo>
                <a:lnTo>
                  <a:pt x="17314" y="2322"/>
                </a:lnTo>
                <a:lnTo>
                  <a:pt x="17335" y="2314"/>
                </a:lnTo>
                <a:lnTo>
                  <a:pt x="17355" y="2304"/>
                </a:lnTo>
                <a:lnTo>
                  <a:pt x="17372" y="2294"/>
                </a:lnTo>
                <a:lnTo>
                  <a:pt x="17390" y="2282"/>
                </a:lnTo>
                <a:lnTo>
                  <a:pt x="17406" y="2269"/>
                </a:lnTo>
                <a:lnTo>
                  <a:pt x="17422" y="2254"/>
                </a:lnTo>
                <a:lnTo>
                  <a:pt x="17437" y="2239"/>
                </a:lnTo>
                <a:lnTo>
                  <a:pt x="17450" y="2221"/>
                </a:lnTo>
                <a:lnTo>
                  <a:pt x="17464" y="2204"/>
                </a:lnTo>
                <a:lnTo>
                  <a:pt x="17463" y="2242"/>
                </a:lnTo>
                <a:lnTo>
                  <a:pt x="17461" y="2278"/>
                </a:lnTo>
                <a:lnTo>
                  <a:pt x="17458" y="2315"/>
                </a:lnTo>
                <a:lnTo>
                  <a:pt x="17454" y="2349"/>
                </a:lnTo>
                <a:lnTo>
                  <a:pt x="17450" y="2365"/>
                </a:lnTo>
                <a:lnTo>
                  <a:pt x="17446" y="2382"/>
                </a:lnTo>
                <a:lnTo>
                  <a:pt x="17442" y="2397"/>
                </a:lnTo>
                <a:lnTo>
                  <a:pt x="17436" y="2412"/>
                </a:lnTo>
                <a:lnTo>
                  <a:pt x="17431" y="2428"/>
                </a:lnTo>
                <a:lnTo>
                  <a:pt x="17424" y="2442"/>
                </a:lnTo>
                <a:lnTo>
                  <a:pt x="17415" y="2455"/>
                </a:lnTo>
                <a:lnTo>
                  <a:pt x="17408" y="2468"/>
                </a:lnTo>
                <a:lnTo>
                  <a:pt x="17398" y="2480"/>
                </a:lnTo>
                <a:lnTo>
                  <a:pt x="17387" y="2493"/>
                </a:lnTo>
                <a:lnTo>
                  <a:pt x="17376" y="2504"/>
                </a:lnTo>
                <a:lnTo>
                  <a:pt x="17362" y="2514"/>
                </a:lnTo>
                <a:lnTo>
                  <a:pt x="17348" y="2524"/>
                </a:lnTo>
                <a:lnTo>
                  <a:pt x="17334" y="2533"/>
                </a:lnTo>
                <a:lnTo>
                  <a:pt x="17317" y="2542"/>
                </a:lnTo>
                <a:lnTo>
                  <a:pt x="17300" y="2550"/>
                </a:lnTo>
                <a:lnTo>
                  <a:pt x="17280" y="2556"/>
                </a:lnTo>
                <a:lnTo>
                  <a:pt x="17260" y="2562"/>
                </a:lnTo>
                <a:lnTo>
                  <a:pt x="17238" y="2567"/>
                </a:lnTo>
                <a:lnTo>
                  <a:pt x="17215" y="2572"/>
                </a:lnTo>
                <a:lnTo>
                  <a:pt x="17190" y="2575"/>
                </a:lnTo>
                <a:lnTo>
                  <a:pt x="17163" y="2577"/>
                </a:lnTo>
                <a:lnTo>
                  <a:pt x="17135" y="2578"/>
                </a:lnTo>
                <a:lnTo>
                  <a:pt x="17105" y="2579"/>
                </a:lnTo>
                <a:lnTo>
                  <a:pt x="17062" y="2578"/>
                </a:lnTo>
                <a:lnTo>
                  <a:pt x="17020" y="2576"/>
                </a:lnTo>
                <a:lnTo>
                  <a:pt x="16980" y="2572"/>
                </a:lnTo>
                <a:lnTo>
                  <a:pt x="16940" y="2565"/>
                </a:lnTo>
                <a:lnTo>
                  <a:pt x="16902" y="2557"/>
                </a:lnTo>
                <a:lnTo>
                  <a:pt x="16863" y="2549"/>
                </a:lnTo>
                <a:lnTo>
                  <a:pt x="16826" y="2539"/>
                </a:lnTo>
                <a:lnTo>
                  <a:pt x="16789" y="2527"/>
                </a:lnTo>
                <a:lnTo>
                  <a:pt x="16789" y="2631"/>
                </a:lnTo>
                <a:lnTo>
                  <a:pt x="16816" y="2636"/>
                </a:lnTo>
                <a:lnTo>
                  <a:pt x="16847" y="2642"/>
                </a:lnTo>
                <a:lnTo>
                  <a:pt x="16881" y="2648"/>
                </a:lnTo>
                <a:lnTo>
                  <a:pt x="16920" y="2655"/>
                </a:lnTo>
                <a:lnTo>
                  <a:pt x="16962" y="2661"/>
                </a:lnTo>
                <a:lnTo>
                  <a:pt x="17007" y="2665"/>
                </a:lnTo>
                <a:lnTo>
                  <a:pt x="17054" y="2667"/>
                </a:lnTo>
                <a:lnTo>
                  <a:pt x="17103" y="2668"/>
                </a:lnTo>
                <a:lnTo>
                  <a:pt x="17142" y="2668"/>
                </a:lnTo>
                <a:lnTo>
                  <a:pt x="17180" y="2666"/>
                </a:lnTo>
                <a:lnTo>
                  <a:pt x="17215" y="2663"/>
                </a:lnTo>
                <a:lnTo>
                  <a:pt x="17249" y="2658"/>
                </a:lnTo>
                <a:lnTo>
                  <a:pt x="17280" y="2653"/>
                </a:lnTo>
                <a:lnTo>
                  <a:pt x="17310" y="2645"/>
                </a:lnTo>
                <a:lnTo>
                  <a:pt x="17338" y="2637"/>
                </a:lnTo>
                <a:lnTo>
                  <a:pt x="17364" y="2629"/>
                </a:lnTo>
                <a:lnTo>
                  <a:pt x="17388" y="2619"/>
                </a:lnTo>
                <a:lnTo>
                  <a:pt x="17411" y="2609"/>
                </a:lnTo>
                <a:lnTo>
                  <a:pt x="17432" y="2597"/>
                </a:lnTo>
                <a:lnTo>
                  <a:pt x="17452" y="2585"/>
                </a:lnTo>
                <a:lnTo>
                  <a:pt x="17469" y="2573"/>
                </a:lnTo>
                <a:lnTo>
                  <a:pt x="17486" y="2558"/>
                </a:lnTo>
                <a:lnTo>
                  <a:pt x="17501" y="2545"/>
                </a:lnTo>
                <a:lnTo>
                  <a:pt x="17514" y="2530"/>
                </a:lnTo>
                <a:lnTo>
                  <a:pt x="17527" y="2516"/>
                </a:lnTo>
                <a:lnTo>
                  <a:pt x="17538" y="2500"/>
                </a:lnTo>
                <a:lnTo>
                  <a:pt x="17548" y="2485"/>
                </a:lnTo>
                <a:lnTo>
                  <a:pt x="17557" y="2469"/>
                </a:lnTo>
                <a:lnTo>
                  <a:pt x="17565" y="2453"/>
                </a:lnTo>
                <a:lnTo>
                  <a:pt x="17573" y="2437"/>
                </a:lnTo>
                <a:lnTo>
                  <a:pt x="17578" y="2421"/>
                </a:lnTo>
                <a:lnTo>
                  <a:pt x="17584" y="2405"/>
                </a:lnTo>
                <a:lnTo>
                  <a:pt x="17588" y="2388"/>
                </a:lnTo>
                <a:lnTo>
                  <a:pt x="17591" y="2373"/>
                </a:lnTo>
                <a:lnTo>
                  <a:pt x="17595" y="2357"/>
                </a:lnTo>
                <a:lnTo>
                  <a:pt x="17597" y="2341"/>
                </a:lnTo>
                <a:lnTo>
                  <a:pt x="17599" y="2311"/>
                </a:lnTo>
                <a:lnTo>
                  <a:pt x="17600" y="2283"/>
                </a:lnTo>
                <a:close/>
                <a:moveTo>
                  <a:pt x="16360" y="2350"/>
                </a:moveTo>
                <a:lnTo>
                  <a:pt x="16360" y="1888"/>
                </a:lnTo>
                <a:lnTo>
                  <a:pt x="16359" y="1860"/>
                </a:lnTo>
                <a:lnTo>
                  <a:pt x="16356" y="1834"/>
                </a:lnTo>
                <a:lnTo>
                  <a:pt x="16352" y="1810"/>
                </a:lnTo>
                <a:lnTo>
                  <a:pt x="16345" y="1786"/>
                </a:lnTo>
                <a:lnTo>
                  <a:pt x="16341" y="1777"/>
                </a:lnTo>
                <a:lnTo>
                  <a:pt x="16336" y="1766"/>
                </a:lnTo>
                <a:lnTo>
                  <a:pt x="16331" y="1757"/>
                </a:lnTo>
                <a:lnTo>
                  <a:pt x="16325" y="1747"/>
                </a:lnTo>
                <a:lnTo>
                  <a:pt x="16319" y="1738"/>
                </a:lnTo>
                <a:lnTo>
                  <a:pt x="16313" y="1730"/>
                </a:lnTo>
                <a:lnTo>
                  <a:pt x="16305" y="1723"/>
                </a:lnTo>
                <a:lnTo>
                  <a:pt x="16299" y="1715"/>
                </a:lnTo>
                <a:lnTo>
                  <a:pt x="16290" y="1709"/>
                </a:lnTo>
                <a:lnTo>
                  <a:pt x="16282" y="1702"/>
                </a:lnTo>
                <a:lnTo>
                  <a:pt x="16272" y="1695"/>
                </a:lnTo>
                <a:lnTo>
                  <a:pt x="16264" y="1690"/>
                </a:lnTo>
                <a:lnTo>
                  <a:pt x="16254" y="1684"/>
                </a:lnTo>
                <a:lnTo>
                  <a:pt x="16244" y="1680"/>
                </a:lnTo>
                <a:lnTo>
                  <a:pt x="16233" y="1676"/>
                </a:lnTo>
                <a:lnTo>
                  <a:pt x="16221" y="1672"/>
                </a:lnTo>
                <a:lnTo>
                  <a:pt x="16198" y="1666"/>
                </a:lnTo>
                <a:lnTo>
                  <a:pt x="16171" y="1661"/>
                </a:lnTo>
                <a:lnTo>
                  <a:pt x="16144" y="1658"/>
                </a:lnTo>
                <a:lnTo>
                  <a:pt x="16114" y="1658"/>
                </a:lnTo>
                <a:lnTo>
                  <a:pt x="16093" y="1658"/>
                </a:lnTo>
                <a:lnTo>
                  <a:pt x="16072" y="1659"/>
                </a:lnTo>
                <a:lnTo>
                  <a:pt x="16053" y="1661"/>
                </a:lnTo>
                <a:lnTo>
                  <a:pt x="16035" y="1664"/>
                </a:lnTo>
                <a:lnTo>
                  <a:pt x="16017" y="1667"/>
                </a:lnTo>
                <a:lnTo>
                  <a:pt x="16001" y="1671"/>
                </a:lnTo>
                <a:lnTo>
                  <a:pt x="15984" y="1676"/>
                </a:lnTo>
                <a:lnTo>
                  <a:pt x="15970" y="1681"/>
                </a:lnTo>
                <a:lnTo>
                  <a:pt x="15956" y="1688"/>
                </a:lnTo>
                <a:lnTo>
                  <a:pt x="15941" y="1694"/>
                </a:lnTo>
                <a:lnTo>
                  <a:pt x="15928" y="1701"/>
                </a:lnTo>
                <a:lnTo>
                  <a:pt x="15916" y="1709"/>
                </a:lnTo>
                <a:lnTo>
                  <a:pt x="15905" y="1716"/>
                </a:lnTo>
                <a:lnTo>
                  <a:pt x="15894" y="1725"/>
                </a:lnTo>
                <a:lnTo>
                  <a:pt x="15884" y="1734"/>
                </a:lnTo>
                <a:lnTo>
                  <a:pt x="15875" y="1744"/>
                </a:lnTo>
                <a:lnTo>
                  <a:pt x="15866" y="1754"/>
                </a:lnTo>
                <a:lnTo>
                  <a:pt x="15858" y="1763"/>
                </a:lnTo>
                <a:lnTo>
                  <a:pt x="15851" y="1774"/>
                </a:lnTo>
                <a:lnTo>
                  <a:pt x="15843" y="1785"/>
                </a:lnTo>
                <a:lnTo>
                  <a:pt x="15838" y="1796"/>
                </a:lnTo>
                <a:lnTo>
                  <a:pt x="15832" y="1807"/>
                </a:lnTo>
                <a:lnTo>
                  <a:pt x="15827" y="1818"/>
                </a:lnTo>
                <a:lnTo>
                  <a:pt x="15822" y="1830"/>
                </a:lnTo>
                <a:lnTo>
                  <a:pt x="15819" y="1842"/>
                </a:lnTo>
                <a:lnTo>
                  <a:pt x="15816" y="1855"/>
                </a:lnTo>
                <a:lnTo>
                  <a:pt x="15813" y="1867"/>
                </a:lnTo>
                <a:lnTo>
                  <a:pt x="15810" y="1879"/>
                </a:lnTo>
                <a:lnTo>
                  <a:pt x="15808" y="1904"/>
                </a:lnTo>
                <a:lnTo>
                  <a:pt x="15807" y="1928"/>
                </a:lnTo>
                <a:lnTo>
                  <a:pt x="15807" y="2350"/>
                </a:lnTo>
                <a:lnTo>
                  <a:pt x="15667" y="2350"/>
                </a:lnTo>
                <a:lnTo>
                  <a:pt x="15667" y="1589"/>
                </a:lnTo>
                <a:lnTo>
                  <a:pt x="15793" y="1589"/>
                </a:lnTo>
                <a:lnTo>
                  <a:pt x="15793" y="1717"/>
                </a:lnTo>
                <a:lnTo>
                  <a:pt x="15802" y="1704"/>
                </a:lnTo>
                <a:lnTo>
                  <a:pt x="15813" y="1691"/>
                </a:lnTo>
                <a:lnTo>
                  <a:pt x="15824" y="1678"/>
                </a:lnTo>
                <a:lnTo>
                  <a:pt x="15836" y="1665"/>
                </a:lnTo>
                <a:lnTo>
                  <a:pt x="15850" y="1653"/>
                </a:lnTo>
                <a:lnTo>
                  <a:pt x="15865" y="1639"/>
                </a:lnTo>
                <a:lnTo>
                  <a:pt x="15883" y="1628"/>
                </a:lnTo>
                <a:lnTo>
                  <a:pt x="15902" y="1617"/>
                </a:lnTo>
                <a:lnTo>
                  <a:pt x="15923" y="1608"/>
                </a:lnTo>
                <a:lnTo>
                  <a:pt x="15946" y="1598"/>
                </a:lnTo>
                <a:lnTo>
                  <a:pt x="15971" y="1590"/>
                </a:lnTo>
                <a:lnTo>
                  <a:pt x="15998" y="1583"/>
                </a:lnTo>
                <a:lnTo>
                  <a:pt x="16028" y="1578"/>
                </a:lnTo>
                <a:lnTo>
                  <a:pt x="16061" y="1573"/>
                </a:lnTo>
                <a:lnTo>
                  <a:pt x="16096" y="1571"/>
                </a:lnTo>
                <a:lnTo>
                  <a:pt x="16135" y="1570"/>
                </a:lnTo>
                <a:lnTo>
                  <a:pt x="16157" y="1570"/>
                </a:lnTo>
                <a:lnTo>
                  <a:pt x="16178" y="1571"/>
                </a:lnTo>
                <a:lnTo>
                  <a:pt x="16199" y="1572"/>
                </a:lnTo>
                <a:lnTo>
                  <a:pt x="16218" y="1575"/>
                </a:lnTo>
                <a:lnTo>
                  <a:pt x="16238" y="1578"/>
                </a:lnTo>
                <a:lnTo>
                  <a:pt x="16256" y="1581"/>
                </a:lnTo>
                <a:lnTo>
                  <a:pt x="16275" y="1584"/>
                </a:lnTo>
                <a:lnTo>
                  <a:pt x="16291" y="1589"/>
                </a:lnTo>
                <a:lnTo>
                  <a:pt x="16309" y="1594"/>
                </a:lnTo>
                <a:lnTo>
                  <a:pt x="16324" y="1600"/>
                </a:lnTo>
                <a:lnTo>
                  <a:pt x="16339" y="1606"/>
                </a:lnTo>
                <a:lnTo>
                  <a:pt x="16354" y="1613"/>
                </a:lnTo>
                <a:lnTo>
                  <a:pt x="16368" y="1620"/>
                </a:lnTo>
                <a:lnTo>
                  <a:pt x="16381" y="1628"/>
                </a:lnTo>
                <a:lnTo>
                  <a:pt x="16393" y="1636"/>
                </a:lnTo>
                <a:lnTo>
                  <a:pt x="16405" y="1646"/>
                </a:lnTo>
                <a:lnTo>
                  <a:pt x="16416" y="1655"/>
                </a:lnTo>
                <a:lnTo>
                  <a:pt x="16427" y="1666"/>
                </a:lnTo>
                <a:lnTo>
                  <a:pt x="16437" y="1676"/>
                </a:lnTo>
                <a:lnTo>
                  <a:pt x="16446" y="1688"/>
                </a:lnTo>
                <a:lnTo>
                  <a:pt x="16455" y="1699"/>
                </a:lnTo>
                <a:lnTo>
                  <a:pt x="16463" y="1711"/>
                </a:lnTo>
                <a:lnTo>
                  <a:pt x="16469" y="1724"/>
                </a:lnTo>
                <a:lnTo>
                  <a:pt x="16476" y="1737"/>
                </a:lnTo>
                <a:lnTo>
                  <a:pt x="16481" y="1751"/>
                </a:lnTo>
                <a:lnTo>
                  <a:pt x="16486" y="1766"/>
                </a:lnTo>
                <a:lnTo>
                  <a:pt x="16490" y="1781"/>
                </a:lnTo>
                <a:lnTo>
                  <a:pt x="16493" y="1796"/>
                </a:lnTo>
                <a:lnTo>
                  <a:pt x="16496" y="1812"/>
                </a:lnTo>
                <a:lnTo>
                  <a:pt x="16498" y="1828"/>
                </a:lnTo>
                <a:lnTo>
                  <a:pt x="16499" y="1846"/>
                </a:lnTo>
                <a:lnTo>
                  <a:pt x="16499" y="1863"/>
                </a:lnTo>
                <a:lnTo>
                  <a:pt x="16499" y="2350"/>
                </a:lnTo>
                <a:lnTo>
                  <a:pt x="16360" y="2350"/>
                </a:lnTo>
                <a:close/>
                <a:moveTo>
                  <a:pt x="15281" y="2350"/>
                </a:moveTo>
                <a:lnTo>
                  <a:pt x="15281" y="1589"/>
                </a:lnTo>
                <a:lnTo>
                  <a:pt x="15415" y="1589"/>
                </a:lnTo>
                <a:lnTo>
                  <a:pt x="15421" y="1589"/>
                </a:lnTo>
                <a:lnTo>
                  <a:pt x="15421" y="2350"/>
                </a:lnTo>
                <a:lnTo>
                  <a:pt x="15281" y="2350"/>
                </a:lnTo>
                <a:close/>
                <a:moveTo>
                  <a:pt x="14905" y="2350"/>
                </a:moveTo>
                <a:lnTo>
                  <a:pt x="14905" y="1844"/>
                </a:lnTo>
                <a:lnTo>
                  <a:pt x="14905" y="1822"/>
                </a:lnTo>
                <a:lnTo>
                  <a:pt x="14902" y="1801"/>
                </a:lnTo>
                <a:lnTo>
                  <a:pt x="14897" y="1781"/>
                </a:lnTo>
                <a:lnTo>
                  <a:pt x="14892" y="1762"/>
                </a:lnTo>
                <a:lnTo>
                  <a:pt x="14884" y="1746"/>
                </a:lnTo>
                <a:lnTo>
                  <a:pt x="14874" y="1730"/>
                </a:lnTo>
                <a:lnTo>
                  <a:pt x="14863" y="1717"/>
                </a:lnTo>
                <a:lnTo>
                  <a:pt x="14850" y="1704"/>
                </a:lnTo>
                <a:lnTo>
                  <a:pt x="14836" y="1693"/>
                </a:lnTo>
                <a:lnTo>
                  <a:pt x="14819" y="1684"/>
                </a:lnTo>
                <a:lnTo>
                  <a:pt x="14802" y="1676"/>
                </a:lnTo>
                <a:lnTo>
                  <a:pt x="14782" y="1669"/>
                </a:lnTo>
                <a:lnTo>
                  <a:pt x="14761" y="1665"/>
                </a:lnTo>
                <a:lnTo>
                  <a:pt x="14738" y="1660"/>
                </a:lnTo>
                <a:lnTo>
                  <a:pt x="14713" y="1658"/>
                </a:lnTo>
                <a:lnTo>
                  <a:pt x="14686" y="1658"/>
                </a:lnTo>
                <a:lnTo>
                  <a:pt x="14660" y="1659"/>
                </a:lnTo>
                <a:lnTo>
                  <a:pt x="14634" y="1661"/>
                </a:lnTo>
                <a:lnTo>
                  <a:pt x="14609" y="1667"/>
                </a:lnTo>
                <a:lnTo>
                  <a:pt x="14584" y="1673"/>
                </a:lnTo>
                <a:lnTo>
                  <a:pt x="14572" y="1678"/>
                </a:lnTo>
                <a:lnTo>
                  <a:pt x="14560" y="1683"/>
                </a:lnTo>
                <a:lnTo>
                  <a:pt x="14548" y="1689"/>
                </a:lnTo>
                <a:lnTo>
                  <a:pt x="14537" y="1694"/>
                </a:lnTo>
                <a:lnTo>
                  <a:pt x="14526" y="1701"/>
                </a:lnTo>
                <a:lnTo>
                  <a:pt x="14515" y="1707"/>
                </a:lnTo>
                <a:lnTo>
                  <a:pt x="14505" y="1715"/>
                </a:lnTo>
                <a:lnTo>
                  <a:pt x="14495" y="1723"/>
                </a:lnTo>
                <a:lnTo>
                  <a:pt x="14485" y="1732"/>
                </a:lnTo>
                <a:lnTo>
                  <a:pt x="14475" y="1740"/>
                </a:lnTo>
                <a:lnTo>
                  <a:pt x="14467" y="1750"/>
                </a:lnTo>
                <a:lnTo>
                  <a:pt x="14458" y="1761"/>
                </a:lnTo>
                <a:lnTo>
                  <a:pt x="14451" y="1771"/>
                </a:lnTo>
                <a:lnTo>
                  <a:pt x="14443" y="1783"/>
                </a:lnTo>
                <a:lnTo>
                  <a:pt x="14436" y="1795"/>
                </a:lnTo>
                <a:lnTo>
                  <a:pt x="14431" y="1807"/>
                </a:lnTo>
                <a:lnTo>
                  <a:pt x="14425" y="1821"/>
                </a:lnTo>
                <a:lnTo>
                  <a:pt x="14421" y="1834"/>
                </a:lnTo>
                <a:lnTo>
                  <a:pt x="14417" y="1848"/>
                </a:lnTo>
                <a:lnTo>
                  <a:pt x="14413" y="1863"/>
                </a:lnTo>
                <a:lnTo>
                  <a:pt x="14410" y="1879"/>
                </a:lnTo>
                <a:lnTo>
                  <a:pt x="14409" y="1894"/>
                </a:lnTo>
                <a:lnTo>
                  <a:pt x="14407" y="1912"/>
                </a:lnTo>
                <a:lnTo>
                  <a:pt x="14407" y="1928"/>
                </a:lnTo>
                <a:lnTo>
                  <a:pt x="14407" y="2350"/>
                </a:lnTo>
                <a:lnTo>
                  <a:pt x="14267" y="2350"/>
                </a:lnTo>
                <a:lnTo>
                  <a:pt x="14267" y="1844"/>
                </a:lnTo>
                <a:lnTo>
                  <a:pt x="14267" y="1822"/>
                </a:lnTo>
                <a:lnTo>
                  <a:pt x="14264" y="1801"/>
                </a:lnTo>
                <a:lnTo>
                  <a:pt x="14259" y="1781"/>
                </a:lnTo>
                <a:lnTo>
                  <a:pt x="14254" y="1762"/>
                </a:lnTo>
                <a:lnTo>
                  <a:pt x="14246" y="1746"/>
                </a:lnTo>
                <a:lnTo>
                  <a:pt x="14236" y="1730"/>
                </a:lnTo>
                <a:lnTo>
                  <a:pt x="14225" y="1717"/>
                </a:lnTo>
                <a:lnTo>
                  <a:pt x="14212" y="1704"/>
                </a:lnTo>
                <a:lnTo>
                  <a:pt x="14198" y="1693"/>
                </a:lnTo>
                <a:lnTo>
                  <a:pt x="14181" y="1684"/>
                </a:lnTo>
                <a:lnTo>
                  <a:pt x="14164" y="1676"/>
                </a:lnTo>
                <a:lnTo>
                  <a:pt x="14144" y="1669"/>
                </a:lnTo>
                <a:lnTo>
                  <a:pt x="14123" y="1665"/>
                </a:lnTo>
                <a:lnTo>
                  <a:pt x="14100" y="1660"/>
                </a:lnTo>
                <a:lnTo>
                  <a:pt x="14075" y="1658"/>
                </a:lnTo>
                <a:lnTo>
                  <a:pt x="14048" y="1658"/>
                </a:lnTo>
                <a:lnTo>
                  <a:pt x="14023" y="1659"/>
                </a:lnTo>
                <a:lnTo>
                  <a:pt x="13996" y="1661"/>
                </a:lnTo>
                <a:lnTo>
                  <a:pt x="13971" y="1667"/>
                </a:lnTo>
                <a:lnTo>
                  <a:pt x="13946" y="1673"/>
                </a:lnTo>
                <a:lnTo>
                  <a:pt x="13934" y="1678"/>
                </a:lnTo>
                <a:lnTo>
                  <a:pt x="13922" y="1683"/>
                </a:lnTo>
                <a:lnTo>
                  <a:pt x="13910" y="1689"/>
                </a:lnTo>
                <a:lnTo>
                  <a:pt x="13899" y="1694"/>
                </a:lnTo>
                <a:lnTo>
                  <a:pt x="13888" y="1701"/>
                </a:lnTo>
                <a:lnTo>
                  <a:pt x="13877" y="1707"/>
                </a:lnTo>
                <a:lnTo>
                  <a:pt x="13867" y="1715"/>
                </a:lnTo>
                <a:lnTo>
                  <a:pt x="13857" y="1723"/>
                </a:lnTo>
                <a:lnTo>
                  <a:pt x="13847" y="1732"/>
                </a:lnTo>
                <a:lnTo>
                  <a:pt x="13838" y="1740"/>
                </a:lnTo>
                <a:lnTo>
                  <a:pt x="13829" y="1750"/>
                </a:lnTo>
                <a:lnTo>
                  <a:pt x="13820" y="1761"/>
                </a:lnTo>
                <a:lnTo>
                  <a:pt x="13813" y="1771"/>
                </a:lnTo>
                <a:lnTo>
                  <a:pt x="13806" y="1783"/>
                </a:lnTo>
                <a:lnTo>
                  <a:pt x="13800" y="1795"/>
                </a:lnTo>
                <a:lnTo>
                  <a:pt x="13793" y="1807"/>
                </a:lnTo>
                <a:lnTo>
                  <a:pt x="13787" y="1821"/>
                </a:lnTo>
                <a:lnTo>
                  <a:pt x="13783" y="1834"/>
                </a:lnTo>
                <a:lnTo>
                  <a:pt x="13779" y="1848"/>
                </a:lnTo>
                <a:lnTo>
                  <a:pt x="13775" y="1863"/>
                </a:lnTo>
                <a:lnTo>
                  <a:pt x="13773" y="1879"/>
                </a:lnTo>
                <a:lnTo>
                  <a:pt x="13771" y="1894"/>
                </a:lnTo>
                <a:lnTo>
                  <a:pt x="13770" y="1912"/>
                </a:lnTo>
                <a:lnTo>
                  <a:pt x="13769" y="1928"/>
                </a:lnTo>
                <a:lnTo>
                  <a:pt x="13769" y="2350"/>
                </a:lnTo>
                <a:lnTo>
                  <a:pt x="13632" y="2350"/>
                </a:lnTo>
                <a:lnTo>
                  <a:pt x="13632" y="1589"/>
                </a:lnTo>
                <a:lnTo>
                  <a:pt x="13758" y="1589"/>
                </a:lnTo>
                <a:lnTo>
                  <a:pt x="13758" y="1713"/>
                </a:lnTo>
                <a:lnTo>
                  <a:pt x="13767" y="1702"/>
                </a:lnTo>
                <a:lnTo>
                  <a:pt x="13775" y="1691"/>
                </a:lnTo>
                <a:lnTo>
                  <a:pt x="13785" y="1679"/>
                </a:lnTo>
                <a:lnTo>
                  <a:pt x="13797" y="1667"/>
                </a:lnTo>
                <a:lnTo>
                  <a:pt x="13809" y="1655"/>
                </a:lnTo>
                <a:lnTo>
                  <a:pt x="13825" y="1644"/>
                </a:lnTo>
                <a:lnTo>
                  <a:pt x="13840" y="1632"/>
                </a:lnTo>
                <a:lnTo>
                  <a:pt x="13859" y="1621"/>
                </a:lnTo>
                <a:lnTo>
                  <a:pt x="13879" y="1610"/>
                </a:lnTo>
                <a:lnTo>
                  <a:pt x="13901" y="1601"/>
                </a:lnTo>
                <a:lnTo>
                  <a:pt x="13926" y="1592"/>
                </a:lnTo>
                <a:lnTo>
                  <a:pt x="13952" y="1584"/>
                </a:lnTo>
                <a:lnTo>
                  <a:pt x="13982" y="1578"/>
                </a:lnTo>
                <a:lnTo>
                  <a:pt x="14014" y="1573"/>
                </a:lnTo>
                <a:lnTo>
                  <a:pt x="14049" y="1571"/>
                </a:lnTo>
                <a:lnTo>
                  <a:pt x="14087" y="1570"/>
                </a:lnTo>
                <a:lnTo>
                  <a:pt x="14114" y="1570"/>
                </a:lnTo>
                <a:lnTo>
                  <a:pt x="14149" y="1573"/>
                </a:lnTo>
                <a:lnTo>
                  <a:pt x="14169" y="1577"/>
                </a:lnTo>
                <a:lnTo>
                  <a:pt x="14191" y="1581"/>
                </a:lnTo>
                <a:lnTo>
                  <a:pt x="14212" y="1587"/>
                </a:lnTo>
                <a:lnTo>
                  <a:pt x="14234" y="1594"/>
                </a:lnTo>
                <a:lnTo>
                  <a:pt x="14256" y="1603"/>
                </a:lnTo>
                <a:lnTo>
                  <a:pt x="14277" y="1613"/>
                </a:lnTo>
                <a:lnTo>
                  <a:pt x="14287" y="1620"/>
                </a:lnTo>
                <a:lnTo>
                  <a:pt x="14297" y="1626"/>
                </a:lnTo>
                <a:lnTo>
                  <a:pt x="14307" y="1634"/>
                </a:lnTo>
                <a:lnTo>
                  <a:pt x="14315" y="1642"/>
                </a:lnTo>
                <a:lnTo>
                  <a:pt x="14324" y="1650"/>
                </a:lnTo>
                <a:lnTo>
                  <a:pt x="14333" y="1659"/>
                </a:lnTo>
                <a:lnTo>
                  <a:pt x="14341" y="1669"/>
                </a:lnTo>
                <a:lnTo>
                  <a:pt x="14347" y="1679"/>
                </a:lnTo>
                <a:lnTo>
                  <a:pt x="14354" y="1690"/>
                </a:lnTo>
                <a:lnTo>
                  <a:pt x="14359" y="1702"/>
                </a:lnTo>
                <a:lnTo>
                  <a:pt x="14365" y="1715"/>
                </a:lnTo>
                <a:lnTo>
                  <a:pt x="14369" y="1728"/>
                </a:lnTo>
                <a:lnTo>
                  <a:pt x="14380" y="1711"/>
                </a:lnTo>
                <a:lnTo>
                  <a:pt x="14392" y="1694"/>
                </a:lnTo>
                <a:lnTo>
                  <a:pt x="14408" y="1678"/>
                </a:lnTo>
                <a:lnTo>
                  <a:pt x="14423" y="1664"/>
                </a:lnTo>
                <a:lnTo>
                  <a:pt x="14441" y="1649"/>
                </a:lnTo>
                <a:lnTo>
                  <a:pt x="14460" y="1636"/>
                </a:lnTo>
                <a:lnTo>
                  <a:pt x="14480" y="1624"/>
                </a:lnTo>
                <a:lnTo>
                  <a:pt x="14501" y="1613"/>
                </a:lnTo>
                <a:lnTo>
                  <a:pt x="14524" y="1603"/>
                </a:lnTo>
                <a:lnTo>
                  <a:pt x="14548" y="1594"/>
                </a:lnTo>
                <a:lnTo>
                  <a:pt x="14573" y="1588"/>
                </a:lnTo>
                <a:lnTo>
                  <a:pt x="14598" y="1581"/>
                </a:lnTo>
                <a:lnTo>
                  <a:pt x="14625" y="1577"/>
                </a:lnTo>
                <a:lnTo>
                  <a:pt x="14652" y="1572"/>
                </a:lnTo>
                <a:lnTo>
                  <a:pt x="14680" y="1570"/>
                </a:lnTo>
                <a:lnTo>
                  <a:pt x="14708" y="1570"/>
                </a:lnTo>
                <a:lnTo>
                  <a:pt x="14728" y="1570"/>
                </a:lnTo>
                <a:lnTo>
                  <a:pt x="14747" y="1571"/>
                </a:lnTo>
                <a:lnTo>
                  <a:pt x="14764" y="1572"/>
                </a:lnTo>
                <a:lnTo>
                  <a:pt x="14782" y="1575"/>
                </a:lnTo>
                <a:lnTo>
                  <a:pt x="14799" y="1577"/>
                </a:lnTo>
                <a:lnTo>
                  <a:pt x="14816" y="1580"/>
                </a:lnTo>
                <a:lnTo>
                  <a:pt x="14832" y="1584"/>
                </a:lnTo>
                <a:lnTo>
                  <a:pt x="14848" y="1588"/>
                </a:lnTo>
                <a:lnTo>
                  <a:pt x="14863" y="1593"/>
                </a:lnTo>
                <a:lnTo>
                  <a:pt x="14878" y="1598"/>
                </a:lnTo>
                <a:lnTo>
                  <a:pt x="14892" y="1604"/>
                </a:lnTo>
                <a:lnTo>
                  <a:pt x="14905" y="1610"/>
                </a:lnTo>
                <a:lnTo>
                  <a:pt x="14918" y="1617"/>
                </a:lnTo>
                <a:lnTo>
                  <a:pt x="14931" y="1624"/>
                </a:lnTo>
                <a:lnTo>
                  <a:pt x="14942" y="1632"/>
                </a:lnTo>
                <a:lnTo>
                  <a:pt x="14955" y="1640"/>
                </a:lnTo>
                <a:lnTo>
                  <a:pt x="14964" y="1649"/>
                </a:lnTo>
                <a:lnTo>
                  <a:pt x="14974" y="1658"/>
                </a:lnTo>
                <a:lnTo>
                  <a:pt x="14984" y="1667"/>
                </a:lnTo>
                <a:lnTo>
                  <a:pt x="14993" y="1677"/>
                </a:lnTo>
                <a:lnTo>
                  <a:pt x="15002" y="1688"/>
                </a:lnTo>
                <a:lnTo>
                  <a:pt x="15008" y="1699"/>
                </a:lnTo>
                <a:lnTo>
                  <a:pt x="15016" y="1710"/>
                </a:lnTo>
                <a:lnTo>
                  <a:pt x="15022" y="1721"/>
                </a:lnTo>
                <a:lnTo>
                  <a:pt x="15027" y="1733"/>
                </a:lnTo>
                <a:lnTo>
                  <a:pt x="15033" y="1746"/>
                </a:lnTo>
                <a:lnTo>
                  <a:pt x="15036" y="1758"/>
                </a:lnTo>
                <a:lnTo>
                  <a:pt x="15039" y="1771"/>
                </a:lnTo>
                <a:lnTo>
                  <a:pt x="15043" y="1784"/>
                </a:lnTo>
                <a:lnTo>
                  <a:pt x="15045" y="1799"/>
                </a:lnTo>
                <a:lnTo>
                  <a:pt x="15046" y="1813"/>
                </a:lnTo>
                <a:lnTo>
                  <a:pt x="15046" y="1827"/>
                </a:lnTo>
                <a:lnTo>
                  <a:pt x="15046" y="2350"/>
                </a:lnTo>
                <a:lnTo>
                  <a:pt x="14905" y="2350"/>
                </a:lnTo>
                <a:close/>
                <a:moveTo>
                  <a:pt x="13441" y="2000"/>
                </a:moveTo>
                <a:lnTo>
                  <a:pt x="13441" y="1948"/>
                </a:lnTo>
                <a:lnTo>
                  <a:pt x="13440" y="1926"/>
                </a:lnTo>
                <a:lnTo>
                  <a:pt x="13439" y="1905"/>
                </a:lnTo>
                <a:lnTo>
                  <a:pt x="13437" y="1884"/>
                </a:lnTo>
                <a:lnTo>
                  <a:pt x="13433" y="1864"/>
                </a:lnTo>
                <a:lnTo>
                  <a:pt x="13429" y="1845"/>
                </a:lnTo>
                <a:lnTo>
                  <a:pt x="13424" y="1826"/>
                </a:lnTo>
                <a:lnTo>
                  <a:pt x="13419" y="1807"/>
                </a:lnTo>
                <a:lnTo>
                  <a:pt x="13411" y="1790"/>
                </a:lnTo>
                <a:lnTo>
                  <a:pt x="13405" y="1772"/>
                </a:lnTo>
                <a:lnTo>
                  <a:pt x="13396" y="1756"/>
                </a:lnTo>
                <a:lnTo>
                  <a:pt x="13386" y="1740"/>
                </a:lnTo>
                <a:lnTo>
                  <a:pt x="13376" y="1725"/>
                </a:lnTo>
                <a:lnTo>
                  <a:pt x="13365" y="1711"/>
                </a:lnTo>
                <a:lnTo>
                  <a:pt x="13354" y="1696"/>
                </a:lnTo>
                <a:lnTo>
                  <a:pt x="13341" y="1683"/>
                </a:lnTo>
                <a:lnTo>
                  <a:pt x="13328" y="1670"/>
                </a:lnTo>
                <a:lnTo>
                  <a:pt x="13313" y="1659"/>
                </a:lnTo>
                <a:lnTo>
                  <a:pt x="13299" y="1648"/>
                </a:lnTo>
                <a:lnTo>
                  <a:pt x="13284" y="1637"/>
                </a:lnTo>
                <a:lnTo>
                  <a:pt x="13267" y="1627"/>
                </a:lnTo>
                <a:lnTo>
                  <a:pt x="13250" y="1618"/>
                </a:lnTo>
                <a:lnTo>
                  <a:pt x="13232" y="1610"/>
                </a:lnTo>
                <a:lnTo>
                  <a:pt x="13213" y="1603"/>
                </a:lnTo>
                <a:lnTo>
                  <a:pt x="13195" y="1595"/>
                </a:lnTo>
                <a:lnTo>
                  <a:pt x="13175" y="1590"/>
                </a:lnTo>
                <a:lnTo>
                  <a:pt x="13154" y="1584"/>
                </a:lnTo>
                <a:lnTo>
                  <a:pt x="13133" y="1580"/>
                </a:lnTo>
                <a:lnTo>
                  <a:pt x="13111" y="1577"/>
                </a:lnTo>
                <a:lnTo>
                  <a:pt x="13088" y="1573"/>
                </a:lnTo>
                <a:lnTo>
                  <a:pt x="13065" y="1571"/>
                </a:lnTo>
                <a:lnTo>
                  <a:pt x="13041" y="1570"/>
                </a:lnTo>
                <a:lnTo>
                  <a:pt x="13016" y="1570"/>
                </a:lnTo>
                <a:lnTo>
                  <a:pt x="12991" y="1570"/>
                </a:lnTo>
                <a:lnTo>
                  <a:pt x="12967" y="1571"/>
                </a:lnTo>
                <a:lnTo>
                  <a:pt x="12944" y="1575"/>
                </a:lnTo>
                <a:lnTo>
                  <a:pt x="12921" y="1578"/>
                </a:lnTo>
                <a:lnTo>
                  <a:pt x="12898" y="1581"/>
                </a:lnTo>
                <a:lnTo>
                  <a:pt x="12876" y="1587"/>
                </a:lnTo>
                <a:lnTo>
                  <a:pt x="12855" y="1592"/>
                </a:lnTo>
                <a:lnTo>
                  <a:pt x="12834" y="1599"/>
                </a:lnTo>
                <a:lnTo>
                  <a:pt x="12814" y="1606"/>
                </a:lnTo>
                <a:lnTo>
                  <a:pt x="12794" y="1615"/>
                </a:lnTo>
                <a:lnTo>
                  <a:pt x="12775" y="1624"/>
                </a:lnTo>
                <a:lnTo>
                  <a:pt x="12757" y="1634"/>
                </a:lnTo>
                <a:lnTo>
                  <a:pt x="12740" y="1645"/>
                </a:lnTo>
                <a:lnTo>
                  <a:pt x="12723" y="1656"/>
                </a:lnTo>
                <a:lnTo>
                  <a:pt x="12707" y="1669"/>
                </a:lnTo>
                <a:lnTo>
                  <a:pt x="12692" y="1681"/>
                </a:lnTo>
                <a:lnTo>
                  <a:pt x="12678" y="1695"/>
                </a:lnTo>
                <a:lnTo>
                  <a:pt x="12664" y="1709"/>
                </a:lnTo>
                <a:lnTo>
                  <a:pt x="12651" y="1724"/>
                </a:lnTo>
                <a:lnTo>
                  <a:pt x="12639" y="1739"/>
                </a:lnTo>
                <a:lnTo>
                  <a:pt x="12628" y="1756"/>
                </a:lnTo>
                <a:lnTo>
                  <a:pt x="12618" y="1772"/>
                </a:lnTo>
                <a:lnTo>
                  <a:pt x="12608" y="1790"/>
                </a:lnTo>
                <a:lnTo>
                  <a:pt x="12599" y="1807"/>
                </a:lnTo>
                <a:lnTo>
                  <a:pt x="12593" y="1826"/>
                </a:lnTo>
                <a:lnTo>
                  <a:pt x="12586" y="1845"/>
                </a:lnTo>
                <a:lnTo>
                  <a:pt x="12580" y="1864"/>
                </a:lnTo>
                <a:lnTo>
                  <a:pt x="12575" y="1884"/>
                </a:lnTo>
                <a:lnTo>
                  <a:pt x="12572" y="1905"/>
                </a:lnTo>
                <a:lnTo>
                  <a:pt x="12570" y="1926"/>
                </a:lnTo>
                <a:lnTo>
                  <a:pt x="12568" y="1947"/>
                </a:lnTo>
                <a:lnTo>
                  <a:pt x="12568" y="1969"/>
                </a:lnTo>
                <a:lnTo>
                  <a:pt x="12568" y="1986"/>
                </a:lnTo>
                <a:lnTo>
                  <a:pt x="12569" y="2003"/>
                </a:lnTo>
                <a:lnTo>
                  <a:pt x="12570" y="2020"/>
                </a:lnTo>
                <a:lnTo>
                  <a:pt x="12572" y="2038"/>
                </a:lnTo>
                <a:lnTo>
                  <a:pt x="12574" y="2056"/>
                </a:lnTo>
                <a:lnTo>
                  <a:pt x="12577" y="2073"/>
                </a:lnTo>
                <a:lnTo>
                  <a:pt x="12582" y="2091"/>
                </a:lnTo>
                <a:lnTo>
                  <a:pt x="12586" y="2107"/>
                </a:lnTo>
                <a:lnTo>
                  <a:pt x="12593" y="2125"/>
                </a:lnTo>
                <a:lnTo>
                  <a:pt x="12599" y="2141"/>
                </a:lnTo>
                <a:lnTo>
                  <a:pt x="12606" y="2158"/>
                </a:lnTo>
                <a:lnTo>
                  <a:pt x="12615" y="2174"/>
                </a:lnTo>
                <a:lnTo>
                  <a:pt x="12625" y="2189"/>
                </a:lnTo>
                <a:lnTo>
                  <a:pt x="12635" y="2206"/>
                </a:lnTo>
                <a:lnTo>
                  <a:pt x="12647" y="2220"/>
                </a:lnTo>
                <a:lnTo>
                  <a:pt x="12660" y="2236"/>
                </a:lnTo>
                <a:lnTo>
                  <a:pt x="12673" y="2249"/>
                </a:lnTo>
                <a:lnTo>
                  <a:pt x="12689" y="2263"/>
                </a:lnTo>
                <a:lnTo>
                  <a:pt x="12705" y="2276"/>
                </a:lnTo>
                <a:lnTo>
                  <a:pt x="12723" y="2288"/>
                </a:lnTo>
                <a:lnTo>
                  <a:pt x="12741" y="2299"/>
                </a:lnTo>
                <a:lnTo>
                  <a:pt x="12762" y="2310"/>
                </a:lnTo>
                <a:lnTo>
                  <a:pt x="12784" y="2320"/>
                </a:lnTo>
                <a:lnTo>
                  <a:pt x="12807" y="2329"/>
                </a:lnTo>
                <a:lnTo>
                  <a:pt x="12832" y="2338"/>
                </a:lnTo>
                <a:lnTo>
                  <a:pt x="12858" y="2344"/>
                </a:lnTo>
                <a:lnTo>
                  <a:pt x="12887" y="2351"/>
                </a:lnTo>
                <a:lnTo>
                  <a:pt x="12916" y="2356"/>
                </a:lnTo>
                <a:lnTo>
                  <a:pt x="12947" y="2361"/>
                </a:lnTo>
                <a:lnTo>
                  <a:pt x="12980" y="2363"/>
                </a:lnTo>
                <a:lnTo>
                  <a:pt x="13015" y="2365"/>
                </a:lnTo>
                <a:lnTo>
                  <a:pt x="13052" y="2365"/>
                </a:lnTo>
                <a:lnTo>
                  <a:pt x="13090" y="2365"/>
                </a:lnTo>
                <a:lnTo>
                  <a:pt x="13131" y="2363"/>
                </a:lnTo>
                <a:lnTo>
                  <a:pt x="13171" y="2360"/>
                </a:lnTo>
                <a:lnTo>
                  <a:pt x="13213" y="2354"/>
                </a:lnTo>
                <a:lnTo>
                  <a:pt x="13253" y="2349"/>
                </a:lnTo>
                <a:lnTo>
                  <a:pt x="13292" y="2341"/>
                </a:lnTo>
                <a:lnTo>
                  <a:pt x="13330" y="2333"/>
                </a:lnTo>
                <a:lnTo>
                  <a:pt x="13364" y="2325"/>
                </a:lnTo>
                <a:lnTo>
                  <a:pt x="13364" y="2220"/>
                </a:lnTo>
                <a:lnTo>
                  <a:pt x="13351" y="2226"/>
                </a:lnTo>
                <a:lnTo>
                  <a:pt x="13336" y="2231"/>
                </a:lnTo>
                <a:lnTo>
                  <a:pt x="13321" y="2237"/>
                </a:lnTo>
                <a:lnTo>
                  <a:pt x="13305" y="2242"/>
                </a:lnTo>
                <a:lnTo>
                  <a:pt x="13267" y="2252"/>
                </a:lnTo>
                <a:lnTo>
                  <a:pt x="13226" y="2261"/>
                </a:lnTo>
                <a:lnTo>
                  <a:pt x="13185" y="2267"/>
                </a:lnTo>
                <a:lnTo>
                  <a:pt x="13142" y="2273"/>
                </a:lnTo>
                <a:lnTo>
                  <a:pt x="13101" y="2276"/>
                </a:lnTo>
                <a:lnTo>
                  <a:pt x="13063" y="2277"/>
                </a:lnTo>
                <a:lnTo>
                  <a:pt x="13043" y="2277"/>
                </a:lnTo>
                <a:lnTo>
                  <a:pt x="13024" y="2276"/>
                </a:lnTo>
                <a:lnTo>
                  <a:pt x="13006" y="2275"/>
                </a:lnTo>
                <a:lnTo>
                  <a:pt x="12989" y="2273"/>
                </a:lnTo>
                <a:lnTo>
                  <a:pt x="12971" y="2270"/>
                </a:lnTo>
                <a:lnTo>
                  <a:pt x="12955" y="2266"/>
                </a:lnTo>
                <a:lnTo>
                  <a:pt x="12938" y="2263"/>
                </a:lnTo>
                <a:lnTo>
                  <a:pt x="12923" y="2259"/>
                </a:lnTo>
                <a:lnTo>
                  <a:pt x="12907" y="2253"/>
                </a:lnTo>
                <a:lnTo>
                  <a:pt x="12892" y="2248"/>
                </a:lnTo>
                <a:lnTo>
                  <a:pt x="12878" y="2241"/>
                </a:lnTo>
                <a:lnTo>
                  <a:pt x="12865" y="2234"/>
                </a:lnTo>
                <a:lnTo>
                  <a:pt x="12851" y="2227"/>
                </a:lnTo>
                <a:lnTo>
                  <a:pt x="12839" y="2219"/>
                </a:lnTo>
                <a:lnTo>
                  <a:pt x="12827" y="2211"/>
                </a:lnTo>
                <a:lnTo>
                  <a:pt x="12815" y="2203"/>
                </a:lnTo>
                <a:lnTo>
                  <a:pt x="12804" y="2193"/>
                </a:lnTo>
                <a:lnTo>
                  <a:pt x="12794" y="2183"/>
                </a:lnTo>
                <a:lnTo>
                  <a:pt x="12784" y="2173"/>
                </a:lnTo>
                <a:lnTo>
                  <a:pt x="12775" y="2162"/>
                </a:lnTo>
                <a:lnTo>
                  <a:pt x="12768" y="2151"/>
                </a:lnTo>
                <a:lnTo>
                  <a:pt x="12760" y="2139"/>
                </a:lnTo>
                <a:lnTo>
                  <a:pt x="12752" y="2127"/>
                </a:lnTo>
                <a:lnTo>
                  <a:pt x="12746" y="2115"/>
                </a:lnTo>
                <a:lnTo>
                  <a:pt x="12740" y="2102"/>
                </a:lnTo>
                <a:lnTo>
                  <a:pt x="12736" y="2088"/>
                </a:lnTo>
                <a:lnTo>
                  <a:pt x="12731" y="2074"/>
                </a:lnTo>
                <a:lnTo>
                  <a:pt x="12727" y="2060"/>
                </a:lnTo>
                <a:lnTo>
                  <a:pt x="12725" y="2046"/>
                </a:lnTo>
                <a:lnTo>
                  <a:pt x="12723" y="2030"/>
                </a:lnTo>
                <a:lnTo>
                  <a:pt x="12720" y="2015"/>
                </a:lnTo>
                <a:lnTo>
                  <a:pt x="12720" y="2000"/>
                </a:lnTo>
                <a:lnTo>
                  <a:pt x="12723" y="2000"/>
                </a:lnTo>
                <a:lnTo>
                  <a:pt x="12733" y="2000"/>
                </a:lnTo>
                <a:lnTo>
                  <a:pt x="12760" y="2000"/>
                </a:lnTo>
                <a:lnTo>
                  <a:pt x="12814" y="2000"/>
                </a:lnTo>
                <a:lnTo>
                  <a:pt x="12900" y="2000"/>
                </a:lnTo>
                <a:lnTo>
                  <a:pt x="13027" y="2000"/>
                </a:lnTo>
                <a:lnTo>
                  <a:pt x="13206" y="2000"/>
                </a:lnTo>
                <a:lnTo>
                  <a:pt x="13441" y="2000"/>
                </a:lnTo>
                <a:close/>
                <a:moveTo>
                  <a:pt x="12222" y="2350"/>
                </a:moveTo>
                <a:lnTo>
                  <a:pt x="12222" y="1234"/>
                </a:lnTo>
                <a:lnTo>
                  <a:pt x="12356" y="1234"/>
                </a:lnTo>
                <a:lnTo>
                  <a:pt x="12361" y="1234"/>
                </a:lnTo>
                <a:lnTo>
                  <a:pt x="12361" y="2350"/>
                </a:lnTo>
                <a:lnTo>
                  <a:pt x="12222" y="2350"/>
                </a:lnTo>
                <a:close/>
                <a:moveTo>
                  <a:pt x="11502" y="1409"/>
                </a:moveTo>
                <a:lnTo>
                  <a:pt x="11502" y="1767"/>
                </a:lnTo>
                <a:lnTo>
                  <a:pt x="11503" y="1767"/>
                </a:lnTo>
                <a:lnTo>
                  <a:pt x="11510" y="1767"/>
                </a:lnTo>
                <a:lnTo>
                  <a:pt x="11531" y="1767"/>
                </a:lnTo>
                <a:lnTo>
                  <a:pt x="11570" y="1767"/>
                </a:lnTo>
                <a:lnTo>
                  <a:pt x="11633" y="1767"/>
                </a:lnTo>
                <a:lnTo>
                  <a:pt x="11725" y="1767"/>
                </a:lnTo>
                <a:lnTo>
                  <a:pt x="11853" y="1767"/>
                </a:lnTo>
                <a:lnTo>
                  <a:pt x="12022" y="1767"/>
                </a:lnTo>
                <a:lnTo>
                  <a:pt x="12022" y="1863"/>
                </a:lnTo>
                <a:lnTo>
                  <a:pt x="11853" y="1863"/>
                </a:lnTo>
                <a:lnTo>
                  <a:pt x="11725" y="1863"/>
                </a:lnTo>
                <a:lnTo>
                  <a:pt x="11633" y="1863"/>
                </a:lnTo>
                <a:lnTo>
                  <a:pt x="11570" y="1863"/>
                </a:lnTo>
                <a:lnTo>
                  <a:pt x="11531" y="1863"/>
                </a:lnTo>
                <a:lnTo>
                  <a:pt x="11510" y="1863"/>
                </a:lnTo>
                <a:lnTo>
                  <a:pt x="11503" y="1863"/>
                </a:lnTo>
                <a:lnTo>
                  <a:pt x="11502" y="1863"/>
                </a:lnTo>
                <a:lnTo>
                  <a:pt x="11502" y="1864"/>
                </a:lnTo>
                <a:lnTo>
                  <a:pt x="11502" y="1872"/>
                </a:lnTo>
                <a:lnTo>
                  <a:pt x="11502" y="1892"/>
                </a:lnTo>
                <a:lnTo>
                  <a:pt x="11502" y="1928"/>
                </a:lnTo>
                <a:lnTo>
                  <a:pt x="11502" y="1986"/>
                </a:lnTo>
                <a:lnTo>
                  <a:pt x="11502" y="2073"/>
                </a:lnTo>
                <a:lnTo>
                  <a:pt x="11502" y="2192"/>
                </a:lnTo>
                <a:lnTo>
                  <a:pt x="11502" y="2350"/>
                </a:lnTo>
                <a:lnTo>
                  <a:pt x="11351" y="2350"/>
                </a:lnTo>
                <a:lnTo>
                  <a:pt x="11351" y="1310"/>
                </a:lnTo>
                <a:lnTo>
                  <a:pt x="12047" y="1310"/>
                </a:lnTo>
                <a:lnTo>
                  <a:pt x="12047" y="1409"/>
                </a:lnTo>
                <a:lnTo>
                  <a:pt x="11869" y="1409"/>
                </a:lnTo>
                <a:lnTo>
                  <a:pt x="11735" y="1409"/>
                </a:lnTo>
                <a:lnTo>
                  <a:pt x="11638" y="1409"/>
                </a:lnTo>
                <a:lnTo>
                  <a:pt x="11573" y="1409"/>
                </a:lnTo>
                <a:lnTo>
                  <a:pt x="11532" y="1409"/>
                </a:lnTo>
                <a:lnTo>
                  <a:pt x="11512" y="1409"/>
                </a:lnTo>
                <a:lnTo>
                  <a:pt x="11503" y="1409"/>
                </a:lnTo>
                <a:lnTo>
                  <a:pt x="11502" y="1409"/>
                </a:lnTo>
                <a:close/>
                <a:moveTo>
                  <a:pt x="7493" y="1528"/>
                </a:moveTo>
                <a:lnTo>
                  <a:pt x="7473" y="1528"/>
                </a:lnTo>
                <a:lnTo>
                  <a:pt x="7453" y="1530"/>
                </a:lnTo>
                <a:lnTo>
                  <a:pt x="7433" y="1532"/>
                </a:lnTo>
                <a:lnTo>
                  <a:pt x="7413" y="1535"/>
                </a:lnTo>
                <a:lnTo>
                  <a:pt x="7394" y="1538"/>
                </a:lnTo>
                <a:lnTo>
                  <a:pt x="7376" y="1543"/>
                </a:lnTo>
                <a:lnTo>
                  <a:pt x="7357" y="1549"/>
                </a:lnTo>
                <a:lnTo>
                  <a:pt x="7339" y="1556"/>
                </a:lnTo>
                <a:lnTo>
                  <a:pt x="7322" y="1565"/>
                </a:lnTo>
                <a:lnTo>
                  <a:pt x="7305" y="1575"/>
                </a:lnTo>
                <a:lnTo>
                  <a:pt x="7289" y="1586"/>
                </a:lnTo>
                <a:lnTo>
                  <a:pt x="7273" y="1599"/>
                </a:lnTo>
                <a:lnTo>
                  <a:pt x="7258" y="1613"/>
                </a:lnTo>
                <a:lnTo>
                  <a:pt x="7244" y="1629"/>
                </a:lnTo>
                <a:lnTo>
                  <a:pt x="7230" y="1647"/>
                </a:lnTo>
                <a:lnTo>
                  <a:pt x="7218" y="1667"/>
                </a:lnTo>
                <a:lnTo>
                  <a:pt x="7215" y="1667"/>
                </a:lnTo>
                <a:lnTo>
                  <a:pt x="7215" y="1545"/>
                </a:lnTo>
                <a:lnTo>
                  <a:pt x="6970" y="1545"/>
                </a:lnTo>
                <a:lnTo>
                  <a:pt x="6970" y="2349"/>
                </a:lnTo>
                <a:lnTo>
                  <a:pt x="7236" y="2349"/>
                </a:lnTo>
                <a:lnTo>
                  <a:pt x="7236" y="1956"/>
                </a:lnTo>
                <a:lnTo>
                  <a:pt x="7237" y="1926"/>
                </a:lnTo>
                <a:lnTo>
                  <a:pt x="7238" y="1900"/>
                </a:lnTo>
                <a:lnTo>
                  <a:pt x="7241" y="1875"/>
                </a:lnTo>
                <a:lnTo>
                  <a:pt x="7246" y="1853"/>
                </a:lnTo>
                <a:lnTo>
                  <a:pt x="7250" y="1835"/>
                </a:lnTo>
                <a:lnTo>
                  <a:pt x="7256" y="1818"/>
                </a:lnTo>
                <a:lnTo>
                  <a:pt x="7261" y="1804"/>
                </a:lnTo>
                <a:lnTo>
                  <a:pt x="7268" y="1792"/>
                </a:lnTo>
                <a:lnTo>
                  <a:pt x="7279" y="1774"/>
                </a:lnTo>
                <a:lnTo>
                  <a:pt x="7291" y="1760"/>
                </a:lnTo>
                <a:lnTo>
                  <a:pt x="7297" y="1752"/>
                </a:lnTo>
                <a:lnTo>
                  <a:pt x="7305" y="1746"/>
                </a:lnTo>
                <a:lnTo>
                  <a:pt x="7312" y="1740"/>
                </a:lnTo>
                <a:lnTo>
                  <a:pt x="7321" y="1735"/>
                </a:lnTo>
                <a:lnTo>
                  <a:pt x="7328" y="1729"/>
                </a:lnTo>
                <a:lnTo>
                  <a:pt x="7337" y="1725"/>
                </a:lnTo>
                <a:lnTo>
                  <a:pt x="7347" y="1721"/>
                </a:lnTo>
                <a:lnTo>
                  <a:pt x="7357" y="1717"/>
                </a:lnTo>
                <a:lnTo>
                  <a:pt x="7378" y="1711"/>
                </a:lnTo>
                <a:lnTo>
                  <a:pt x="7403" y="1706"/>
                </a:lnTo>
                <a:lnTo>
                  <a:pt x="7417" y="1705"/>
                </a:lnTo>
                <a:lnTo>
                  <a:pt x="7432" y="1704"/>
                </a:lnTo>
                <a:lnTo>
                  <a:pt x="7448" y="1705"/>
                </a:lnTo>
                <a:lnTo>
                  <a:pt x="7465" y="1706"/>
                </a:lnTo>
                <a:lnTo>
                  <a:pt x="7480" y="1710"/>
                </a:lnTo>
                <a:lnTo>
                  <a:pt x="7497" y="1714"/>
                </a:lnTo>
                <a:lnTo>
                  <a:pt x="7512" y="1720"/>
                </a:lnTo>
                <a:lnTo>
                  <a:pt x="7526" y="1726"/>
                </a:lnTo>
                <a:lnTo>
                  <a:pt x="7645" y="1556"/>
                </a:lnTo>
                <a:lnTo>
                  <a:pt x="7627" y="1550"/>
                </a:lnTo>
                <a:lnTo>
                  <a:pt x="7609" y="1544"/>
                </a:lnTo>
                <a:lnTo>
                  <a:pt x="7591" y="1539"/>
                </a:lnTo>
                <a:lnTo>
                  <a:pt x="7574" y="1535"/>
                </a:lnTo>
                <a:lnTo>
                  <a:pt x="7555" y="1533"/>
                </a:lnTo>
                <a:lnTo>
                  <a:pt x="7536" y="1531"/>
                </a:lnTo>
                <a:lnTo>
                  <a:pt x="7515" y="1528"/>
                </a:lnTo>
                <a:lnTo>
                  <a:pt x="7493" y="1528"/>
                </a:lnTo>
                <a:close/>
                <a:moveTo>
                  <a:pt x="2279" y="1310"/>
                </a:moveTo>
                <a:lnTo>
                  <a:pt x="2279" y="1941"/>
                </a:lnTo>
                <a:lnTo>
                  <a:pt x="2278" y="1968"/>
                </a:lnTo>
                <a:lnTo>
                  <a:pt x="2276" y="1993"/>
                </a:lnTo>
                <a:lnTo>
                  <a:pt x="2272" y="2016"/>
                </a:lnTo>
                <a:lnTo>
                  <a:pt x="2266" y="2038"/>
                </a:lnTo>
                <a:lnTo>
                  <a:pt x="2259" y="2059"/>
                </a:lnTo>
                <a:lnTo>
                  <a:pt x="2251" y="2077"/>
                </a:lnTo>
                <a:lnTo>
                  <a:pt x="2245" y="2086"/>
                </a:lnTo>
                <a:lnTo>
                  <a:pt x="2240" y="2095"/>
                </a:lnTo>
                <a:lnTo>
                  <a:pt x="2234" y="2103"/>
                </a:lnTo>
                <a:lnTo>
                  <a:pt x="2228" y="2110"/>
                </a:lnTo>
                <a:lnTo>
                  <a:pt x="2221" y="2118"/>
                </a:lnTo>
                <a:lnTo>
                  <a:pt x="2214" y="2125"/>
                </a:lnTo>
                <a:lnTo>
                  <a:pt x="2207" y="2131"/>
                </a:lnTo>
                <a:lnTo>
                  <a:pt x="2198" y="2138"/>
                </a:lnTo>
                <a:lnTo>
                  <a:pt x="2190" y="2143"/>
                </a:lnTo>
                <a:lnTo>
                  <a:pt x="2181" y="2148"/>
                </a:lnTo>
                <a:lnTo>
                  <a:pt x="2171" y="2153"/>
                </a:lnTo>
                <a:lnTo>
                  <a:pt x="2162" y="2158"/>
                </a:lnTo>
                <a:lnTo>
                  <a:pt x="2152" y="2161"/>
                </a:lnTo>
                <a:lnTo>
                  <a:pt x="2141" y="2164"/>
                </a:lnTo>
                <a:lnTo>
                  <a:pt x="2130" y="2168"/>
                </a:lnTo>
                <a:lnTo>
                  <a:pt x="2119" y="2170"/>
                </a:lnTo>
                <a:lnTo>
                  <a:pt x="2093" y="2173"/>
                </a:lnTo>
                <a:lnTo>
                  <a:pt x="2067" y="2174"/>
                </a:lnTo>
                <a:lnTo>
                  <a:pt x="2047" y="2174"/>
                </a:lnTo>
                <a:lnTo>
                  <a:pt x="2023" y="2174"/>
                </a:lnTo>
                <a:lnTo>
                  <a:pt x="1995" y="2173"/>
                </a:lnTo>
                <a:lnTo>
                  <a:pt x="1965" y="2171"/>
                </a:lnTo>
                <a:lnTo>
                  <a:pt x="1933" y="2169"/>
                </a:lnTo>
                <a:lnTo>
                  <a:pt x="1900" y="2164"/>
                </a:lnTo>
                <a:lnTo>
                  <a:pt x="1867" y="2160"/>
                </a:lnTo>
                <a:lnTo>
                  <a:pt x="1833" y="2153"/>
                </a:lnTo>
                <a:lnTo>
                  <a:pt x="1833" y="2351"/>
                </a:lnTo>
                <a:lnTo>
                  <a:pt x="1867" y="2355"/>
                </a:lnTo>
                <a:lnTo>
                  <a:pt x="1902" y="2359"/>
                </a:lnTo>
                <a:lnTo>
                  <a:pt x="1938" y="2362"/>
                </a:lnTo>
                <a:lnTo>
                  <a:pt x="1975" y="2364"/>
                </a:lnTo>
                <a:lnTo>
                  <a:pt x="2011" y="2366"/>
                </a:lnTo>
                <a:lnTo>
                  <a:pt x="2047" y="2367"/>
                </a:lnTo>
                <a:lnTo>
                  <a:pt x="2082" y="2367"/>
                </a:lnTo>
                <a:lnTo>
                  <a:pt x="2115" y="2367"/>
                </a:lnTo>
                <a:lnTo>
                  <a:pt x="2143" y="2367"/>
                </a:lnTo>
                <a:lnTo>
                  <a:pt x="2168" y="2366"/>
                </a:lnTo>
                <a:lnTo>
                  <a:pt x="2195" y="2364"/>
                </a:lnTo>
                <a:lnTo>
                  <a:pt x="2219" y="2361"/>
                </a:lnTo>
                <a:lnTo>
                  <a:pt x="2243" y="2356"/>
                </a:lnTo>
                <a:lnTo>
                  <a:pt x="2267" y="2352"/>
                </a:lnTo>
                <a:lnTo>
                  <a:pt x="2289" y="2346"/>
                </a:lnTo>
                <a:lnTo>
                  <a:pt x="2311" y="2340"/>
                </a:lnTo>
                <a:lnTo>
                  <a:pt x="2333" y="2333"/>
                </a:lnTo>
                <a:lnTo>
                  <a:pt x="2353" y="2325"/>
                </a:lnTo>
                <a:lnTo>
                  <a:pt x="2373" y="2316"/>
                </a:lnTo>
                <a:lnTo>
                  <a:pt x="2393" y="2307"/>
                </a:lnTo>
                <a:lnTo>
                  <a:pt x="2410" y="2296"/>
                </a:lnTo>
                <a:lnTo>
                  <a:pt x="2428" y="2285"/>
                </a:lnTo>
                <a:lnTo>
                  <a:pt x="2444" y="2274"/>
                </a:lnTo>
                <a:lnTo>
                  <a:pt x="2460" y="2261"/>
                </a:lnTo>
                <a:lnTo>
                  <a:pt x="2474" y="2248"/>
                </a:lnTo>
                <a:lnTo>
                  <a:pt x="2488" y="2234"/>
                </a:lnTo>
                <a:lnTo>
                  <a:pt x="2501" y="2220"/>
                </a:lnTo>
                <a:lnTo>
                  <a:pt x="2514" y="2205"/>
                </a:lnTo>
                <a:lnTo>
                  <a:pt x="2525" y="2188"/>
                </a:lnTo>
                <a:lnTo>
                  <a:pt x="2536" y="2173"/>
                </a:lnTo>
                <a:lnTo>
                  <a:pt x="2544" y="2155"/>
                </a:lnTo>
                <a:lnTo>
                  <a:pt x="2553" y="2138"/>
                </a:lnTo>
                <a:lnTo>
                  <a:pt x="2561" y="2119"/>
                </a:lnTo>
                <a:lnTo>
                  <a:pt x="2567" y="2101"/>
                </a:lnTo>
                <a:lnTo>
                  <a:pt x="2573" y="2082"/>
                </a:lnTo>
                <a:lnTo>
                  <a:pt x="2577" y="2061"/>
                </a:lnTo>
                <a:lnTo>
                  <a:pt x="2581" y="2041"/>
                </a:lnTo>
                <a:lnTo>
                  <a:pt x="2583" y="2020"/>
                </a:lnTo>
                <a:lnTo>
                  <a:pt x="2585" y="1998"/>
                </a:lnTo>
                <a:lnTo>
                  <a:pt x="2585" y="1976"/>
                </a:lnTo>
                <a:lnTo>
                  <a:pt x="2585" y="1310"/>
                </a:lnTo>
                <a:lnTo>
                  <a:pt x="2279" y="1310"/>
                </a:lnTo>
                <a:close/>
                <a:moveTo>
                  <a:pt x="9404" y="2132"/>
                </a:moveTo>
                <a:lnTo>
                  <a:pt x="9389" y="2143"/>
                </a:lnTo>
                <a:lnTo>
                  <a:pt x="9373" y="2154"/>
                </a:lnTo>
                <a:lnTo>
                  <a:pt x="9358" y="2163"/>
                </a:lnTo>
                <a:lnTo>
                  <a:pt x="9342" y="2172"/>
                </a:lnTo>
                <a:lnTo>
                  <a:pt x="9327" y="2178"/>
                </a:lnTo>
                <a:lnTo>
                  <a:pt x="9312" y="2185"/>
                </a:lnTo>
                <a:lnTo>
                  <a:pt x="9296" y="2192"/>
                </a:lnTo>
                <a:lnTo>
                  <a:pt x="9281" y="2196"/>
                </a:lnTo>
                <a:lnTo>
                  <a:pt x="9266" y="2200"/>
                </a:lnTo>
                <a:lnTo>
                  <a:pt x="9251" y="2205"/>
                </a:lnTo>
                <a:lnTo>
                  <a:pt x="9237" y="2208"/>
                </a:lnTo>
                <a:lnTo>
                  <a:pt x="9221" y="2210"/>
                </a:lnTo>
                <a:lnTo>
                  <a:pt x="9193" y="2214"/>
                </a:lnTo>
                <a:lnTo>
                  <a:pt x="9165" y="2216"/>
                </a:lnTo>
                <a:lnTo>
                  <a:pt x="9149" y="2216"/>
                </a:lnTo>
                <a:lnTo>
                  <a:pt x="9133" y="2216"/>
                </a:lnTo>
                <a:lnTo>
                  <a:pt x="9118" y="2214"/>
                </a:lnTo>
                <a:lnTo>
                  <a:pt x="9105" y="2211"/>
                </a:lnTo>
                <a:lnTo>
                  <a:pt x="9092" y="2209"/>
                </a:lnTo>
                <a:lnTo>
                  <a:pt x="9078" y="2205"/>
                </a:lnTo>
                <a:lnTo>
                  <a:pt x="9067" y="2199"/>
                </a:lnTo>
                <a:lnTo>
                  <a:pt x="9057" y="2194"/>
                </a:lnTo>
                <a:lnTo>
                  <a:pt x="9048" y="2187"/>
                </a:lnTo>
                <a:lnTo>
                  <a:pt x="9040" y="2178"/>
                </a:lnTo>
                <a:lnTo>
                  <a:pt x="9032" y="2170"/>
                </a:lnTo>
                <a:lnTo>
                  <a:pt x="9027" y="2160"/>
                </a:lnTo>
                <a:lnTo>
                  <a:pt x="9022" y="2149"/>
                </a:lnTo>
                <a:lnTo>
                  <a:pt x="9019" y="2136"/>
                </a:lnTo>
                <a:lnTo>
                  <a:pt x="9017" y="2122"/>
                </a:lnTo>
                <a:lnTo>
                  <a:pt x="9016" y="2107"/>
                </a:lnTo>
                <a:lnTo>
                  <a:pt x="9016" y="2098"/>
                </a:lnTo>
                <a:lnTo>
                  <a:pt x="9017" y="2090"/>
                </a:lnTo>
                <a:lnTo>
                  <a:pt x="9019" y="2082"/>
                </a:lnTo>
                <a:lnTo>
                  <a:pt x="9022" y="2074"/>
                </a:lnTo>
                <a:lnTo>
                  <a:pt x="9026" y="2066"/>
                </a:lnTo>
                <a:lnTo>
                  <a:pt x="9030" y="2060"/>
                </a:lnTo>
                <a:lnTo>
                  <a:pt x="9034" y="2053"/>
                </a:lnTo>
                <a:lnTo>
                  <a:pt x="9040" y="2048"/>
                </a:lnTo>
                <a:lnTo>
                  <a:pt x="9046" y="2042"/>
                </a:lnTo>
                <a:lnTo>
                  <a:pt x="9053" y="2037"/>
                </a:lnTo>
                <a:lnTo>
                  <a:pt x="9061" y="2032"/>
                </a:lnTo>
                <a:lnTo>
                  <a:pt x="9070" y="2028"/>
                </a:lnTo>
                <a:lnTo>
                  <a:pt x="9087" y="2019"/>
                </a:lnTo>
                <a:lnTo>
                  <a:pt x="9107" y="2013"/>
                </a:lnTo>
                <a:lnTo>
                  <a:pt x="9128" y="2007"/>
                </a:lnTo>
                <a:lnTo>
                  <a:pt x="9151" y="2003"/>
                </a:lnTo>
                <a:lnTo>
                  <a:pt x="9176" y="2000"/>
                </a:lnTo>
                <a:lnTo>
                  <a:pt x="9203" y="1996"/>
                </a:lnTo>
                <a:lnTo>
                  <a:pt x="9229" y="1994"/>
                </a:lnTo>
                <a:lnTo>
                  <a:pt x="9258" y="1993"/>
                </a:lnTo>
                <a:lnTo>
                  <a:pt x="9286" y="1993"/>
                </a:lnTo>
                <a:lnTo>
                  <a:pt x="9316" y="1992"/>
                </a:lnTo>
                <a:lnTo>
                  <a:pt x="9404" y="1992"/>
                </a:lnTo>
                <a:lnTo>
                  <a:pt x="9404" y="2132"/>
                </a:lnTo>
                <a:close/>
                <a:moveTo>
                  <a:pt x="8124" y="2187"/>
                </a:moveTo>
                <a:lnTo>
                  <a:pt x="8110" y="2187"/>
                </a:lnTo>
                <a:lnTo>
                  <a:pt x="8097" y="2186"/>
                </a:lnTo>
                <a:lnTo>
                  <a:pt x="8084" y="2184"/>
                </a:lnTo>
                <a:lnTo>
                  <a:pt x="8072" y="2182"/>
                </a:lnTo>
                <a:lnTo>
                  <a:pt x="8060" y="2178"/>
                </a:lnTo>
                <a:lnTo>
                  <a:pt x="8048" y="2175"/>
                </a:lnTo>
                <a:lnTo>
                  <a:pt x="8037" y="2171"/>
                </a:lnTo>
                <a:lnTo>
                  <a:pt x="8027" y="2166"/>
                </a:lnTo>
                <a:lnTo>
                  <a:pt x="8016" y="2162"/>
                </a:lnTo>
                <a:lnTo>
                  <a:pt x="8007" y="2155"/>
                </a:lnTo>
                <a:lnTo>
                  <a:pt x="7997" y="2150"/>
                </a:lnTo>
                <a:lnTo>
                  <a:pt x="7988" y="2143"/>
                </a:lnTo>
                <a:lnTo>
                  <a:pt x="7979" y="2136"/>
                </a:lnTo>
                <a:lnTo>
                  <a:pt x="7972" y="2128"/>
                </a:lnTo>
                <a:lnTo>
                  <a:pt x="7964" y="2120"/>
                </a:lnTo>
                <a:lnTo>
                  <a:pt x="7957" y="2113"/>
                </a:lnTo>
                <a:lnTo>
                  <a:pt x="7944" y="2095"/>
                </a:lnTo>
                <a:lnTo>
                  <a:pt x="7933" y="2076"/>
                </a:lnTo>
                <a:lnTo>
                  <a:pt x="7924" y="2056"/>
                </a:lnTo>
                <a:lnTo>
                  <a:pt x="7917" y="2035"/>
                </a:lnTo>
                <a:lnTo>
                  <a:pt x="7910" y="2014"/>
                </a:lnTo>
                <a:lnTo>
                  <a:pt x="7906" y="1991"/>
                </a:lnTo>
                <a:lnTo>
                  <a:pt x="7904" y="1969"/>
                </a:lnTo>
                <a:lnTo>
                  <a:pt x="7902" y="1946"/>
                </a:lnTo>
                <a:lnTo>
                  <a:pt x="7904" y="1923"/>
                </a:lnTo>
                <a:lnTo>
                  <a:pt x="7906" y="1900"/>
                </a:lnTo>
                <a:lnTo>
                  <a:pt x="7909" y="1877"/>
                </a:lnTo>
                <a:lnTo>
                  <a:pt x="7915" y="1855"/>
                </a:lnTo>
                <a:lnTo>
                  <a:pt x="7921" y="1833"/>
                </a:lnTo>
                <a:lnTo>
                  <a:pt x="7930" y="1812"/>
                </a:lnTo>
                <a:lnTo>
                  <a:pt x="7935" y="1802"/>
                </a:lnTo>
                <a:lnTo>
                  <a:pt x="7941" y="1792"/>
                </a:lnTo>
                <a:lnTo>
                  <a:pt x="7946" y="1783"/>
                </a:lnTo>
                <a:lnTo>
                  <a:pt x="7953" y="1773"/>
                </a:lnTo>
                <a:lnTo>
                  <a:pt x="7961" y="1765"/>
                </a:lnTo>
                <a:lnTo>
                  <a:pt x="7968" y="1757"/>
                </a:lnTo>
                <a:lnTo>
                  <a:pt x="7976" y="1748"/>
                </a:lnTo>
                <a:lnTo>
                  <a:pt x="7985" y="1740"/>
                </a:lnTo>
                <a:lnTo>
                  <a:pt x="7994" y="1734"/>
                </a:lnTo>
                <a:lnTo>
                  <a:pt x="8004" y="1727"/>
                </a:lnTo>
                <a:lnTo>
                  <a:pt x="8014" y="1721"/>
                </a:lnTo>
                <a:lnTo>
                  <a:pt x="8025" y="1715"/>
                </a:lnTo>
                <a:lnTo>
                  <a:pt x="8036" y="1711"/>
                </a:lnTo>
                <a:lnTo>
                  <a:pt x="8048" y="1706"/>
                </a:lnTo>
                <a:lnTo>
                  <a:pt x="8061" y="1702"/>
                </a:lnTo>
                <a:lnTo>
                  <a:pt x="8074" y="1699"/>
                </a:lnTo>
                <a:lnTo>
                  <a:pt x="8087" y="1696"/>
                </a:lnTo>
                <a:lnTo>
                  <a:pt x="8103" y="1694"/>
                </a:lnTo>
                <a:lnTo>
                  <a:pt x="8117" y="1693"/>
                </a:lnTo>
                <a:lnTo>
                  <a:pt x="8133" y="1693"/>
                </a:lnTo>
                <a:lnTo>
                  <a:pt x="8147" y="1693"/>
                </a:lnTo>
                <a:lnTo>
                  <a:pt x="8160" y="1694"/>
                </a:lnTo>
                <a:lnTo>
                  <a:pt x="8173" y="1696"/>
                </a:lnTo>
                <a:lnTo>
                  <a:pt x="8186" y="1699"/>
                </a:lnTo>
                <a:lnTo>
                  <a:pt x="8198" y="1701"/>
                </a:lnTo>
                <a:lnTo>
                  <a:pt x="8209" y="1704"/>
                </a:lnTo>
                <a:lnTo>
                  <a:pt x="8220" y="1709"/>
                </a:lnTo>
                <a:lnTo>
                  <a:pt x="8231" y="1713"/>
                </a:lnTo>
                <a:lnTo>
                  <a:pt x="8241" y="1717"/>
                </a:lnTo>
                <a:lnTo>
                  <a:pt x="8251" y="1723"/>
                </a:lnTo>
                <a:lnTo>
                  <a:pt x="8260" y="1729"/>
                </a:lnTo>
                <a:lnTo>
                  <a:pt x="8269" y="1736"/>
                </a:lnTo>
                <a:lnTo>
                  <a:pt x="8278" y="1743"/>
                </a:lnTo>
                <a:lnTo>
                  <a:pt x="8285" y="1750"/>
                </a:lnTo>
                <a:lnTo>
                  <a:pt x="8293" y="1758"/>
                </a:lnTo>
                <a:lnTo>
                  <a:pt x="8300" y="1766"/>
                </a:lnTo>
                <a:lnTo>
                  <a:pt x="8312" y="1783"/>
                </a:lnTo>
                <a:lnTo>
                  <a:pt x="8323" y="1803"/>
                </a:lnTo>
                <a:lnTo>
                  <a:pt x="8333" y="1823"/>
                </a:lnTo>
                <a:lnTo>
                  <a:pt x="8339" y="1845"/>
                </a:lnTo>
                <a:lnTo>
                  <a:pt x="8346" y="1868"/>
                </a:lnTo>
                <a:lnTo>
                  <a:pt x="8349" y="1891"/>
                </a:lnTo>
                <a:lnTo>
                  <a:pt x="8352" y="1916"/>
                </a:lnTo>
                <a:lnTo>
                  <a:pt x="8352" y="1941"/>
                </a:lnTo>
                <a:lnTo>
                  <a:pt x="8352" y="1963"/>
                </a:lnTo>
                <a:lnTo>
                  <a:pt x="8350" y="1985"/>
                </a:lnTo>
                <a:lnTo>
                  <a:pt x="8346" y="2007"/>
                </a:lnTo>
                <a:lnTo>
                  <a:pt x="8340" y="2029"/>
                </a:lnTo>
                <a:lnTo>
                  <a:pt x="8334" y="2050"/>
                </a:lnTo>
                <a:lnTo>
                  <a:pt x="8325" y="2070"/>
                </a:lnTo>
                <a:lnTo>
                  <a:pt x="8314" y="2090"/>
                </a:lnTo>
                <a:lnTo>
                  <a:pt x="8301" y="2108"/>
                </a:lnTo>
                <a:lnTo>
                  <a:pt x="8294" y="2117"/>
                </a:lnTo>
                <a:lnTo>
                  <a:pt x="8286" y="2125"/>
                </a:lnTo>
                <a:lnTo>
                  <a:pt x="8279" y="2132"/>
                </a:lnTo>
                <a:lnTo>
                  <a:pt x="8270" y="2140"/>
                </a:lnTo>
                <a:lnTo>
                  <a:pt x="8261" y="2147"/>
                </a:lnTo>
                <a:lnTo>
                  <a:pt x="8251" y="2153"/>
                </a:lnTo>
                <a:lnTo>
                  <a:pt x="8241" y="2160"/>
                </a:lnTo>
                <a:lnTo>
                  <a:pt x="8230" y="2165"/>
                </a:lnTo>
                <a:lnTo>
                  <a:pt x="8219" y="2170"/>
                </a:lnTo>
                <a:lnTo>
                  <a:pt x="8207" y="2174"/>
                </a:lnTo>
                <a:lnTo>
                  <a:pt x="8195" y="2178"/>
                </a:lnTo>
                <a:lnTo>
                  <a:pt x="8182" y="2182"/>
                </a:lnTo>
                <a:lnTo>
                  <a:pt x="8169" y="2184"/>
                </a:lnTo>
                <a:lnTo>
                  <a:pt x="8154" y="2186"/>
                </a:lnTo>
                <a:lnTo>
                  <a:pt x="8139" y="2187"/>
                </a:lnTo>
                <a:lnTo>
                  <a:pt x="8124" y="2187"/>
                </a:lnTo>
                <a:close/>
                <a:moveTo>
                  <a:pt x="6811" y="1946"/>
                </a:moveTo>
                <a:lnTo>
                  <a:pt x="6810" y="1920"/>
                </a:lnTo>
                <a:lnTo>
                  <a:pt x="6808" y="1894"/>
                </a:lnTo>
                <a:lnTo>
                  <a:pt x="6805" y="1870"/>
                </a:lnTo>
                <a:lnTo>
                  <a:pt x="6800" y="1846"/>
                </a:lnTo>
                <a:lnTo>
                  <a:pt x="6795" y="1823"/>
                </a:lnTo>
                <a:lnTo>
                  <a:pt x="6787" y="1801"/>
                </a:lnTo>
                <a:lnTo>
                  <a:pt x="6779" y="1779"/>
                </a:lnTo>
                <a:lnTo>
                  <a:pt x="6771" y="1759"/>
                </a:lnTo>
                <a:lnTo>
                  <a:pt x="6760" y="1739"/>
                </a:lnTo>
                <a:lnTo>
                  <a:pt x="6749" y="1721"/>
                </a:lnTo>
                <a:lnTo>
                  <a:pt x="6735" y="1702"/>
                </a:lnTo>
                <a:lnTo>
                  <a:pt x="6722" y="1685"/>
                </a:lnTo>
                <a:lnTo>
                  <a:pt x="6708" y="1669"/>
                </a:lnTo>
                <a:lnTo>
                  <a:pt x="6692" y="1654"/>
                </a:lnTo>
                <a:lnTo>
                  <a:pt x="6676" y="1638"/>
                </a:lnTo>
                <a:lnTo>
                  <a:pt x="6659" y="1625"/>
                </a:lnTo>
                <a:lnTo>
                  <a:pt x="6641" y="1612"/>
                </a:lnTo>
                <a:lnTo>
                  <a:pt x="6622" y="1600"/>
                </a:lnTo>
                <a:lnTo>
                  <a:pt x="6602" y="1589"/>
                </a:lnTo>
                <a:lnTo>
                  <a:pt x="6581" y="1578"/>
                </a:lnTo>
                <a:lnTo>
                  <a:pt x="6560" y="1569"/>
                </a:lnTo>
                <a:lnTo>
                  <a:pt x="6538" y="1560"/>
                </a:lnTo>
                <a:lnTo>
                  <a:pt x="6515" y="1552"/>
                </a:lnTo>
                <a:lnTo>
                  <a:pt x="6492" y="1545"/>
                </a:lnTo>
                <a:lnTo>
                  <a:pt x="6468" y="1538"/>
                </a:lnTo>
                <a:lnTo>
                  <a:pt x="6444" y="1533"/>
                </a:lnTo>
                <a:lnTo>
                  <a:pt x="6419" y="1528"/>
                </a:lnTo>
                <a:lnTo>
                  <a:pt x="6393" y="1525"/>
                </a:lnTo>
                <a:lnTo>
                  <a:pt x="6367" y="1522"/>
                </a:lnTo>
                <a:lnTo>
                  <a:pt x="6340" y="1520"/>
                </a:lnTo>
                <a:lnTo>
                  <a:pt x="6313" y="1519"/>
                </a:lnTo>
                <a:lnTo>
                  <a:pt x="6285" y="1519"/>
                </a:lnTo>
                <a:lnTo>
                  <a:pt x="6258" y="1519"/>
                </a:lnTo>
                <a:lnTo>
                  <a:pt x="6232" y="1520"/>
                </a:lnTo>
                <a:lnTo>
                  <a:pt x="6205" y="1522"/>
                </a:lnTo>
                <a:lnTo>
                  <a:pt x="6179" y="1525"/>
                </a:lnTo>
                <a:lnTo>
                  <a:pt x="6153" y="1528"/>
                </a:lnTo>
                <a:lnTo>
                  <a:pt x="6128" y="1533"/>
                </a:lnTo>
                <a:lnTo>
                  <a:pt x="6104" y="1538"/>
                </a:lnTo>
                <a:lnTo>
                  <a:pt x="6080" y="1545"/>
                </a:lnTo>
                <a:lnTo>
                  <a:pt x="6057" y="1552"/>
                </a:lnTo>
                <a:lnTo>
                  <a:pt x="6034" y="1560"/>
                </a:lnTo>
                <a:lnTo>
                  <a:pt x="6012" y="1569"/>
                </a:lnTo>
                <a:lnTo>
                  <a:pt x="5991" y="1578"/>
                </a:lnTo>
                <a:lnTo>
                  <a:pt x="5970" y="1589"/>
                </a:lnTo>
                <a:lnTo>
                  <a:pt x="5950" y="1600"/>
                </a:lnTo>
                <a:lnTo>
                  <a:pt x="5931" y="1612"/>
                </a:lnTo>
                <a:lnTo>
                  <a:pt x="5913" y="1625"/>
                </a:lnTo>
                <a:lnTo>
                  <a:pt x="5896" y="1638"/>
                </a:lnTo>
                <a:lnTo>
                  <a:pt x="5880" y="1654"/>
                </a:lnTo>
                <a:lnTo>
                  <a:pt x="5864" y="1669"/>
                </a:lnTo>
                <a:lnTo>
                  <a:pt x="5850" y="1685"/>
                </a:lnTo>
                <a:lnTo>
                  <a:pt x="5836" y="1702"/>
                </a:lnTo>
                <a:lnTo>
                  <a:pt x="5823" y="1721"/>
                </a:lnTo>
                <a:lnTo>
                  <a:pt x="5812" y="1739"/>
                </a:lnTo>
                <a:lnTo>
                  <a:pt x="5801" y="1759"/>
                </a:lnTo>
                <a:lnTo>
                  <a:pt x="5793" y="1779"/>
                </a:lnTo>
                <a:lnTo>
                  <a:pt x="5784" y="1801"/>
                </a:lnTo>
                <a:lnTo>
                  <a:pt x="5777" y="1823"/>
                </a:lnTo>
                <a:lnTo>
                  <a:pt x="5772" y="1846"/>
                </a:lnTo>
                <a:lnTo>
                  <a:pt x="5767" y="1870"/>
                </a:lnTo>
                <a:lnTo>
                  <a:pt x="5764" y="1894"/>
                </a:lnTo>
                <a:lnTo>
                  <a:pt x="5762" y="1920"/>
                </a:lnTo>
                <a:lnTo>
                  <a:pt x="5761" y="1946"/>
                </a:lnTo>
                <a:lnTo>
                  <a:pt x="5762" y="1972"/>
                </a:lnTo>
                <a:lnTo>
                  <a:pt x="5764" y="1998"/>
                </a:lnTo>
                <a:lnTo>
                  <a:pt x="5767" y="2023"/>
                </a:lnTo>
                <a:lnTo>
                  <a:pt x="5772" y="2047"/>
                </a:lnTo>
                <a:lnTo>
                  <a:pt x="5777" y="2070"/>
                </a:lnTo>
                <a:lnTo>
                  <a:pt x="5784" y="2092"/>
                </a:lnTo>
                <a:lnTo>
                  <a:pt x="5793" y="2113"/>
                </a:lnTo>
                <a:lnTo>
                  <a:pt x="5801" y="2133"/>
                </a:lnTo>
                <a:lnTo>
                  <a:pt x="5812" y="2153"/>
                </a:lnTo>
                <a:lnTo>
                  <a:pt x="5823" y="2172"/>
                </a:lnTo>
                <a:lnTo>
                  <a:pt x="5836" y="2189"/>
                </a:lnTo>
                <a:lnTo>
                  <a:pt x="5850" y="2207"/>
                </a:lnTo>
                <a:lnTo>
                  <a:pt x="5864" y="2224"/>
                </a:lnTo>
                <a:lnTo>
                  <a:pt x="5880" y="2239"/>
                </a:lnTo>
                <a:lnTo>
                  <a:pt x="5896" y="2253"/>
                </a:lnTo>
                <a:lnTo>
                  <a:pt x="5913" y="2267"/>
                </a:lnTo>
                <a:lnTo>
                  <a:pt x="5931" y="2281"/>
                </a:lnTo>
                <a:lnTo>
                  <a:pt x="5950" y="2293"/>
                </a:lnTo>
                <a:lnTo>
                  <a:pt x="5970" y="2304"/>
                </a:lnTo>
                <a:lnTo>
                  <a:pt x="5991" y="2314"/>
                </a:lnTo>
                <a:lnTo>
                  <a:pt x="6012" y="2323"/>
                </a:lnTo>
                <a:lnTo>
                  <a:pt x="6034" y="2332"/>
                </a:lnTo>
                <a:lnTo>
                  <a:pt x="6057" y="2340"/>
                </a:lnTo>
                <a:lnTo>
                  <a:pt x="6080" y="2348"/>
                </a:lnTo>
                <a:lnTo>
                  <a:pt x="6104" y="2354"/>
                </a:lnTo>
                <a:lnTo>
                  <a:pt x="6128" y="2360"/>
                </a:lnTo>
                <a:lnTo>
                  <a:pt x="6153" y="2364"/>
                </a:lnTo>
                <a:lnTo>
                  <a:pt x="6179" y="2367"/>
                </a:lnTo>
                <a:lnTo>
                  <a:pt x="6205" y="2371"/>
                </a:lnTo>
                <a:lnTo>
                  <a:pt x="6232" y="2373"/>
                </a:lnTo>
                <a:lnTo>
                  <a:pt x="6258" y="2374"/>
                </a:lnTo>
                <a:lnTo>
                  <a:pt x="6285" y="2374"/>
                </a:lnTo>
                <a:lnTo>
                  <a:pt x="6313" y="2374"/>
                </a:lnTo>
                <a:lnTo>
                  <a:pt x="6340" y="2373"/>
                </a:lnTo>
                <a:lnTo>
                  <a:pt x="6367" y="2371"/>
                </a:lnTo>
                <a:lnTo>
                  <a:pt x="6393" y="2367"/>
                </a:lnTo>
                <a:lnTo>
                  <a:pt x="6419" y="2364"/>
                </a:lnTo>
                <a:lnTo>
                  <a:pt x="6444" y="2360"/>
                </a:lnTo>
                <a:lnTo>
                  <a:pt x="6468" y="2354"/>
                </a:lnTo>
                <a:lnTo>
                  <a:pt x="6492" y="2348"/>
                </a:lnTo>
                <a:lnTo>
                  <a:pt x="6515" y="2340"/>
                </a:lnTo>
                <a:lnTo>
                  <a:pt x="6538" y="2332"/>
                </a:lnTo>
                <a:lnTo>
                  <a:pt x="6560" y="2323"/>
                </a:lnTo>
                <a:lnTo>
                  <a:pt x="6581" y="2314"/>
                </a:lnTo>
                <a:lnTo>
                  <a:pt x="6602" y="2304"/>
                </a:lnTo>
                <a:lnTo>
                  <a:pt x="6622" y="2293"/>
                </a:lnTo>
                <a:lnTo>
                  <a:pt x="6641" y="2281"/>
                </a:lnTo>
                <a:lnTo>
                  <a:pt x="6659" y="2267"/>
                </a:lnTo>
                <a:lnTo>
                  <a:pt x="6676" y="2253"/>
                </a:lnTo>
                <a:lnTo>
                  <a:pt x="6692" y="2239"/>
                </a:lnTo>
                <a:lnTo>
                  <a:pt x="6708" y="2224"/>
                </a:lnTo>
                <a:lnTo>
                  <a:pt x="6722" y="2207"/>
                </a:lnTo>
                <a:lnTo>
                  <a:pt x="6735" y="2189"/>
                </a:lnTo>
                <a:lnTo>
                  <a:pt x="6749" y="2172"/>
                </a:lnTo>
                <a:lnTo>
                  <a:pt x="6760" y="2153"/>
                </a:lnTo>
                <a:lnTo>
                  <a:pt x="6771" y="2133"/>
                </a:lnTo>
                <a:lnTo>
                  <a:pt x="6779" y="2113"/>
                </a:lnTo>
                <a:lnTo>
                  <a:pt x="6787" y="2092"/>
                </a:lnTo>
                <a:lnTo>
                  <a:pt x="6795" y="2070"/>
                </a:lnTo>
                <a:lnTo>
                  <a:pt x="6800" y="2047"/>
                </a:lnTo>
                <a:lnTo>
                  <a:pt x="6805" y="2023"/>
                </a:lnTo>
                <a:lnTo>
                  <a:pt x="6808" y="1998"/>
                </a:lnTo>
                <a:lnTo>
                  <a:pt x="6810" y="1972"/>
                </a:lnTo>
                <a:lnTo>
                  <a:pt x="6811" y="1946"/>
                </a:lnTo>
                <a:close/>
                <a:moveTo>
                  <a:pt x="4837" y="2049"/>
                </a:moveTo>
                <a:lnTo>
                  <a:pt x="4572" y="1310"/>
                </a:lnTo>
                <a:lnTo>
                  <a:pt x="4083" y="1310"/>
                </a:lnTo>
                <a:lnTo>
                  <a:pt x="4083" y="2349"/>
                </a:lnTo>
                <a:lnTo>
                  <a:pt x="4378" y="2349"/>
                </a:lnTo>
                <a:lnTo>
                  <a:pt x="4378" y="1526"/>
                </a:lnTo>
                <a:lnTo>
                  <a:pt x="4396" y="1526"/>
                </a:lnTo>
                <a:lnTo>
                  <a:pt x="4698" y="2349"/>
                </a:lnTo>
                <a:lnTo>
                  <a:pt x="4975" y="2349"/>
                </a:lnTo>
                <a:lnTo>
                  <a:pt x="5278" y="1526"/>
                </a:lnTo>
                <a:lnTo>
                  <a:pt x="5295" y="1526"/>
                </a:lnTo>
                <a:lnTo>
                  <a:pt x="5295" y="2349"/>
                </a:lnTo>
                <a:lnTo>
                  <a:pt x="5592" y="2349"/>
                </a:lnTo>
                <a:lnTo>
                  <a:pt x="5592" y="1310"/>
                </a:lnTo>
                <a:lnTo>
                  <a:pt x="5105" y="1310"/>
                </a:lnTo>
                <a:lnTo>
                  <a:pt x="4837" y="2049"/>
                </a:lnTo>
                <a:close/>
                <a:moveTo>
                  <a:pt x="10405" y="1528"/>
                </a:moveTo>
                <a:lnTo>
                  <a:pt x="10384" y="1528"/>
                </a:lnTo>
                <a:lnTo>
                  <a:pt x="10362" y="1531"/>
                </a:lnTo>
                <a:lnTo>
                  <a:pt x="10341" y="1533"/>
                </a:lnTo>
                <a:lnTo>
                  <a:pt x="10320" y="1536"/>
                </a:lnTo>
                <a:lnTo>
                  <a:pt x="10299" y="1539"/>
                </a:lnTo>
                <a:lnTo>
                  <a:pt x="10280" y="1545"/>
                </a:lnTo>
                <a:lnTo>
                  <a:pt x="10260" y="1550"/>
                </a:lnTo>
                <a:lnTo>
                  <a:pt x="10241" y="1557"/>
                </a:lnTo>
                <a:lnTo>
                  <a:pt x="10222" y="1564"/>
                </a:lnTo>
                <a:lnTo>
                  <a:pt x="10205" y="1571"/>
                </a:lnTo>
                <a:lnTo>
                  <a:pt x="10187" y="1580"/>
                </a:lnTo>
                <a:lnTo>
                  <a:pt x="10171" y="1589"/>
                </a:lnTo>
                <a:lnTo>
                  <a:pt x="10155" y="1598"/>
                </a:lnTo>
                <a:lnTo>
                  <a:pt x="10141" y="1608"/>
                </a:lnTo>
                <a:lnTo>
                  <a:pt x="10128" y="1617"/>
                </a:lnTo>
                <a:lnTo>
                  <a:pt x="10116" y="1628"/>
                </a:lnTo>
                <a:lnTo>
                  <a:pt x="10112" y="1628"/>
                </a:lnTo>
                <a:lnTo>
                  <a:pt x="10112" y="1545"/>
                </a:lnTo>
                <a:lnTo>
                  <a:pt x="9858" y="1545"/>
                </a:lnTo>
                <a:lnTo>
                  <a:pt x="9858" y="2349"/>
                </a:lnTo>
                <a:lnTo>
                  <a:pt x="10116" y="2349"/>
                </a:lnTo>
                <a:lnTo>
                  <a:pt x="10116" y="1799"/>
                </a:lnTo>
                <a:lnTo>
                  <a:pt x="10128" y="1786"/>
                </a:lnTo>
                <a:lnTo>
                  <a:pt x="10139" y="1774"/>
                </a:lnTo>
                <a:lnTo>
                  <a:pt x="10152" y="1765"/>
                </a:lnTo>
                <a:lnTo>
                  <a:pt x="10164" y="1755"/>
                </a:lnTo>
                <a:lnTo>
                  <a:pt x="10177" y="1746"/>
                </a:lnTo>
                <a:lnTo>
                  <a:pt x="10190" y="1738"/>
                </a:lnTo>
                <a:lnTo>
                  <a:pt x="10204" y="1732"/>
                </a:lnTo>
                <a:lnTo>
                  <a:pt x="10218" y="1725"/>
                </a:lnTo>
                <a:lnTo>
                  <a:pt x="10231" y="1721"/>
                </a:lnTo>
                <a:lnTo>
                  <a:pt x="10245" y="1716"/>
                </a:lnTo>
                <a:lnTo>
                  <a:pt x="10259" y="1712"/>
                </a:lnTo>
                <a:lnTo>
                  <a:pt x="10273" y="1710"/>
                </a:lnTo>
                <a:lnTo>
                  <a:pt x="10286" y="1707"/>
                </a:lnTo>
                <a:lnTo>
                  <a:pt x="10300" y="1705"/>
                </a:lnTo>
                <a:lnTo>
                  <a:pt x="10314" y="1704"/>
                </a:lnTo>
                <a:lnTo>
                  <a:pt x="10326" y="1704"/>
                </a:lnTo>
                <a:lnTo>
                  <a:pt x="10343" y="1704"/>
                </a:lnTo>
                <a:lnTo>
                  <a:pt x="10359" y="1705"/>
                </a:lnTo>
                <a:lnTo>
                  <a:pt x="10373" y="1707"/>
                </a:lnTo>
                <a:lnTo>
                  <a:pt x="10387" y="1710"/>
                </a:lnTo>
                <a:lnTo>
                  <a:pt x="10399" y="1713"/>
                </a:lnTo>
                <a:lnTo>
                  <a:pt x="10412" y="1716"/>
                </a:lnTo>
                <a:lnTo>
                  <a:pt x="10423" y="1721"/>
                </a:lnTo>
                <a:lnTo>
                  <a:pt x="10432" y="1725"/>
                </a:lnTo>
                <a:lnTo>
                  <a:pt x="10442" y="1730"/>
                </a:lnTo>
                <a:lnTo>
                  <a:pt x="10451" y="1736"/>
                </a:lnTo>
                <a:lnTo>
                  <a:pt x="10459" y="1743"/>
                </a:lnTo>
                <a:lnTo>
                  <a:pt x="10467" y="1749"/>
                </a:lnTo>
                <a:lnTo>
                  <a:pt x="10472" y="1757"/>
                </a:lnTo>
                <a:lnTo>
                  <a:pt x="10479" y="1765"/>
                </a:lnTo>
                <a:lnTo>
                  <a:pt x="10484" y="1773"/>
                </a:lnTo>
                <a:lnTo>
                  <a:pt x="10489" y="1782"/>
                </a:lnTo>
                <a:lnTo>
                  <a:pt x="10493" y="1792"/>
                </a:lnTo>
                <a:lnTo>
                  <a:pt x="10496" y="1802"/>
                </a:lnTo>
                <a:lnTo>
                  <a:pt x="10500" y="1812"/>
                </a:lnTo>
                <a:lnTo>
                  <a:pt x="10503" y="1822"/>
                </a:lnTo>
                <a:lnTo>
                  <a:pt x="10506" y="1845"/>
                </a:lnTo>
                <a:lnTo>
                  <a:pt x="10509" y="1868"/>
                </a:lnTo>
                <a:lnTo>
                  <a:pt x="10512" y="1893"/>
                </a:lnTo>
                <a:lnTo>
                  <a:pt x="10513" y="1919"/>
                </a:lnTo>
                <a:lnTo>
                  <a:pt x="10513" y="1947"/>
                </a:lnTo>
                <a:lnTo>
                  <a:pt x="10513" y="1975"/>
                </a:lnTo>
                <a:lnTo>
                  <a:pt x="10513" y="2349"/>
                </a:lnTo>
                <a:lnTo>
                  <a:pt x="10770" y="2349"/>
                </a:lnTo>
                <a:lnTo>
                  <a:pt x="10770" y="1891"/>
                </a:lnTo>
                <a:lnTo>
                  <a:pt x="10770" y="1858"/>
                </a:lnTo>
                <a:lnTo>
                  <a:pt x="10768" y="1825"/>
                </a:lnTo>
                <a:lnTo>
                  <a:pt x="10764" y="1792"/>
                </a:lnTo>
                <a:lnTo>
                  <a:pt x="10758" y="1760"/>
                </a:lnTo>
                <a:lnTo>
                  <a:pt x="10755" y="1744"/>
                </a:lnTo>
                <a:lnTo>
                  <a:pt x="10750" y="1728"/>
                </a:lnTo>
                <a:lnTo>
                  <a:pt x="10745" y="1713"/>
                </a:lnTo>
                <a:lnTo>
                  <a:pt x="10739" y="1699"/>
                </a:lnTo>
                <a:lnTo>
                  <a:pt x="10733" y="1684"/>
                </a:lnTo>
                <a:lnTo>
                  <a:pt x="10725" y="1670"/>
                </a:lnTo>
                <a:lnTo>
                  <a:pt x="10716" y="1657"/>
                </a:lnTo>
                <a:lnTo>
                  <a:pt x="10707" y="1644"/>
                </a:lnTo>
                <a:lnTo>
                  <a:pt x="10698" y="1631"/>
                </a:lnTo>
                <a:lnTo>
                  <a:pt x="10687" y="1618"/>
                </a:lnTo>
                <a:lnTo>
                  <a:pt x="10674" y="1608"/>
                </a:lnTo>
                <a:lnTo>
                  <a:pt x="10661" y="1597"/>
                </a:lnTo>
                <a:lnTo>
                  <a:pt x="10647" y="1587"/>
                </a:lnTo>
                <a:lnTo>
                  <a:pt x="10632" y="1577"/>
                </a:lnTo>
                <a:lnTo>
                  <a:pt x="10615" y="1568"/>
                </a:lnTo>
                <a:lnTo>
                  <a:pt x="10597" y="1560"/>
                </a:lnTo>
                <a:lnTo>
                  <a:pt x="10578" y="1553"/>
                </a:lnTo>
                <a:lnTo>
                  <a:pt x="10558" y="1547"/>
                </a:lnTo>
                <a:lnTo>
                  <a:pt x="10536" y="1542"/>
                </a:lnTo>
                <a:lnTo>
                  <a:pt x="10513" y="1537"/>
                </a:lnTo>
                <a:lnTo>
                  <a:pt x="10489" y="1533"/>
                </a:lnTo>
                <a:lnTo>
                  <a:pt x="10462" y="1531"/>
                </a:lnTo>
                <a:lnTo>
                  <a:pt x="10435" y="1528"/>
                </a:lnTo>
                <a:lnTo>
                  <a:pt x="10405" y="1528"/>
                </a:lnTo>
                <a:close/>
                <a:moveTo>
                  <a:pt x="3346" y="1310"/>
                </a:moveTo>
                <a:lnTo>
                  <a:pt x="2841" y="1310"/>
                </a:lnTo>
                <a:lnTo>
                  <a:pt x="2841" y="2349"/>
                </a:lnTo>
                <a:lnTo>
                  <a:pt x="3148" y="2349"/>
                </a:lnTo>
                <a:lnTo>
                  <a:pt x="3148" y="1981"/>
                </a:lnTo>
                <a:lnTo>
                  <a:pt x="3411" y="1981"/>
                </a:lnTo>
                <a:lnTo>
                  <a:pt x="3439" y="1981"/>
                </a:lnTo>
                <a:lnTo>
                  <a:pt x="3466" y="1979"/>
                </a:lnTo>
                <a:lnTo>
                  <a:pt x="3493" y="1978"/>
                </a:lnTo>
                <a:lnTo>
                  <a:pt x="3518" y="1974"/>
                </a:lnTo>
                <a:lnTo>
                  <a:pt x="3543" y="1971"/>
                </a:lnTo>
                <a:lnTo>
                  <a:pt x="3567" y="1965"/>
                </a:lnTo>
                <a:lnTo>
                  <a:pt x="3590" y="1961"/>
                </a:lnTo>
                <a:lnTo>
                  <a:pt x="3614" y="1954"/>
                </a:lnTo>
                <a:lnTo>
                  <a:pt x="3636" y="1948"/>
                </a:lnTo>
                <a:lnTo>
                  <a:pt x="3656" y="1941"/>
                </a:lnTo>
                <a:lnTo>
                  <a:pt x="3677" y="1933"/>
                </a:lnTo>
                <a:lnTo>
                  <a:pt x="3696" y="1924"/>
                </a:lnTo>
                <a:lnTo>
                  <a:pt x="3715" y="1915"/>
                </a:lnTo>
                <a:lnTo>
                  <a:pt x="3732" y="1905"/>
                </a:lnTo>
                <a:lnTo>
                  <a:pt x="3750" y="1894"/>
                </a:lnTo>
                <a:lnTo>
                  <a:pt x="3765" y="1883"/>
                </a:lnTo>
                <a:lnTo>
                  <a:pt x="3781" y="1872"/>
                </a:lnTo>
                <a:lnTo>
                  <a:pt x="3795" y="1859"/>
                </a:lnTo>
                <a:lnTo>
                  <a:pt x="3808" y="1847"/>
                </a:lnTo>
                <a:lnTo>
                  <a:pt x="3820" y="1834"/>
                </a:lnTo>
                <a:lnTo>
                  <a:pt x="3832" y="1819"/>
                </a:lnTo>
                <a:lnTo>
                  <a:pt x="3842" y="1805"/>
                </a:lnTo>
                <a:lnTo>
                  <a:pt x="3852" y="1791"/>
                </a:lnTo>
                <a:lnTo>
                  <a:pt x="3861" y="1776"/>
                </a:lnTo>
                <a:lnTo>
                  <a:pt x="3869" y="1760"/>
                </a:lnTo>
                <a:lnTo>
                  <a:pt x="3875" y="1744"/>
                </a:lnTo>
                <a:lnTo>
                  <a:pt x="3881" y="1727"/>
                </a:lnTo>
                <a:lnTo>
                  <a:pt x="3885" y="1711"/>
                </a:lnTo>
                <a:lnTo>
                  <a:pt x="3889" y="1694"/>
                </a:lnTo>
                <a:lnTo>
                  <a:pt x="3892" y="1677"/>
                </a:lnTo>
                <a:lnTo>
                  <a:pt x="3893" y="1659"/>
                </a:lnTo>
                <a:lnTo>
                  <a:pt x="3894" y="1640"/>
                </a:lnTo>
                <a:lnTo>
                  <a:pt x="3893" y="1621"/>
                </a:lnTo>
                <a:lnTo>
                  <a:pt x="3892" y="1602"/>
                </a:lnTo>
                <a:lnTo>
                  <a:pt x="3890" y="1583"/>
                </a:lnTo>
                <a:lnTo>
                  <a:pt x="3886" y="1565"/>
                </a:lnTo>
                <a:lnTo>
                  <a:pt x="3882" y="1548"/>
                </a:lnTo>
                <a:lnTo>
                  <a:pt x="3876" y="1531"/>
                </a:lnTo>
                <a:lnTo>
                  <a:pt x="3870" y="1514"/>
                </a:lnTo>
                <a:lnTo>
                  <a:pt x="3863" y="1499"/>
                </a:lnTo>
                <a:lnTo>
                  <a:pt x="3854" y="1483"/>
                </a:lnTo>
                <a:lnTo>
                  <a:pt x="3845" y="1469"/>
                </a:lnTo>
                <a:lnTo>
                  <a:pt x="3835" y="1455"/>
                </a:lnTo>
                <a:lnTo>
                  <a:pt x="3823" y="1442"/>
                </a:lnTo>
                <a:lnTo>
                  <a:pt x="3810" y="1430"/>
                </a:lnTo>
                <a:lnTo>
                  <a:pt x="3796" y="1418"/>
                </a:lnTo>
                <a:lnTo>
                  <a:pt x="3782" y="1407"/>
                </a:lnTo>
                <a:lnTo>
                  <a:pt x="3765" y="1396"/>
                </a:lnTo>
                <a:lnTo>
                  <a:pt x="3749" y="1385"/>
                </a:lnTo>
                <a:lnTo>
                  <a:pt x="3730" y="1376"/>
                </a:lnTo>
                <a:lnTo>
                  <a:pt x="3710" y="1367"/>
                </a:lnTo>
                <a:lnTo>
                  <a:pt x="3691" y="1358"/>
                </a:lnTo>
                <a:lnTo>
                  <a:pt x="3669" y="1351"/>
                </a:lnTo>
                <a:lnTo>
                  <a:pt x="3645" y="1344"/>
                </a:lnTo>
                <a:lnTo>
                  <a:pt x="3621" y="1337"/>
                </a:lnTo>
                <a:lnTo>
                  <a:pt x="3596" y="1332"/>
                </a:lnTo>
                <a:lnTo>
                  <a:pt x="3568" y="1326"/>
                </a:lnTo>
                <a:lnTo>
                  <a:pt x="3541" y="1322"/>
                </a:lnTo>
                <a:lnTo>
                  <a:pt x="3511" y="1319"/>
                </a:lnTo>
                <a:lnTo>
                  <a:pt x="3482" y="1315"/>
                </a:lnTo>
                <a:lnTo>
                  <a:pt x="3450" y="1313"/>
                </a:lnTo>
                <a:lnTo>
                  <a:pt x="3417" y="1312"/>
                </a:lnTo>
                <a:lnTo>
                  <a:pt x="3381" y="1311"/>
                </a:lnTo>
                <a:lnTo>
                  <a:pt x="3346" y="1310"/>
                </a:lnTo>
                <a:close/>
                <a:moveTo>
                  <a:pt x="0" y="1207"/>
                </a:moveTo>
                <a:lnTo>
                  <a:pt x="519" y="1207"/>
                </a:lnTo>
                <a:lnTo>
                  <a:pt x="519" y="0"/>
                </a:lnTo>
                <a:lnTo>
                  <a:pt x="0" y="518"/>
                </a:lnTo>
                <a:lnTo>
                  <a:pt x="0" y="1207"/>
                </a:lnTo>
                <a:close/>
                <a:moveTo>
                  <a:pt x="1208" y="1829"/>
                </a:moveTo>
                <a:lnTo>
                  <a:pt x="1208" y="1311"/>
                </a:lnTo>
                <a:lnTo>
                  <a:pt x="0" y="1311"/>
                </a:lnTo>
                <a:lnTo>
                  <a:pt x="519" y="1829"/>
                </a:lnTo>
                <a:lnTo>
                  <a:pt x="1208" y="1829"/>
                </a:lnTo>
                <a:close/>
                <a:moveTo>
                  <a:pt x="624" y="0"/>
                </a:moveTo>
                <a:lnTo>
                  <a:pt x="624" y="518"/>
                </a:lnTo>
                <a:lnTo>
                  <a:pt x="1833" y="518"/>
                </a:lnTo>
                <a:lnTo>
                  <a:pt x="1313" y="0"/>
                </a:lnTo>
                <a:lnTo>
                  <a:pt x="624" y="0"/>
                </a:lnTo>
                <a:close/>
              </a:path>
            </a:pathLst>
          </a:custGeom>
          <a:solidFill>
            <a:schemeClr val="bg2"/>
          </a:solidFill>
          <a:ln w="9525" cap="flat" cmpd="sng">
            <a:noFill/>
            <a:prstDash val="solid"/>
            <a:round/>
            <a:headEnd type="none" w="med" len="med"/>
            <a:tailEnd type="none" w="med" len="med"/>
          </a:ln>
          <a:effectLst/>
        </p:spPr>
        <p:txBody>
          <a:bodyPr/>
          <a:lstStyle/>
          <a:p>
            <a:pPr>
              <a:defRPr/>
            </a:pPr>
            <a:endParaRPr lang="en-US"/>
          </a:p>
        </p:txBody>
      </p:sp>
      <p:sp>
        <p:nvSpPr>
          <p:cNvPr id="16441" name="Line 57"/>
          <p:cNvSpPr>
            <a:spLocks noChangeShapeType="1"/>
          </p:cNvSpPr>
          <p:nvPr>
            <p:custDataLst>
              <p:tags r:id="rId19"/>
            </p:custDataLst>
          </p:nvPr>
        </p:nvSpPr>
        <p:spPr bwMode="gray">
          <a:xfrm>
            <a:off x="1023938" y="1225550"/>
            <a:ext cx="0" cy="5970588"/>
          </a:xfrm>
          <a:prstGeom prst="line">
            <a:avLst/>
          </a:prstGeom>
          <a:noFill/>
          <a:ln w="4445">
            <a:solidFill>
              <a:srgbClr val="264E84"/>
            </a:solidFill>
            <a:round/>
            <a:headEnd/>
            <a:tailEnd/>
          </a:ln>
          <a:effectLst/>
        </p:spPr>
        <p:txBody>
          <a:bodyPr wrap="none" lIns="45720" rIns="45720" anchor="ctr"/>
          <a:lstStyle/>
          <a:p>
            <a:pPr>
              <a:defRPr/>
            </a:pPr>
            <a:endParaRPr lang="en-US"/>
          </a:p>
        </p:txBody>
      </p:sp>
      <p:sp>
        <p:nvSpPr>
          <p:cNvPr id="16442" name="Rectangle 58"/>
          <p:cNvSpPr>
            <a:spLocks noGrp="1" noChangeArrowheads="1"/>
          </p:cNvSpPr>
          <p:nvPr>
            <p:ph type="sldNum" sz="quarter" idx="4"/>
          </p:nvPr>
        </p:nvSpPr>
        <p:spPr bwMode="auto">
          <a:xfrm>
            <a:off x="9826625" y="7010400"/>
            <a:ext cx="158750" cy="152400"/>
          </a:xfrm>
          <a:prstGeom prst="rect">
            <a:avLst/>
          </a:prstGeom>
          <a:noFill/>
          <a:ln w="9525">
            <a:noFill/>
            <a:miter lim="800000"/>
            <a:headEnd/>
            <a:tailEnd/>
          </a:ln>
          <a:effectLst/>
        </p:spPr>
        <p:txBody>
          <a:bodyPr vert="horz" wrap="none" lIns="0" tIns="0" rIns="0" bIns="0" numCol="1" anchor="b" anchorCtr="0" compatLnSpc="1">
            <a:prstTxWarp prst="textNoShape">
              <a:avLst/>
            </a:prstTxWarp>
            <a:spAutoFit/>
          </a:bodyPr>
          <a:lstStyle>
            <a:lvl1pPr algn="r">
              <a:defRPr sz="1000"/>
            </a:lvl1pPr>
          </a:lstStyle>
          <a:p>
            <a:pPr>
              <a:defRPr/>
            </a:pPr>
            <a:fld id="{2CFE0436-F17A-4B21-9DE3-918E05F45E44}" type="slidenum">
              <a:rPr lang="en-US"/>
              <a:pPr>
                <a:defRPr/>
              </a:pPr>
              <a:t>‹#›</a:t>
            </a:fld>
            <a:endParaRPr lang="en-US"/>
          </a:p>
        </p:txBody>
      </p:sp>
      <p:pic>
        <p:nvPicPr>
          <p:cNvPr id="2059" name="Picture 211"/>
          <p:cNvPicPr>
            <a:picLocks noChangeAspect="1" noChangeArrowheads="1"/>
          </p:cNvPicPr>
          <p:nvPr userDrawn="1">
            <p:custDataLst>
              <p:tags r:id="rId20"/>
            </p:custDataLst>
          </p:nvPr>
        </p:nvPicPr>
        <p:blipFill>
          <a:blip r:embed="rId23" cstate="print"/>
          <a:srcRect/>
          <a:stretch>
            <a:fillRect/>
          </a:stretch>
        </p:blipFill>
        <p:spPr bwMode="auto">
          <a:xfrm>
            <a:off x="1168400" y="7094538"/>
            <a:ext cx="871538" cy="188912"/>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688" r:id="rId1"/>
    <p:sldLayoutId id="2147483677" r:id="rId2"/>
    <p:sldLayoutId id="2147483678" r:id="rId3"/>
    <p:sldLayoutId id="2147483679" r:id="rId4"/>
    <p:sldLayoutId id="2147483680" r:id="rId5"/>
    <p:sldLayoutId id="2147483681" r:id="rId6"/>
    <p:sldLayoutId id="2147483682" r:id="rId7"/>
    <p:sldLayoutId id="2147483683" r:id="rId8"/>
    <p:sldLayoutId id="2147483684" r:id="rId9"/>
    <p:sldLayoutId id="2147483685" r:id="rId10"/>
    <p:sldLayoutId id="2147483686" r:id="rId11"/>
    <p:sldLayoutId id="2147483687" r:id="rId12"/>
  </p:sldLayoutIdLst>
  <p:hf hdr="0" ftr="0" dt="0"/>
  <p:txStyles>
    <p:titleStyle>
      <a:lvl1pPr algn="l" defTabSz="1019175" rtl="0" eaLnBrk="0" fontAlgn="base" hangingPunct="0">
        <a:lnSpc>
          <a:spcPts val="2500"/>
        </a:lnSpc>
        <a:spcBef>
          <a:spcPct val="0"/>
        </a:spcBef>
        <a:spcAft>
          <a:spcPct val="0"/>
        </a:spcAft>
        <a:defRPr sz="2100" b="1">
          <a:solidFill>
            <a:schemeClr val="tx1"/>
          </a:solidFill>
          <a:latin typeface="+mj-lt"/>
          <a:ea typeface="+mj-ea"/>
          <a:cs typeface="+mj-cs"/>
        </a:defRPr>
      </a:lvl1pPr>
      <a:lvl2pPr algn="l" defTabSz="1019175" rtl="0" eaLnBrk="0" fontAlgn="base" hangingPunct="0">
        <a:lnSpc>
          <a:spcPts val="2500"/>
        </a:lnSpc>
        <a:spcBef>
          <a:spcPct val="0"/>
        </a:spcBef>
        <a:spcAft>
          <a:spcPct val="0"/>
        </a:spcAft>
        <a:defRPr sz="2100" b="1">
          <a:solidFill>
            <a:schemeClr val="tx1"/>
          </a:solidFill>
          <a:latin typeface="Trebuchet MS" pitchFamily="34" charset="0"/>
        </a:defRPr>
      </a:lvl2pPr>
      <a:lvl3pPr algn="l" defTabSz="1019175" rtl="0" eaLnBrk="0" fontAlgn="base" hangingPunct="0">
        <a:lnSpc>
          <a:spcPts val="2500"/>
        </a:lnSpc>
        <a:spcBef>
          <a:spcPct val="0"/>
        </a:spcBef>
        <a:spcAft>
          <a:spcPct val="0"/>
        </a:spcAft>
        <a:defRPr sz="2100" b="1">
          <a:solidFill>
            <a:schemeClr val="tx1"/>
          </a:solidFill>
          <a:latin typeface="Trebuchet MS" pitchFamily="34" charset="0"/>
        </a:defRPr>
      </a:lvl3pPr>
      <a:lvl4pPr algn="l" defTabSz="1019175" rtl="0" eaLnBrk="0" fontAlgn="base" hangingPunct="0">
        <a:lnSpc>
          <a:spcPts val="2500"/>
        </a:lnSpc>
        <a:spcBef>
          <a:spcPct val="0"/>
        </a:spcBef>
        <a:spcAft>
          <a:spcPct val="0"/>
        </a:spcAft>
        <a:defRPr sz="2100" b="1">
          <a:solidFill>
            <a:schemeClr val="tx1"/>
          </a:solidFill>
          <a:latin typeface="Trebuchet MS" pitchFamily="34" charset="0"/>
        </a:defRPr>
      </a:lvl4pPr>
      <a:lvl5pPr algn="l" defTabSz="1019175" rtl="0" eaLnBrk="0" fontAlgn="base" hangingPunct="0">
        <a:lnSpc>
          <a:spcPts val="2500"/>
        </a:lnSpc>
        <a:spcBef>
          <a:spcPct val="0"/>
        </a:spcBef>
        <a:spcAft>
          <a:spcPct val="0"/>
        </a:spcAft>
        <a:defRPr sz="2100" b="1">
          <a:solidFill>
            <a:schemeClr val="tx1"/>
          </a:solidFill>
          <a:latin typeface="Trebuchet MS" pitchFamily="34" charset="0"/>
        </a:defRPr>
      </a:lvl5pPr>
      <a:lvl6pPr marL="457200" algn="l" defTabSz="1019175" rtl="0" eaLnBrk="0" fontAlgn="base" hangingPunct="0">
        <a:lnSpc>
          <a:spcPts val="2500"/>
        </a:lnSpc>
        <a:spcBef>
          <a:spcPct val="0"/>
        </a:spcBef>
        <a:spcAft>
          <a:spcPct val="0"/>
        </a:spcAft>
        <a:defRPr sz="2100" b="1">
          <a:solidFill>
            <a:schemeClr val="tx1"/>
          </a:solidFill>
          <a:latin typeface="Trebuchet MS" pitchFamily="34" charset="0"/>
        </a:defRPr>
      </a:lvl6pPr>
      <a:lvl7pPr marL="914400" algn="l" defTabSz="1019175" rtl="0" eaLnBrk="0" fontAlgn="base" hangingPunct="0">
        <a:lnSpc>
          <a:spcPts val="2500"/>
        </a:lnSpc>
        <a:spcBef>
          <a:spcPct val="0"/>
        </a:spcBef>
        <a:spcAft>
          <a:spcPct val="0"/>
        </a:spcAft>
        <a:defRPr sz="2100" b="1">
          <a:solidFill>
            <a:schemeClr val="tx1"/>
          </a:solidFill>
          <a:latin typeface="Trebuchet MS" pitchFamily="34" charset="0"/>
        </a:defRPr>
      </a:lvl7pPr>
      <a:lvl8pPr marL="1371600" algn="l" defTabSz="1019175" rtl="0" eaLnBrk="0" fontAlgn="base" hangingPunct="0">
        <a:lnSpc>
          <a:spcPts val="2500"/>
        </a:lnSpc>
        <a:spcBef>
          <a:spcPct val="0"/>
        </a:spcBef>
        <a:spcAft>
          <a:spcPct val="0"/>
        </a:spcAft>
        <a:defRPr sz="2100" b="1">
          <a:solidFill>
            <a:schemeClr val="tx1"/>
          </a:solidFill>
          <a:latin typeface="Trebuchet MS" pitchFamily="34" charset="0"/>
        </a:defRPr>
      </a:lvl8pPr>
      <a:lvl9pPr marL="1828800" algn="l" defTabSz="1019175" rtl="0" eaLnBrk="0" fontAlgn="base" hangingPunct="0">
        <a:lnSpc>
          <a:spcPts val="2500"/>
        </a:lnSpc>
        <a:spcBef>
          <a:spcPct val="0"/>
        </a:spcBef>
        <a:spcAft>
          <a:spcPct val="0"/>
        </a:spcAft>
        <a:defRPr sz="2100" b="1">
          <a:solidFill>
            <a:schemeClr val="tx1"/>
          </a:solidFill>
          <a:latin typeface="Trebuchet MS" pitchFamily="34" charset="0"/>
        </a:defRPr>
      </a:lvl9pPr>
    </p:titleStyle>
    <p:bodyStyle>
      <a:lvl1pPr algn="l" defTabSz="1019175" rtl="0" eaLnBrk="0" fontAlgn="base" hangingPunct="0">
        <a:lnSpc>
          <a:spcPct val="110000"/>
        </a:lnSpc>
        <a:spcBef>
          <a:spcPct val="70000"/>
        </a:spcBef>
        <a:spcAft>
          <a:spcPct val="0"/>
        </a:spcAft>
        <a:buClr>
          <a:srgbClr val="C0C0C0"/>
        </a:buClr>
        <a:buSzPct val="92000"/>
        <a:buFont typeface="Wingdings" pitchFamily="2" charset="2"/>
        <a:defRPr sz="1400">
          <a:solidFill>
            <a:schemeClr val="tx1"/>
          </a:solidFill>
          <a:latin typeface="+mn-lt"/>
          <a:ea typeface="+mn-ea"/>
          <a:cs typeface="+mn-cs"/>
        </a:defRPr>
      </a:lvl1pPr>
      <a:lvl2pPr marL="209550" indent="-207963" algn="l" defTabSz="1019175" rtl="0" eaLnBrk="0" fontAlgn="base" hangingPunct="0">
        <a:lnSpc>
          <a:spcPct val="110000"/>
        </a:lnSpc>
        <a:spcBef>
          <a:spcPct val="70000"/>
        </a:spcBef>
        <a:spcAft>
          <a:spcPct val="0"/>
        </a:spcAft>
        <a:buClr>
          <a:schemeClr val="bg2"/>
        </a:buClr>
        <a:buSzPct val="92000"/>
        <a:buFont typeface="Wingdings" pitchFamily="2" charset="2"/>
        <a:buChar char="n"/>
        <a:defRPr sz="1400">
          <a:solidFill>
            <a:schemeClr val="tx1"/>
          </a:solidFill>
          <a:latin typeface="+mn-lt"/>
        </a:defRPr>
      </a:lvl2pPr>
      <a:lvl3pPr marL="423863" indent="-212725" algn="l" defTabSz="1019175" rtl="0" eaLnBrk="0" fontAlgn="base" hangingPunct="0">
        <a:lnSpc>
          <a:spcPct val="110000"/>
        </a:lnSpc>
        <a:spcBef>
          <a:spcPct val="20000"/>
        </a:spcBef>
        <a:spcAft>
          <a:spcPct val="0"/>
        </a:spcAft>
        <a:buClr>
          <a:srgbClr val="C0C0C0"/>
        </a:buClr>
        <a:buSzPct val="92000"/>
        <a:buFont typeface="Wingdings" pitchFamily="2" charset="2"/>
        <a:buChar char="n"/>
        <a:defRPr sz="1400">
          <a:solidFill>
            <a:schemeClr val="tx1"/>
          </a:solidFill>
          <a:latin typeface="+mn-lt"/>
        </a:defRPr>
      </a:lvl3pPr>
      <a:lvl4pPr marL="654050" indent="-228600"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4pPr>
      <a:lvl5pPr marL="8794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5pPr>
      <a:lvl6pPr marL="13366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6pPr>
      <a:lvl7pPr marL="17938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7pPr>
      <a:lvl8pPr marL="22510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8pPr>
      <a:lvl9pPr marL="27082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tags" Target="../tags/tag24.xml"/><Relationship Id="rId4" Type="http://schemas.openxmlformats.org/officeDocument/2006/relationships/tags" Target="../tags/tag25.xml"/><Relationship Id="rId5" Type="http://schemas.openxmlformats.org/officeDocument/2006/relationships/tags" Target="../tags/tag26.xml"/><Relationship Id="rId6" Type="http://schemas.openxmlformats.org/officeDocument/2006/relationships/tags" Target="../tags/tag27.xml"/><Relationship Id="rId7" Type="http://schemas.openxmlformats.org/officeDocument/2006/relationships/tags" Target="../tags/tag28.xml"/><Relationship Id="rId8" Type="http://schemas.openxmlformats.org/officeDocument/2006/relationships/slideLayout" Target="../slideLayouts/slideLayout1.xml"/><Relationship Id="rId9" Type="http://schemas.openxmlformats.org/officeDocument/2006/relationships/image" Target="../media/image3.emf"/><Relationship Id="rId1" Type="http://schemas.openxmlformats.org/officeDocument/2006/relationships/tags" Target="../tags/tag22.xml"/><Relationship Id="rId2" Type="http://schemas.openxmlformats.org/officeDocument/2006/relationships/tags" Target="../tags/tag23.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3" Type="http://schemas.openxmlformats.org/officeDocument/2006/relationships/oleObject" Target="../embeddings/oleObject1.bin"/><Relationship Id="rId4" Type="http://schemas.openxmlformats.org/officeDocument/2006/relationships/oleObject" Target="../embeddings/oleObject2.bin"/><Relationship Id="rId1" Type="http://schemas.openxmlformats.org/officeDocument/2006/relationships/vmlDrawing" Target="../drawings/vmlDrawing1.vml"/><Relationship Id="rId2" Type="http://schemas.openxmlformats.org/officeDocument/2006/relationships/slideLayout" Target="../slideLayouts/slideLayout4.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12.xml"/><Relationship Id="rId2" Type="http://schemas.openxmlformats.org/officeDocument/2006/relationships/image" Target="../media/image10.emf"/></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11.emf"/><Relationship Id="rId3" Type="http://schemas.openxmlformats.org/officeDocument/2006/relationships/image" Target="../media/image12.emf"/></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1.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4.xml"/><Relationship Id="rId2" Type="http://schemas.openxmlformats.org/officeDocument/2006/relationships/notesSlide" Target="../notesSlides/notesSlide2.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4.emf"/></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5.emf"/></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6.emf"/></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7.emf"/></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4098" name="jpmDate"/>
          <p:cNvSpPr txBox="1">
            <a:spLocks noChangeArrowheads="1"/>
          </p:cNvSpPr>
          <p:nvPr>
            <p:custDataLst>
              <p:tags r:id="rId2"/>
            </p:custDataLst>
          </p:nvPr>
        </p:nvSpPr>
        <p:spPr bwMode="auto">
          <a:xfrm>
            <a:off x="6858000" y="530225"/>
            <a:ext cx="2743200" cy="227013"/>
          </a:xfrm>
          <a:prstGeom prst="rect">
            <a:avLst/>
          </a:prstGeom>
          <a:noFill/>
          <a:ln w="9525">
            <a:noFill/>
            <a:miter lim="800000"/>
            <a:headEnd/>
            <a:tailEnd/>
          </a:ln>
        </p:spPr>
        <p:txBody>
          <a:bodyPr wrap="none" lIns="0" tIns="0" rIns="0" bIns="0"/>
          <a:lstStyle/>
          <a:p>
            <a:pPr algn="r">
              <a:lnSpc>
                <a:spcPts val="1500"/>
              </a:lnSpc>
            </a:pPr>
            <a:r>
              <a:rPr lang="en-US" noProof="1">
                <a:solidFill>
                  <a:srgbClr val="264E84"/>
                </a:solidFill>
              </a:rPr>
              <a:t>March 2012</a:t>
            </a:r>
          </a:p>
        </p:txBody>
      </p:sp>
      <p:sp>
        <p:nvSpPr>
          <p:cNvPr id="4099" name="Line 3"/>
          <p:cNvSpPr>
            <a:spLocks noChangeShapeType="1"/>
          </p:cNvSpPr>
          <p:nvPr>
            <p:custDataLst>
              <p:tags r:id="rId3"/>
            </p:custDataLst>
          </p:nvPr>
        </p:nvSpPr>
        <p:spPr bwMode="gray">
          <a:xfrm flipH="1">
            <a:off x="1014413" y="2925763"/>
            <a:ext cx="0" cy="4279900"/>
          </a:xfrm>
          <a:prstGeom prst="line">
            <a:avLst/>
          </a:prstGeom>
          <a:noFill/>
          <a:ln w="4445">
            <a:solidFill>
              <a:schemeClr val="bg2"/>
            </a:solidFill>
            <a:round/>
            <a:headEnd/>
            <a:tailEnd/>
          </a:ln>
        </p:spPr>
        <p:txBody>
          <a:bodyPr wrap="none" anchor="ctr"/>
          <a:lstStyle/>
          <a:p>
            <a:endParaRPr lang="en-US"/>
          </a:p>
        </p:txBody>
      </p:sp>
      <p:sp>
        <p:nvSpPr>
          <p:cNvPr id="4100" name="jpmTitle"/>
          <p:cNvSpPr>
            <a:spLocks noChangeArrowheads="1"/>
          </p:cNvSpPr>
          <p:nvPr>
            <p:custDataLst>
              <p:tags r:id="rId4"/>
            </p:custDataLst>
          </p:nvPr>
        </p:nvSpPr>
        <p:spPr bwMode="gray">
          <a:xfrm>
            <a:off x="1014413" y="2927350"/>
            <a:ext cx="8586787" cy="612775"/>
          </a:xfrm>
          <a:prstGeom prst="rect">
            <a:avLst/>
          </a:prstGeom>
          <a:solidFill>
            <a:schemeClr val="bg2"/>
          </a:solidFill>
          <a:ln w="9525">
            <a:noFill/>
            <a:miter lim="800000"/>
            <a:headEnd/>
            <a:tailEnd/>
          </a:ln>
        </p:spPr>
        <p:txBody>
          <a:bodyPr wrap="none" lIns="228600" tIns="0" rIns="2057400" bIns="0" anchor="ctr"/>
          <a:lstStyle/>
          <a:p>
            <a:pPr marL="7938" defTabSz="1019175">
              <a:lnSpc>
                <a:spcPts val="1500"/>
              </a:lnSpc>
            </a:pPr>
            <a:r>
              <a:rPr lang="pt-BR" sz="1100" b="1" dirty="0">
                <a:solidFill>
                  <a:srgbClr val="FFFFFF"/>
                </a:solidFill>
              </a:rPr>
              <a:t>M A C R O E C O N O M I C S:   F O R E C A S T I N G,  I N D I C A T O R S,  M A R K E T S</a:t>
            </a:r>
            <a:endParaRPr lang="pt-BR" sz="1100" b="1" noProof="1">
              <a:solidFill>
                <a:srgbClr val="FFFFFF"/>
              </a:solidFill>
            </a:endParaRPr>
          </a:p>
        </p:txBody>
      </p:sp>
      <p:sp>
        <p:nvSpPr>
          <p:cNvPr id="4101" name="jpmSubtitle"/>
          <p:cNvSpPr>
            <a:spLocks noChangeArrowheads="1"/>
          </p:cNvSpPr>
          <p:nvPr>
            <p:custDataLst>
              <p:tags r:id="rId5"/>
            </p:custDataLst>
          </p:nvPr>
        </p:nvSpPr>
        <p:spPr bwMode="auto">
          <a:xfrm>
            <a:off x="1014413" y="3611563"/>
            <a:ext cx="6099175" cy="457200"/>
          </a:xfrm>
          <a:prstGeom prst="rect">
            <a:avLst/>
          </a:prstGeom>
          <a:noFill/>
          <a:ln w="9525">
            <a:noFill/>
            <a:miter lim="800000"/>
            <a:headEnd/>
            <a:tailEnd/>
          </a:ln>
        </p:spPr>
        <p:txBody>
          <a:bodyPr lIns="228600" tIns="0" rIns="0" bIns="0"/>
          <a:lstStyle/>
          <a:p>
            <a:pPr>
              <a:lnSpc>
                <a:spcPct val="110000"/>
              </a:lnSpc>
            </a:pPr>
            <a:endParaRPr lang="en-GB" sz="1100" b="1">
              <a:solidFill>
                <a:schemeClr val="bg2"/>
              </a:solidFill>
            </a:endParaRPr>
          </a:p>
        </p:txBody>
      </p:sp>
      <p:sp>
        <p:nvSpPr>
          <p:cNvPr id="4102" name="jpmSubtitle"/>
          <p:cNvSpPr>
            <a:spLocks noChangeArrowheads="1"/>
          </p:cNvSpPr>
          <p:nvPr>
            <p:custDataLst>
              <p:tags r:id="rId6"/>
            </p:custDataLst>
          </p:nvPr>
        </p:nvSpPr>
        <p:spPr bwMode="auto">
          <a:xfrm>
            <a:off x="1001713" y="3781425"/>
            <a:ext cx="6099175" cy="457200"/>
          </a:xfrm>
          <a:prstGeom prst="rect">
            <a:avLst/>
          </a:prstGeom>
          <a:noFill/>
          <a:ln w="9525">
            <a:noFill/>
            <a:miter lim="800000"/>
            <a:headEnd/>
            <a:tailEnd/>
          </a:ln>
        </p:spPr>
        <p:txBody>
          <a:bodyPr lIns="228600" tIns="0" rIns="0" bIns="0"/>
          <a:lstStyle/>
          <a:p>
            <a:pPr>
              <a:lnSpc>
                <a:spcPct val="110000"/>
              </a:lnSpc>
            </a:pPr>
            <a:r>
              <a:rPr lang="en-GB" sz="1100" b="1" dirty="0">
                <a:solidFill>
                  <a:srgbClr val="264E84"/>
                </a:solidFill>
              </a:rPr>
              <a:t>Michael Feroli</a:t>
            </a:r>
          </a:p>
          <a:p>
            <a:pPr>
              <a:lnSpc>
                <a:spcPct val="110000"/>
              </a:lnSpc>
            </a:pPr>
            <a:r>
              <a:rPr lang="en-GB" sz="1100" b="1" dirty="0" smtClean="0">
                <a:solidFill>
                  <a:srgbClr val="264E84"/>
                </a:solidFill>
              </a:rPr>
              <a:t>Chief U.S</a:t>
            </a:r>
            <a:r>
              <a:rPr lang="en-GB" sz="1100" b="1" dirty="0">
                <a:solidFill>
                  <a:srgbClr val="264E84"/>
                </a:solidFill>
              </a:rPr>
              <a:t>. </a:t>
            </a:r>
            <a:r>
              <a:rPr lang="en-GB" sz="1100" b="1" dirty="0" smtClean="0">
                <a:solidFill>
                  <a:srgbClr val="264E84"/>
                </a:solidFill>
              </a:rPr>
              <a:t>Economist</a:t>
            </a:r>
          </a:p>
          <a:p>
            <a:pPr>
              <a:lnSpc>
                <a:spcPct val="110000"/>
              </a:lnSpc>
            </a:pPr>
            <a:r>
              <a:rPr lang="en-GB" sz="1100" b="1" dirty="0" smtClean="0">
                <a:solidFill>
                  <a:srgbClr val="264E84"/>
                </a:solidFill>
              </a:rPr>
              <a:t>J.P.Morgan</a:t>
            </a:r>
            <a:endParaRPr lang="en-GB" sz="1100" b="1" dirty="0">
              <a:solidFill>
                <a:srgbClr val="264E84"/>
              </a:solidFill>
            </a:endParaRPr>
          </a:p>
        </p:txBody>
      </p:sp>
      <p:pic>
        <p:nvPicPr>
          <p:cNvPr id="4103" name="Picture 211"/>
          <p:cNvPicPr>
            <a:picLocks noChangeAspect="1" noChangeArrowheads="1"/>
          </p:cNvPicPr>
          <p:nvPr>
            <p:custDataLst>
              <p:tags r:id="rId7"/>
            </p:custDataLst>
          </p:nvPr>
        </p:nvPicPr>
        <p:blipFill>
          <a:blip r:embed="rId9" cstate="print"/>
          <a:srcRect/>
          <a:stretch>
            <a:fillRect/>
          </a:stretch>
        </p:blipFill>
        <p:spPr bwMode="auto">
          <a:xfrm>
            <a:off x="1168400" y="7094538"/>
            <a:ext cx="871538" cy="188912"/>
          </a:xfrm>
          <a:prstGeom prst="rect">
            <a:avLst/>
          </a:prstGeom>
          <a:noFill/>
          <a:ln w="9525">
            <a:noFill/>
            <a:miter lim="800000"/>
            <a:headEnd/>
            <a:tailEnd/>
          </a:ln>
        </p:spPr>
      </p:pic>
    </p:spTree>
    <p:custDataLst>
      <p:tags r:id="rId1"/>
    </p:custData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2290" name="Slide Number Placeholder 2"/>
          <p:cNvSpPr>
            <a:spLocks noGrp="1"/>
          </p:cNvSpPr>
          <p:nvPr>
            <p:ph type="sldNum" sz="quarter" idx="10"/>
          </p:nvPr>
        </p:nvSpPr>
        <p:spPr>
          <a:noFill/>
        </p:spPr>
        <p:txBody>
          <a:bodyPr/>
          <a:lstStyle/>
          <a:p>
            <a:fld id="{7471951C-9480-4F9E-965E-67B1A036EBAE}" type="slidenum">
              <a:rPr lang="en-US" smtClean="0"/>
              <a:pPr/>
              <a:t>9</a:t>
            </a:fld>
            <a:endParaRPr lang="en-US" smtClean="0"/>
          </a:p>
        </p:txBody>
      </p:sp>
      <p:sp>
        <p:nvSpPr>
          <p:cNvPr id="12291" name="Rectangle 4"/>
          <p:cNvSpPr>
            <a:spLocks noGrp="1" noChangeArrowheads="1"/>
          </p:cNvSpPr>
          <p:nvPr>
            <p:ph type="title"/>
          </p:nvPr>
        </p:nvSpPr>
        <p:spPr/>
        <p:txBody>
          <a:bodyPr/>
          <a:lstStyle/>
          <a:p>
            <a:r>
              <a:rPr lang="en-US" smtClean="0"/>
              <a:t>A simple macroeconomic framework</a:t>
            </a:r>
          </a:p>
        </p:txBody>
      </p:sp>
      <p:sp>
        <p:nvSpPr>
          <p:cNvPr id="12292" name="Text Box 5"/>
          <p:cNvSpPr txBox="1">
            <a:spLocks noChangeArrowheads="1"/>
          </p:cNvSpPr>
          <p:nvPr/>
        </p:nvSpPr>
        <p:spPr bwMode="blackGray">
          <a:xfrm>
            <a:off x="2176463" y="2557463"/>
            <a:ext cx="1944687" cy="366712"/>
          </a:xfrm>
          <a:prstGeom prst="rect">
            <a:avLst/>
          </a:prstGeom>
          <a:noFill/>
          <a:ln w="9525">
            <a:noFill/>
            <a:miter lim="800000"/>
            <a:headEnd/>
            <a:tailEnd/>
          </a:ln>
        </p:spPr>
        <p:txBody>
          <a:bodyPr lIns="45720" rIns="45720">
            <a:spAutoFit/>
          </a:bodyPr>
          <a:lstStyle/>
          <a:p>
            <a:pPr algn="ctr">
              <a:spcBef>
                <a:spcPct val="50000"/>
              </a:spcBef>
            </a:pPr>
            <a:r>
              <a:rPr lang="en-US" sz="1800"/>
              <a:t>Output growth</a:t>
            </a:r>
          </a:p>
        </p:txBody>
      </p:sp>
      <p:sp>
        <p:nvSpPr>
          <p:cNvPr id="12293" name="Rectangle 6"/>
          <p:cNvSpPr>
            <a:spLocks noChangeArrowheads="1"/>
          </p:cNvSpPr>
          <p:nvPr/>
        </p:nvSpPr>
        <p:spPr bwMode="blackGray">
          <a:xfrm>
            <a:off x="2247900" y="2268538"/>
            <a:ext cx="1800225" cy="1081087"/>
          </a:xfrm>
          <a:prstGeom prst="rect">
            <a:avLst/>
          </a:prstGeom>
          <a:solidFill>
            <a:schemeClr val="accent1">
              <a:alpha val="25098"/>
            </a:schemeClr>
          </a:solidFill>
          <a:ln w="9525">
            <a:solidFill>
              <a:schemeClr val="tx1"/>
            </a:solidFill>
            <a:miter lim="800000"/>
            <a:headEnd/>
            <a:tailEnd/>
          </a:ln>
        </p:spPr>
        <p:txBody>
          <a:bodyPr wrap="none" lIns="45720" rIns="45720" anchor="ctr"/>
          <a:lstStyle/>
          <a:p>
            <a:endParaRPr lang="en-US"/>
          </a:p>
        </p:txBody>
      </p:sp>
      <p:sp>
        <p:nvSpPr>
          <p:cNvPr id="12294" name="Text Box 7"/>
          <p:cNvSpPr txBox="1">
            <a:spLocks noChangeArrowheads="1"/>
          </p:cNvSpPr>
          <p:nvPr/>
        </p:nvSpPr>
        <p:spPr bwMode="blackGray">
          <a:xfrm>
            <a:off x="6856413" y="2413000"/>
            <a:ext cx="1728787" cy="779463"/>
          </a:xfrm>
          <a:prstGeom prst="rect">
            <a:avLst/>
          </a:prstGeom>
          <a:noFill/>
          <a:ln w="9525">
            <a:noFill/>
            <a:miter lim="800000"/>
            <a:headEnd/>
            <a:tailEnd/>
          </a:ln>
        </p:spPr>
        <p:txBody>
          <a:bodyPr lIns="45720" rIns="45720">
            <a:spAutoFit/>
          </a:bodyPr>
          <a:lstStyle/>
          <a:p>
            <a:pPr algn="ctr">
              <a:spcBef>
                <a:spcPct val="50000"/>
              </a:spcBef>
            </a:pPr>
            <a:r>
              <a:rPr lang="en-US" sz="1800"/>
              <a:t>Inflation</a:t>
            </a:r>
          </a:p>
          <a:p>
            <a:pPr algn="ctr">
              <a:spcBef>
                <a:spcPct val="50000"/>
              </a:spcBef>
            </a:pPr>
            <a:endParaRPr lang="en-US" sz="1800"/>
          </a:p>
        </p:txBody>
      </p:sp>
      <p:sp>
        <p:nvSpPr>
          <p:cNvPr id="12295" name="Rectangle 8"/>
          <p:cNvSpPr>
            <a:spLocks noChangeArrowheads="1"/>
          </p:cNvSpPr>
          <p:nvPr/>
        </p:nvSpPr>
        <p:spPr bwMode="blackGray">
          <a:xfrm>
            <a:off x="6856413" y="2197100"/>
            <a:ext cx="1800225" cy="1152525"/>
          </a:xfrm>
          <a:prstGeom prst="rect">
            <a:avLst/>
          </a:prstGeom>
          <a:solidFill>
            <a:schemeClr val="accent1">
              <a:alpha val="25098"/>
            </a:schemeClr>
          </a:solidFill>
          <a:ln w="9525">
            <a:solidFill>
              <a:schemeClr val="tx1"/>
            </a:solidFill>
            <a:miter lim="800000"/>
            <a:headEnd/>
            <a:tailEnd/>
          </a:ln>
        </p:spPr>
        <p:txBody>
          <a:bodyPr wrap="none" lIns="45720" rIns="45720" anchor="ctr"/>
          <a:lstStyle/>
          <a:p>
            <a:endParaRPr lang="en-US"/>
          </a:p>
        </p:txBody>
      </p:sp>
      <p:sp>
        <p:nvSpPr>
          <p:cNvPr id="12296" name="Text Box 9"/>
          <p:cNvSpPr txBox="1">
            <a:spLocks noChangeArrowheads="1"/>
          </p:cNvSpPr>
          <p:nvPr/>
        </p:nvSpPr>
        <p:spPr bwMode="blackGray">
          <a:xfrm>
            <a:off x="4865688" y="4860925"/>
            <a:ext cx="1479550" cy="641350"/>
          </a:xfrm>
          <a:prstGeom prst="rect">
            <a:avLst/>
          </a:prstGeom>
          <a:noFill/>
          <a:ln w="9525">
            <a:noFill/>
            <a:miter lim="800000"/>
            <a:headEnd/>
            <a:tailEnd/>
          </a:ln>
        </p:spPr>
        <p:txBody>
          <a:bodyPr wrap="none" lIns="45720" rIns="45720">
            <a:spAutoFit/>
          </a:bodyPr>
          <a:lstStyle/>
          <a:p>
            <a:pPr algn="ctr"/>
            <a:r>
              <a:rPr lang="en-US" sz="1800"/>
              <a:t>Interest rates</a:t>
            </a:r>
          </a:p>
          <a:p>
            <a:pPr algn="ctr"/>
            <a:endParaRPr lang="en-US" sz="1800"/>
          </a:p>
        </p:txBody>
      </p:sp>
      <p:sp>
        <p:nvSpPr>
          <p:cNvPr id="12297" name="Rectangle 10"/>
          <p:cNvSpPr>
            <a:spLocks noChangeArrowheads="1"/>
          </p:cNvSpPr>
          <p:nvPr/>
        </p:nvSpPr>
        <p:spPr bwMode="blackGray">
          <a:xfrm>
            <a:off x="4695825" y="4645025"/>
            <a:ext cx="1800225" cy="1081088"/>
          </a:xfrm>
          <a:prstGeom prst="rect">
            <a:avLst/>
          </a:prstGeom>
          <a:solidFill>
            <a:schemeClr val="accent1">
              <a:alpha val="25098"/>
            </a:schemeClr>
          </a:solidFill>
          <a:ln w="9525">
            <a:solidFill>
              <a:schemeClr val="tx1"/>
            </a:solidFill>
            <a:miter lim="800000"/>
            <a:headEnd/>
            <a:tailEnd/>
          </a:ln>
        </p:spPr>
        <p:txBody>
          <a:bodyPr wrap="none" lIns="45720" rIns="45720" anchor="ctr"/>
          <a:lstStyle/>
          <a:p>
            <a:endParaRPr lang="en-US"/>
          </a:p>
        </p:txBody>
      </p:sp>
      <p:sp>
        <p:nvSpPr>
          <p:cNvPr id="12298" name="Line 11"/>
          <p:cNvSpPr>
            <a:spLocks noChangeShapeType="1"/>
          </p:cNvSpPr>
          <p:nvPr/>
        </p:nvSpPr>
        <p:spPr bwMode="blackGray">
          <a:xfrm flipH="1" flipV="1">
            <a:off x="3327400" y="3494088"/>
            <a:ext cx="1225550" cy="1511300"/>
          </a:xfrm>
          <a:prstGeom prst="line">
            <a:avLst/>
          </a:prstGeom>
          <a:noFill/>
          <a:ln w="31750">
            <a:solidFill>
              <a:schemeClr val="tx1"/>
            </a:solidFill>
            <a:round/>
            <a:headEnd/>
            <a:tailEnd type="stealth" w="lg" len="lg"/>
          </a:ln>
        </p:spPr>
        <p:txBody>
          <a:bodyPr wrap="none" lIns="45720" rIns="45720" anchor="ctr"/>
          <a:lstStyle/>
          <a:p>
            <a:endParaRPr lang="en-US"/>
          </a:p>
        </p:txBody>
      </p:sp>
      <p:sp>
        <p:nvSpPr>
          <p:cNvPr id="12299" name="Line 12"/>
          <p:cNvSpPr>
            <a:spLocks noChangeShapeType="1"/>
          </p:cNvSpPr>
          <p:nvPr/>
        </p:nvSpPr>
        <p:spPr bwMode="blackGray">
          <a:xfrm>
            <a:off x="4264025" y="2773363"/>
            <a:ext cx="2376488" cy="0"/>
          </a:xfrm>
          <a:prstGeom prst="line">
            <a:avLst/>
          </a:prstGeom>
          <a:noFill/>
          <a:ln w="31750">
            <a:solidFill>
              <a:schemeClr val="tx1"/>
            </a:solidFill>
            <a:round/>
            <a:headEnd/>
            <a:tailEnd type="stealth" w="lg" len="lg"/>
          </a:ln>
        </p:spPr>
        <p:txBody>
          <a:bodyPr wrap="none" lIns="45720" rIns="45720" anchor="ctr"/>
          <a:lstStyle/>
          <a:p>
            <a:endParaRPr lang="en-US"/>
          </a:p>
        </p:txBody>
      </p:sp>
      <p:sp>
        <p:nvSpPr>
          <p:cNvPr id="12300" name="Freeform 16"/>
          <p:cNvSpPr>
            <a:spLocks/>
          </p:cNvSpPr>
          <p:nvPr/>
        </p:nvSpPr>
        <p:spPr bwMode="blackGray">
          <a:xfrm>
            <a:off x="1622425" y="2773363"/>
            <a:ext cx="3938588" cy="3863975"/>
          </a:xfrm>
          <a:custGeom>
            <a:avLst/>
            <a:gdLst>
              <a:gd name="T0" fmla="*/ 481013 w 2481"/>
              <a:gd name="T1" fmla="*/ 0 h 2434"/>
              <a:gd name="T2" fmla="*/ 481013 w 2481"/>
              <a:gd name="T3" fmla="*/ 3240087 h 2434"/>
              <a:gd name="T4" fmla="*/ 3362326 w 2481"/>
              <a:gd name="T5" fmla="*/ 3744913 h 2434"/>
              <a:gd name="T6" fmla="*/ 3938588 w 2481"/>
              <a:gd name="T7" fmla="*/ 3095625 h 2434"/>
              <a:gd name="T8" fmla="*/ 0 60000 65536"/>
              <a:gd name="T9" fmla="*/ 0 60000 65536"/>
              <a:gd name="T10" fmla="*/ 0 60000 65536"/>
              <a:gd name="T11" fmla="*/ 0 60000 65536"/>
              <a:gd name="T12" fmla="*/ 0 w 2481"/>
              <a:gd name="T13" fmla="*/ 0 h 2434"/>
              <a:gd name="T14" fmla="*/ 2481 w 2481"/>
              <a:gd name="T15" fmla="*/ 2434 h 2434"/>
            </a:gdLst>
            <a:ahLst/>
            <a:cxnLst>
              <a:cxn ang="T8">
                <a:pos x="T0" y="T1"/>
              </a:cxn>
              <a:cxn ang="T9">
                <a:pos x="T2" y="T3"/>
              </a:cxn>
              <a:cxn ang="T10">
                <a:pos x="T4" y="T5"/>
              </a:cxn>
              <a:cxn ang="T11">
                <a:pos x="T6" y="T7"/>
              </a:cxn>
            </a:cxnLst>
            <a:rect l="T12" t="T13" r="T14" b="T15"/>
            <a:pathLst>
              <a:path w="2481" h="2434">
                <a:moveTo>
                  <a:pt x="303" y="0"/>
                </a:moveTo>
                <a:cubicBezTo>
                  <a:pt x="151" y="824"/>
                  <a:pt x="0" y="1648"/>
                  <a:pt x="303" y="2041"/>
                </a:cubicBezTo>
                <a:cubicBezTo>
                  <a:pt x="606" y="2434"/>
                  <a:pt x="1755" y="2374"/>
                  <a:pt x="2118" y="2359"/>
                </a:cubicBezTo>
                <a:cubicBezTo>
                  <a:pt x="2481" y="2344"/>
                  <a:pt x="2481" y="2147"/>
                  <a:pt x="2481" y="1950"/>
                </a:cubicBezTo>
              </a:path>
            </a:pathLst>
          </a:custGeom>
          <a:noFill/>
          <a:ln w="31750" cap="flat" cmpd="sng">
            <a:solidFill>
              <a:schemeClr val="tx1"/>
            </a:solidFill>
            <a:prstDash val="solid"/>
            <a:round/>
            <a:headEnd/>
            <a:tailEnd type="stealth" w="lg" len="lg"/>
          </a:ln>
        </p:spPr>
        <p:txBody>
          <a:bodyPr wrap="none" lIns="45720" rIns="45720" anchor="ctr"/>
          <a:lstStyle/>
          <a:p>
            <a:endParaRPr lang="en-US"/>
          </a:p>
        </p:txBody>
      </p:sp>
      <p:sp>
        <p:nvSpPr>
          <p:cNvPr id="12301" name="Freeform 17"/>
          <p:cNvSpPr>
            <a:spLocks/>
          </p:cNvSpPr>
          <p:nvPr/>
        </p:nvSpPr>
        <p:spPr bwMode="blackGray">
          <a:xfrm>
            <a:off x="5848350" y="2773363"/>
            <a:ext cx="3455988" cy="3887787"/>
          </a:xfrm>
          <a:custGeom>
            <a:avLst/>
            <a:gdLst>
              <a:gd name="T0" fmla="*/ 2974601 w 2283"/>
              <a:gd name="T1" fmla="*/ 0 h 2495"/>
              <a:gd name="T2" fmla="*/ 3044236 w 2283"/>
              <a:gd name="T3" fmla="*/ 3252029 h 2495"/>
              <a:gd name="T4" fmla="*/ 504093 w 2283"/>
              <a:gd name="T5" fmla="*/ 3816108 h 2495"/>
              <a:gd name="T6" fmla="*/ 22707 w 2283"/>
              <a:gd name="T7" fmla="*/ 3110229 h 2495"/>
              <a:gd name="T8" fmla="*/ 0 60000 65536"/>
              <a:gd name="T9" fmla="*/ 0 60000 65536"/>
              <a:gd name="T10" fmla="*/ 0 60000 65536"/>
              <a:gd name="T11" fmla="*/ 0 60000 65536"/>
              <a:gd name="T12" fmla="*/ 0 w 2283"/>
              <a:gd name="T13" fmla="*/ 0 h 2495"/>
              <a:gd name="T14" fmla="*/ 2283 w 2283"/>
              <a:gd name="T15" fmla="*/ 2495 h 2495"/>
            </a:gdLst>
            <a:ahLst/>
            <a:cxnLst>
              <a:cxn ang="T8">
                <a:pos x="T0" y="T1"/>
              </a:cxn>
              <a:cxn ang="T9">
                <a:pos x="T2" y="T3"/>
              </a:cxn>
              <a:cxn ang="T10">
                <a:pos x="T4" y="T5"/>
              </a:cxn>
              <a:cxn ang="T11">
                <a:pos x="T6" y="T7"/>
              </a:cxn>
            </a:cxnLst>
            <a:rect l="T12" t="T13" r="T14" b="T15"/>
            <a:pathLst>
              <a:path w="2283" h="2495">
                <a:moveTo>
                  <a:pt x="1965" y="0"/>
                </a:moveTo>
                <a:cubicBezTo>
                  <a:pt x="2124" y="839"/>
                  <a:pt x="2283" y="1679"/>
                  <a:pt x="2011" y="2087"/>
                </a:cubicBezTo>
                <a:cubicBezTo>
                  <a:pt x="1739" y="2495"/>
                  <a:pt x="666" y="2464"/>
                  <a:pt x="333" y="2449"/>
                </a:cubicBezTo>
                <a:cubicBezTo>
                  <a:pt x="0" y="2434"/>
                  <a:pt x="68" y="2071"/>
                  <a:pt x="15" y="1996"/>
                </a:cubicBezTo>
              </a:path>
            </a:pathLst>
          </a:custGeom>
          <a:noFill/>
          <a:ln w="31750" cap="flat" cmpd="sng">
            <a:solidFill>
              <a:schemeClr val="tx1"/>
            </a:solidFill>
            <a:prstDash val="solid"/>
            <a:round/>
            <a:headEnd/>
            <a:tailEnd type="stealth" w="lg" len="lg"/>
          </a:ln>
        </p:spPr>
        <p:txBody>
          <a:bodyPr wrap="none" lIns="45720" rIns="45720" anchor="ctr"/>
          <a:lstStyle/>
          <a:p>
            <a:endParaRPr lang="en-US"/>
          </a:p>
        </p:txBody>
      </p:sp>
      <p:sp>
        <p:nvSpPr>
          <p:cNvPr id="12302" name="Text Box 18"/>
          <p:cNvSpPr txBox="1">
            <a:spLocks noChangeArrowheads="1"/>
          </p:cNvSpPr>
          <p:nvPr/>
        </p:nvSpPr>
        <p:spPr bwMode="blackGray">
          <a:xfrm>
            <a:off x="4984750" y="6661150"/>
            <a:ext cx="1368425" cy="366713"/>
          </a:xfrm>
          <a:prstGeom prst="rect">
            <a:avLst/>
          </a:prstGeom>
          <a:noFill/>
          <a:ln w="9525">
            <a:noFill/>
            <a:miter lim="800000"/>
            <a:headEnd/>
            <a:tailEnd/>
          </a:ln>
        </p:spPr>
        <p:txBody>
          <a:bodyPr lIns="45720" rIns="45720">
            <a:spAutoFit/>
          </a:bodyPr>
          <a:lstStyle/>
          <a:p>
            <a:pPr algn="ctr">
              <a:spcBef>
                <a:spcPct val="50000"/>
              </a:spcBef>
            </a:pPr>
            <a:r>
              <a:rPr lang="en-US" sz="1800"/>
              <a:t>Taylor rule</a:t>
            </a:r>
          </a:p>
        </p:txBody>
      </p:sp>
      <p:sp>
        <p:nvSpPr>
          <p:cNvPr id="12303" name="Text Box 19"/>
          <p:cNvSpPr txBox="1">
            <a:spLocks noChangeArrowheads="1"/>
          </p:cNvSpPr>
          <p:nvPr/>
        </p:nvSpPr>
        <p:spPr bwMode="blackGray">
          <a:xfrm>
            <a:off x="2535238" y="4068763"/>
            <a:ext cx="1441450" cy="366712"/>
          </a:xfrm>
          <a:prstGeom prst="rect">
            <a:avLst/>
          </a:prstGeom>
          <a:noFill/>
          <a:ln w="9525">
            <a:noFill/>
            <a:miter lim="800000"/>
            <a:headEnd/>
            <a:tailEnd/>
          </a:ln>
        </p:spPr>
        <p:txBody>
          <a:bodyPr lIns="45720" rIns="45720">
            <a:spAutoFit/>
          </a:bodyPr>
          <a:lstStyle/>
          <a:p>
            <a:pPr algn="ctr">
              <a:spcBef>
                <a:spcPct val="50000"/>
              </a:spcBef>
            </a:pPr>
            <a:r>
              <a:rPr lang="en-US" sz="1800"/>
              <a:t>“IS” curve</a:t>
            </a:r>
          </a:p>
        </p:txBody>
      </p:sp>
      <p:sp>
        <p:nvSpPr>
          <p:cNvPr id="12304" name="Text Box 20"/>
          <p:cNvSpPr txBox="1">
            <a:spLocks noChangeArrowheads="1"/>
          </p:cNvSpPr>
          <p:nvPr/>
        </p:nvSpPr>
        <p:spPr bwMode="blackGray">
          <a:xfrm>
            <a:off x="4552950" y="2341563"/>
            <a:ext cx="1800225" cy="366712"/>
          </a:xfrm>
          <a:prstGeom prst="rect">
            <a:avLst/>
          </a:prstGeom>
          <a:noFill/>
          <a:ln w="9525">
            <a:noFill/>
            <a:miter lim="800000"/>
            <a:headEnd/>
            <a:tailEnd/>
          </a:ln>
        </p:spPr>
        <p:txBody>
          <a:bodyPr lIns="45720" rIns="45720">
            <a:spAutoFit/>
          </a:bodyPr>
          <a:lstStyle/>
          <a:p>
            <a:pPr algn="ctr">
              <a:spcBef>
                <a:spcPct val="50000"/>
              </a:spcBef>
            </a:pPr>
            <a:r>
              <a:rPr lang="en-US" sz="1800"/>
              <a:t>Phillips curve</a:t>
            </a:r>
          </a:p>
        </p:txBody>
      </p:sp>
    </p:spTree>
  </p:cSld>
  <p:clrMapOvr>
    <a:masterClrMapping/>
  </p:clrMapOvr>
</p:sld>
</file>

<file path=ppt/slides/slide11.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4338" name="Slide Number Placeholder 3"/>
          <p:cNvSpPr>
            <a:spLocks noGrp="1"/>
          </p:cNvSpPr>
          <p:nvPr>
            <p:ph type="sldNum" sz="quarter" idx="10"/>
          </p:nvPr>
        </p:nvSpPr>
        <p:spPr>
          <a:noFill/>
        </p:spPr>
        <p:txBody>
          <a:bodyPr/>
          <a:lstStyle/>
          <a:p>
            <a:fld id="{718008D5-B929-4C22-BCA7-6755C4A397E3}" type="slidenum">
              <a:rPr lang="en-US" smtClean="0"/>
              <a:pPr/>
              <a:t>10</a:t>
            </a:fld>
            <a:endParaRPr lang="en-US" smtClean="0"/>
          </a:p>
        </p:txBody>
      </p:sp>
      <p:sp>
        <p:nvSpPr>
          <p:cNvPr id="14339" name="Rectangle 2"/>
          <p:cNvSpPr>
            <a:spLocks noGrp="1" noChangeArrowheads="1"/>
          </p:cNvSpPr>
          <p:nvPr>
            <p:ph type="title"/>
          </p:nvPr>
        </p:nvSpPr>
        <p:spPr/>
        <p:txBody>
          <a:bodyPr/>
          <a:lstStyle/>
          <a:p>
            <a:r>
              <a:rPr lang="en-US" smtClean="0"/>
              <a:t>Data watching growth</a:t>
            </a:r>
          </a:p>
        </p:txBody>
      </p:sp>
      <p:sp>
        <p:nvSpPr>
          <p:cNvPr id="14340" name="Rectangle 3"/>
          <p:cNvSpPr>
            <a:spLocks noGrp="1" noChangeArrowheads="1"/>
          </p:cNvSpPr>
          <p:nvPr>
            <p:ph type="body" idx="1"/>
          </p:nvPr>
        </p:nvSpPr>
        <p:spPr>
          <a:xfrm>
            <a:off x="1671638" y="1477963"/>
            <a:ext cx="7165975" cy="4799012"/>
          </a:xfrm>
        </p:spPr>
        <p:txBody>
          <a:bodyPr/>
          <a:lstStyle/>
          <a:p>
            <a:r>
              <a:rPr lang="en-US" sz="1800" smtClean="0"/>
              <a:t>GDP, the central focus in assessing growth, is defined as the market value of all final goods and services produced in a country in a given period. </a:t>
            </a:r>
          </a:p>
          <a:p>
            <a:r>
              <a:rPr lang="en-US" sz="1800" smtClean="0"/>
              <a:t>Three ways of measuring GDP which are equivalent (in principle):</a:t>
            </a:r>
          </a:p>
          <a:p>
            <a:pPr>
              <a:buClr>
                <a:schemeClr val="accent1"/>
              </a:buClr>
              <a:buFontTx/>
              <a:buChar char="•"/>
            </a:pPr>
            <a:r>
              <a:rPr lang="en-US" sz="1800" b="1" smtClean="0"/>
              <a:t>The expenditure measure</a:t>
            </a:r>
            <a:r>
              <a:rPr lang="en-US" sz="1800" smtClean="0"/>
              <a:t>. Output is measured by the type of final purchase: consumption, investment, government spending and net exports. This is the preferred measure in the most countries.</a:t>
            </a:r>
          </a:p>
          <a:p>
            <a:pPr>
              <a:buClr>
                <a:schemeClr val="accent1"/>
              </a:buClr>
              <a:buFontTx/>
              <a:buChar char="•"/>
            </a:pPr>
            <a:r>
              <a:rPr lang="en-US" sz="1800" b="1" smtClean="0"/>
              <a:t>The industry output measure</a:t>
            </a:r>
            <a:r>
              <a:rPr lang="en-US" sz="1800" smtClean="0"/>
              <a:t>.</a:t>
            </a:r>
            <a:r>
              <a:rPr lang="en-US" sz="1800" b="1" smtClean="0"/>
              <a:t> </a:t>
            </a:r>
            <a:r>
              <a:rPr lang="en-US" sz="1800" smtClean="0"/>
              <a:t>The sum of value added across industries. This is the preferred measure in fewer countries.</a:t>
            </a:r>
          </a:p>
          <a:p>
            <a:pPr>
              <a:buClr>
                <a:schemeClr val="accent1"/>
              </a:buClr>
              <a:buFontTx/>
              <a:buChar char="•"/>
            </a:pPr>
            <a:r>
              <a:rPr lang="en-US" sz="1800" b="1" smtClean="0"/>
              <a:t>The income measure</a:t>
            </a:r>
            <a:r>
              <a:rPr lang="en-US" sz="1800" smtClean="0"/>
              <a:t>.</a:t>
            </a:r>
            <a:r>
              <a:rPr lang="en-US" sz="1800" b="1" smtClean="0"/>
              <a:t> </a:t>
            </a:r>
            <a:r>
              <a:rPr lang="en-US" sz="1800" smtClean="0"/>
              <a:t>The costs incurred and income earned in producing output; often divided into labor compensation, several components of capital income, and some other small technical categories. This is a subsidiary measure of output in most countries.</a:t>
            </a:r>
            <a:endParaRPr lang="en-US" sz="1800" b="1" smtClean="0"/>
          </a:p>
        </p:txBody>
      </p:sp>
    </p:spTree>
  </p:cSld>
  <p:clrMapOvr>
    <a:masterClrMapping/>
  </p:clrMapOvr>
</p:sld>
</file>

<file path=ppt/slides/slide12.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4338" name="Slide Number Placeholder 3"/>
          <p:cNvSpPr>
            <a:spLocks noGrp="1"/>
          </p:cNvSpPr>
          <p:nvPr>
            <p:ph type="sldNum" sz="quarter" idx="10"/>
          </p:nvPr>
        </p:nvSpPr>
        <p:spPr>
          <a:noFill/>
        </p:spPr>
        <p:txBody>
          <a:bodyPr/>
          <a:lstStyle/>
          <a:p>
            <a:fld id="{718008D5-B929-4C22-BCA7-6755C4A397E3}" type="slidenum">
              <a:rPr lang="en-US" smtClean="0"/>
              <a:pPr/>
              <a:t>11</a:t>
            </a:fld>
            <a:endParaRPr lang="en-US" smtClean="0"/>
          </a:p>
        </p:txBody>
      </p:sp>
      <p:sp>
        <p:nvSpPr>
          <p:cNvPr id="14339" name="Rectangle 2"/>
          <p:cNvSpPr>
            <a:spLocks noGrp="1" noChangeArrowheads="1"/>
          </p:cNvSpPr>
          <p:nvPr>
            <p:ph type="title"/>
          </p:nvPr>
        </p:nvSpPr>
        <p:spPr/>
        <p:txBody>
          <a:bodyPr/>
          <a:lstStyle/>
          <a:p>
            <a:r>
              <a:rPr lang="en-US" dirty="0" smtClean="0"/>
              <a:t>Importance of GDP</a:t>
            </a:r>
          </a:p>
        </p:txBody>
      </p:sp>
      <p:sp>
        <p:nvSpPr>
          <p:cNvPr id="14340" name="Rectangle 3"/>
          <p:cNvSpPr>
            <a:spLocks noGrp="1" noChangeArrowheads="1"/>
          </p:cNvSpPr>
          <p:nvPr>
            <p:ph type="body" idx="1"/>
          </p:nvPr>
        </p:nvSpPr>
        <p:spPr>
          <a:xfrm>
            <a:off x="1671638" y="1477963"/>
            <a:ext cx="7165975" cy="4799012"/>
          </a:xfrm>
        </p:spPr>
        <p:txBody>
          <a:bodyPr/>
          <a:lstStyle/>
          <a:p>
            <a:pPr>
              <a:buClr>
                <a:schemeClr val="accent1"/>
              </a:buClr>
              <a:buFontTx/>
              <a:buChar char="•"/>
            </a:pPr>
            <a:r>
              <a:rPr lang="en-US" sz="1800" b="1" dirty="0" smtClean="0"/>
              <a:t>Traditional reason</a:t>
            </a:r>
            <a:r>
              <a:rPr lang="en-US" sz="1800" dirty="0" smtClean="0"/>
              <a:t>.</a:t>
            </a:r>
            <a:r>
              <a:rPr lang="en-US" sz="1800" b="1" dirty="0" smtClean="0"/>
              <a:t> </a:t>
            </a:r>
            <a:r>
              <a:rPr lang="en-US" sz="1800" dirty="0" smtClean="0"/>
              <a:t>The usual stuff: determines employment, inflation pressures -&gt; interest rates</a:t>
            </a:r>
          </a:p>
          <a:p>
            <a:pPr>
              <a:buClr>
                <a:schemeClr val="accent1"/>
              </a:buClr>
              <a:buFontTx/>
              <a:buChar char="•"/>
            </a:pPr>
            <a:r>
              <a:rPr lang="en-US" sz="1800" b="1" dirty="0" smtClean="0"/>
              <a:t> Data watching reason. </a:t>
            </a:r>
            <a:r>
              <a:rPr lang="en-US" sz="1800" dirty="0" smtClean="0"/>
              <a:t>Disciplines an economic view: only one GDP.</a:t>
            </a:r>
          </a:p>
          <a:p>
            <a:pPr lvl="3">
              <a:buClr>
                <a:schemeClr val="accent1"/>
              </a:buClr>
              <a:buFontTx/>
              <a:buChar char="•"/>
            </a:pPr>
            <a:r>
              <a:rPr lang="en-US" sz="1800" dirty="0" smtClean="0"/>
              <a:t>Financial markets unconvinced of macro forecasting models</a:t>
            </a:r>
          </a:p>
        </p:txBody>
      </p:sp>
    </p:spTree>
  </p:cSld>
  <p:clrMapOvr>
    <a:masterClrMapping/>
  </p:clrMapOvr>
</p:sld>
</file>

<file path=ppt/slides/slide13.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5362" name="Slide Number Placeholder 2"/>
          <p:cNvSpPr>
            <a:spLocks noGrp="1"/>
          </p:cNvSpPr>
          <p:nvPr>
            <p:ph type="sldNum" sz="quarter" idx="10"/>
          </p:nvPr>
        </p:nvSpPr>
        <p:spPr>
          <a:noFill/>
        </p:spPr>
        <p:txBody>
          <a:bodyPr/>
          <a:lstStyle/>
          <a:p>
            <a:fld id="{8FAA8983-C0C9-45BF-9720-121365B9B4C9}" type="slidenum">
              <a:rPr lang="en-US" smtClean="0"/>
              <a:pPr/>
              <a:t>12</a:t>
            </a:fld>
            <a:endParaRPr lang="en-US" smtClean="0"/>
          </a:p>
        </p:txBody>
      </p:sp>
      <p:sp>
        <p:nvSpPr>
          <p:cNvPr id="15363" name="Rectangle 2"/>
          <p:cNvSpPr>
            <a:spLocks noGrp="1" noChangeArrowheads="1"/>
          </p:cNvSpPr>
          <p:nvPr>
            <p:ph type="title"/>
          </p:nvPr>
        </p:nvSpPr>
        <p:spPr>
          <a:xfrm>
            <a:off x="1023938" y="325438"/>
            <a:ext cx="7313612" cy="630237"/>
          </a:xfrm>
        </p:spPr>
        <p:txBody>
          <a:bodyPr/>
          <a:lstStyle/>
          <a:p>
            <a:r>
              <a:rPr lang="en-US" smtClean="0"/>
              <a:t>Building up expenditure-based GDP in the US</a:t>
            </a:r>
          </a:p>
        </p:txBody>
      </p:sp>
      <p:sp>
        <p:nvSpPr>
          <p:cNvPr id="15364" name="Rectangle 4"/>
          <p:cNvSpPr>
            <a:spLocks noChangeArrowheads="1"/>
          </p:cNvSpPr>
          <p:nvPr/>
        </p:nvSpPr>
        <p:spPr bwMode="blackGray">
          <a:xfrm>
            <a:off x="3471863" y="1404938"/>
            <a:ext cx="1800225" cy="2592387"/>
          </a:xfrm>
          <a:prstGeom prst="rect">
            <a:avLst/>
          </a:prstGeom>
          <a:noFill/>
          <a:ln w="9525">
            <a:solidFill>
              <a:schemeClr val="tx1"/>
            </a:solidFill>
            <a:miter lim="800000"/>
            <a:headEnd/>
            <a:tailEnd/>
          </a:ln>
        </p:spPr>
        <p:txBody>
          <a:bodyPr wrap="none" lIns="45720" rIns="45720" anchor="ctr"/>
          <a:lstStyle/>
          <a:p>
            <a:endParaRPr lang="en-US"/>
          </a:p>
        </p:txBody>
      </p:sp>
      <p:sp>
        <p:nvSpPr>
          <p:cNvPr id="15365" name="Rectangle 5"/>
          <p:cNvSpPr>
            <a:spLocks noChangeArrowheads="1"/>
          </p:cNvSpPr>
          <p:nvPr/>
        </p:nvSpPr>
        <p:spPr bwMode="blackGray">
          <a:xfrm>
            <a:off x="3471863" y="3997325"/>
            <a:ext cx="1800225" cy="1008063"/>
          </a:xfrm>
          <a:prstGeom prst="rect">
            <a:avLst/>
          </a:prstGeom>
          <a:noFill/>
          <a:ln w="9525">
            <a:solidFill>
              <a:schemeClr val="tx1"/>
            </a:solidFill>
            <a:miter lim="800000"/>
            <a:headEnd/>
            <a:tailEnd/>
          </a:ln>
        </p:spPr>
        <p:txBody>
          <a:bodyPr wrap="none" lIns="45720" rIns="45720" anchor="ctr"/>
          <a:lstStyle/>
          <a:p>
            <a:endParaRPr lang="en-US"/>
          </a:p>
        </p:txBody>
      </p:sp>
      <p:sp>
        <p:nvSpPr>
          <p:cNvPr id="15366" name="AutoShape 6"/>
          <p:cNvSpPr>
            <a:spLocks/>
          </p:cNvSpPr>
          <p:nvPr/>
        </p:nvSpPr>
        <p:spPr bwMode="blackGray">
          <a:xfrm>
            <a:off x="2895600" y="1477963"/>
            <a:ext cx="431800" cy="2447925"/>
          </a:xfrm>
          <a:prstGeom prst="leftBrace">
            <a:avLst>
              <a:gd name="adj1" fmla="val 47243"/>
              <a:gd name="adj2" fmla="val 50000"/>
            </a:avLst>
          </a:prstGeom>
          <a:noFill/>
          <a:ln w="9525">
            <a:solidFill>
              <a:schemeClr val="tx1"/>
            </a:solidFill>
            <a:round/>
            <a:headEnd/>
            <a:tailEnd/>
          </a:ln>
        </p:spPr>
        <p:txBody>
          <a:bodyPr wrap="none" lIns="45720" rIns="45720" anchor="ctr"/>
          <a:lstStyle/>
          <a:p>
            <a:endParaRPr lang="en-US"/>
          </a:p>
        </p:txBody>
      </p:sp>
      <p:sp>
        <p:nvSpPr>
          <p:cNvPr id="15367" name="Text Box 7"/>
          <p:cNvSpPr txBox="1">
            <a:spLocks noChangeArrowheads="1"/>
          </p:cNvSpPr>
          <p:nvPr/>
        </p:nvSpPr>
        <p:spPr bwMode="blackGray">
          <a:xfrm>
            <a:off x="1239838" y="2557463"/>
            <a:ext cx="1595437" cy="304800"/>
          </a:xfrm>
          <a:prstGeom prst="rect">
            <a:avLst/>
          </a:prstGeom>
          <a:noFill/>
          <a:ln w="9525">
            <a:noFill/>
            <a:miter lim="800000"/>
            <a:headEnd/>
            <a:tailEnd/>
          </a:ln>
        </p:spPr>
        <p:txBody>
          <a:bodyPr wrap="none" lIns="45720" rIns="45720">
            <a:spAutoFit/>
          </a:bodyPr>
          <a:lstStyle/>
          <a:p>
            <a:pPr algn="ctr"/>
            <a:r>
              <a:rPr lang="en-US" sz="1400"/>
              <a:t>Consumption (71%)</a:t>
            </a:r>
          </a:p>
        </p:txBody>
      </p:sp>
      <p:sp>
        <p:nvSpPr>
          <p:cNvPr id="15368" name="Text Box 8"/>
          <p:cNvSpPr txBox="1">
            <a:spLocks noChangeArrowheads="1"/>
          </p:cNvSpPr>
          <p:nvPr/>
        </p:nvSpPr>
        <p:spPr bwMode="blackGray">
          <a:xfrm>
            <a:off x="1239838" y="4357688"/>
            <a:ext cx="1452562" cy="304800"/>
          </a:xfrm>
          <a:prstGeom prst="rect">
            <a:avLst/>
          </a:prstGeom>
          <a:noFill/>
          <a:ln w="9525">
            <a:noFill/>
            <a:miter lim="800000"/>
            <a:headEnd/>
            <a:tailEnd/>
          </a:ln>
        </p:spPr>
        <p:txBody>
          <a:bodyPr wrap="none" lIns="45720" rIns="45720">
            <a:spAutoFit/>
          </a:bodyPr>
          <a:lstStyle/>
          <a:p>
            <a:pPr algn="ctr"/>
            <a:r>
              <a:rPr lang="en-US" sz="1400"/>
              <a:t>Investment (13%)</a:t>
            </a:r>
          </a:p>
        </p:txBody>
      </p:sp>
      <p:sp>
        <p:nvSpPr>
          <p:cNvPr id="15369" name="Rectangle 9"/>
          <p:cNvSpPr>
            <a:spLocks noChangeArrowheads="1"/>
          </p:cNvSpPr>
          <p:nvPr/>
        </p:nvSpPr>
        <p:spPr bwMode="blackGray">
          <a:xfrm>
            <a:off x="3471863" y="5005388"/>
            <a:ext cx="1800225" cy="1152525"/>
          </a:xfrm>
          <a:prstGeom prst="rect">
            <a:avLst/>
          </a:prstGeom>
          <a:noFill/>
          <a:ln w="9525">
            <a:solidFill>
              <a:schemeClr val="tx1"/>
            </a:solidFill>
            <a:miter lim="800000"/>
            <a:headEnd/>
            <a:tailEnd/>
          </a:ln>
        </p:spPr>
        <p:txBody>
          <a:bodyPr wrap="none" lIns="45720" rIns="45720" anchor="ctr"/>
          <a:lstStyle/>
          <a:p>
            <a:endParaRPr lang="en-US"/>
          </a:p>
        </p:txBody>
      </p:sp>
      <p:sp>
        <p:nvSpPr>
          <p:cNvPr id="15370" name="AutoShape 10"/>
          <p:cNvSpPr>
            <a:spLocks/>
          </p:cNvSpPr>
          <p:nvPr/>
        </p:nvSpPr>
        <p:spPr bwMode="blackGray">
          <a:xfrm>
            <a:off x="2968625" y="4068763"/>
            <a:ext cx="358775" cy="865187"/>
          </a:xfrm>
          <a:prstGeom prst="leftBrace">
            <a:avLst>
              <a:gd name="adj1" fmla="val 20096"/>
              <a:gd name="adj2" fmla="val 50000"/>
            </a:avLst>
          </a:prstGeom>
          <a:noFill/>
          <a:ln w="9525">
            <a:solidFill>
              <a:schemeClr val="tx1"/>
            </a:solidFill>
            <a:round/>
            <a:headEnd/>
            <a:tailEnd/>
          </a:ln>
        </p:spPr>
        <p:txBody>
          <a:bodyPr wrap="none" lIns="45720" rIns="45720" anchor="ctr"/>
          <a:lstStyle/>
          <a:p>
            <a:endParaRPr lang="en-US"/>
          </a:p>
        </p:txBody>
      </p:sp>
      <p:sp>
        <p:nvSpPr>
          <p:cNvPr id="15371" name="AutoShape 11"/>
          <p:cNvSpPr>
            <a:spLocks/>
          </p:cNvSpPr>
          <p:nvPr/>
        </p:nvSpPr>
        <p:spPr bwMode="blackGray">
          <a:xfrm>
            <a:off x="2968625" y="5076825"/>
            <a:ext cx="360363" cy="1009650"/>
          </a:xfrm>
          <a:prstGeom prst="leftBrace">
            <a:avLst>
              <a:gd name="adj1" fmla="val 23348"/>
              <a:gd name="adj2" fmla="val 50000"/>
            </a:avLst>
          </a:prstGeom>
          <a:noFill/>
          <a:ln w="9525">
            <a:solidFill>
              <a:schemeClr val="tx1"/>
            </a:solidFill>
            <a:round/>
            <a:headEnd/>
            <a:tailEnd/>
          </a:ln>
        </p:spPr>
        <p:txBody>
          <a:bodyPr wrap="none" lIns="45720" rIns="45720" anchor="ctr"/>
          <a:lstStyle/>
          <a:p>
            <a:endParaRPr lang="en-US"/>
          </a:p>
        </p:txBody>
      </p:sp>
      <p:sp>
        <p:nvSpPr>
          <p:cNvPr id="15372" name="Line 12"/>
          <p:cNvSpPr>
            <a:spLocks noChangeShapeType="1"/>
          </p:cNvSpPr>
          <p:nvPr/>
        </p:nvSpPr>
        <p:spPr bwMode="blackGray">
          <a:xfrm>
            <a:off x="1311275" y="6157913"/>
            <a:ext cx="4321175" cy="0"/>
          </a:xfrm>
          <a:prstGeom prst="line">
            <a:avLst/>
          </a:prstGeom>
          <a:noFill/>
          <a:ln w="9525">
            <a:solidFill>
              <a:schemeClr val="tx1"/>
            </a:solidFill>
            <a:round/>
            <a:headEnd/>
            <a:tailEnd/>
          </a:ln>
        </p:spPr>
        <p:txBody>
          <a:bodyPr wrap="none" lIns="45720" rIns="45720" anchor="ctr"/>
          <a:lstStyle/>
          <a:p>
            <a:endParaRPr lang="en-US"/>
          </a:p>
        </p:txBody>
      </p:sp>
      <p:sp>
        <p:nvSpPr>
          <p:cNvPr id="15373" name="Text Box 13"/>
          <p:cNvSpPr txBox="1">
            <a:spLocks noChangeArrowheads="1"/>
          </p:cNvSpPr>
          <p:nvPr/>
        </p:nvSpPr>
        <p:spPr bwMode="blackGray">
          <a:xfrm>
            <a:off x="1231900" y="5437188"/>
            <a:ext cx="1563688" cy="307975"/>
          </a:xfrm>
          <a:prstGeom prst="rect">
            <a:avLst/>
          </a:prstGeom>
          <a:noFill/>
          <a:ln w="9525">
            <a:noFill/>
            <a:miter lim="800000"/>
            <a:headEnd/>
            <a:tailEnd/>
          </a:ln>
        </p:spPr>
        <p:txBody>
          <a:bodyPr wrap="none" lIns="45720" rIns="45720">
            <a:spAutoFit/>
          </a:bodyPr>
          <a:lstStyle/>
          <a:p>
            <a:pPr algn="ctr"/>
            <a:r>
              <a:rPr lang="en-US" sz="1400"/>
              <a:t>Government (20%)</a:t>
            </a:r>
          </a:p>
        </p:txBody>
      </p:sp>
      <p:sp>
        <p:nvSpPr>
          <p:cNvPr id="15374" name="Rectangle 14"/>
          <p:cNvSpPr>
            <a:spLocks noChangeArrowheads="1"/>
          </p:cNvSpPr>
          <p:nvPr/>
        </p:nvSpPr>
        <p:spPr bwMode="blackGray">
          <a:xfrm>
            <a:off x="3471863" y="6157913"/>
            <a:ext cx="1800225" cy="576262"/>
          </a:xfrm>
          <a:prstGeom prst="rect">
            <a:avLst/>
          </a:prstGeom>
          <a:noFill/>
          <a:ln w="9525">
            <a:solidFill>
              <a:schemeClr val="tx1"/>
            </a:solidFill>
            <a:miter lim="800000"/>
            <a:headEnd/>
            <a:tailEnd/>
          </a:ln>
        </p:spPr>
        <p:txBody>
          <a:bodyPr wrap="none" lIns="45720" rIns="45720" anchor="ctr"/>
          <a:lstStyle/>
          <a:p>
            <a:endParaRPr lang="en-US"/>
          </a:p>
        </p:txBody>
      </p:sp>
      <p:sp>
        <p:nvSpPr>
          <p:cNvPr id="15375" name="AutoShape 15"/>
          <p:cNvSpPr>
            <a:spLocks/>
          </p:cNvSpPr>
          <p:nvPr/>
        </p:nvSpPr>
        <p:spPr bwMode="blackGray">
          <a:xfrm>
            <a:off x="2968625" y="6229350"/>
            <a:ext cx="358775" cy="431800"/>
          </a:xfrm>
          <a:prstGeom prst="leftBrace">
            <a:avLst>
              <a:gd name="adj1" fmla="val 10029"/>
              <a:gd name="adj2" fmla="val 50000"/>
            </a:avLst>
          </a:prstGeom>
          <a:noFill/>
          <a:ln w="9525">
            <a:solidFill>
              <a:schemeClr val="tx1"/>
            </a:solidFill>
            <a:round/>
            <a:headEnd/>
            <a:tailEnd/>
          </a:ln>
        </p:spPr>
        <p:txBody>
          <a:bodyPr wrap="none" lIns="45720" rIns="45720" anchor="ctr"/>
          <a:lstStyle/>
          <a:p>
            <a:endParaRPr lang="en-US"/>
          </a:p>
        </p:txBody>
      </p:sp>
      <p:sp>
        <p:nvSpPr>
          <p:cNvPr id="15376" name="Text Box 16"/>
          <p:cNvSpPr txBox="1">
            <a:spLocks noChangeArrowheads="1"/>
          </p:cNvSpPr>
          <p:nvPr/>
        </p:nvSpPr>
        <p:spPr bwMode="blackGray">
          <a:xfrm>
            <a:off x="1270000" y="6302375"/>
            <a:ext cx="1477963" cy="307975"/>
          </a:xfrm>
          <a:prstGeom prst="rect">
            <a:avLst/>
          </a:prstGeom>
          <a:noFill/>
          <a:ln w="9525">
            <a:noFill/>
            <a:miter lim="800000"/>
            <a:headEnd/>
            <a:tailEnd/>
          </a:ln>
        </p:spPr>
        <p:txBody>
          <a:bodyPr wrap="none" lIns="45720" rIns="45720">
            <a:spAutoFit/>
          </a:bodyPr>
          <a:lstStyle/>
          <a:p>
            <a:pPr algn="ctr"/>
            <a:r>
              <a:rPr lang="en-US" sz="1400"/>
              <a:t>Net exports (-4%)</a:t>
            </a:r>
          </a:p>
        </p:txBody>
      </p:sp>
      <p:sp>
        <p:nvSpPr>
          <p:cNvPr id="15377" name="Text Box 17"/>
          <p:cNvSpPr txBox="1">
            <a:spLocks noChangeArrowheads="1"/>
          </p:cNvSpPr>
          <p:nvPr/>
        </p:nvSpPr>
        <p:spPr bwMode="blackGray">
          <a:xfrm>
            <a:off x="3754438" y="2486025"/>
            <a:ext cx="1228725" cy="523875"/>
          </a:xfrm>
          <a:prstGeom prst="rect">
            <a:avLst/>
          </a:prstGeom>
          <a:noFill/>
          <a:ln w="9525">
            <a:noFill/>
            <a:miter lim="800000"/>
            <a:headEnd/>
            <a:tailEnd/>
          </a:ln>
        </p:spPr>
        <p:txBody>
          <a:bodyPr wrap="none" lIns="45720" rIns="45720">
            <a:spAutoFit/>
          </a:bodyPr>
          <a:lstStyle/>
          <a:p>
            <a:pPr algn="ctr"/>
            <a:r>
              <a:rPr lang="en-US" sz="1400"/>
              <a:t>Services (47%)</a:t>
            </a:r>
          </a:p>
          <a:p>
            <a:pPr algn="ctr"/>
            <a:r>
              <a:rPr lang="en-US" sz="1400"/>
              <a:t>Goods(24%)</a:t>
            </a:r>
          </a:p>
        </p:txBody>
      </p:sp>
      <p:sp>
        <p:nvSpPr>
          <p:cNvPr id="15378" name="Text Box 18"/>
          <p:cNvSpPr txBox="1">
            <a:spLocks noChangeArrowheads="1"/>
          </p:cNvSpPr>
          <p:nvPr/>
        </p:nvSpPr>
        <p:spPr bwMode="blackGray">
          <a:xfrm>
            <a:off x="3536950" y="4141788"/>
            <a:ext cx="1695450" cy="738187"/>
          </a:xfrm>
          <a:prstGeom prst="rect">
            <a:avLst/>
          </a:prstGeom>
          <a:noFill/>
          <a:ln w="9525">
            <a:noFill/>
            <a:miter lim="800000"/>
            <a:headEnd/>
            <a:tailEnd/>
          </a:ln>
        </p:spPr>
        <p:txBody>
          <a:bodyPr wrap="none" lIns="45720" rIns="45720">
            <a:spAutoFit/>
          </a:bodyPr>
          <a:lstStyle/>
          <a:p>
            <a:pPr algn="ctr"/>
            <a:r>
              <a:rPr lang="en-US" sz="1400"/>
              <a:t>Business fixed (13%)</a:t>
            </a:r>
          </a:p>
          <a:p>
            <a:pPr algn="ctr"/>
            <a:r>
              <a:rPr lang="en-US" sz="1400"/>
              <a:t>Residential (2%)</a:t>
            </a:r>
          </a:p>
          <a:p>
            <a:pPr algn="ctr"/>
            <a:r>
              <a:rPr lang="en-US" sz="1400"/>
              <a:t>Inventories(0.5%)</a:t>
            </a:r>
          </a:p>
        </p:txBody>
      </p:sp>
      <p:sp>
        <p:nvSpPr>
          <p:cNvPr id="15379" name="Text Box 19"/>
          <p:cNvSpPr txBox="1">
            <a:spLocks noChangeArrowheads="1"/>
          </p:cNvSpPr>
          <p:nvPr/>
        </p:nvSpPr>
        <p:spPr bwMode="blackGray">
          <a:xfrm>
            <a:off x="3463925" y="5294313"/>
            <a:ext cx="1779588" cy="523875"/>
          </a:xfrm>
          <a:prstGeom prst="rect">
            <a:avLst/>
          </a:prstGeom>
          <a:noFill/>
          <a:ln w="9525">
            <a:noFill/>
            <a:miter lim="800000"/>
            <a:headEnd/>
            <a:tailEnd/>
          </a:ln>
        </p:spPr>
        <p:txBody>
          <a:bodyPr wrap="none" lIns="45720" rIns="45720">
            <a:spAutoFit/>
          </a:bodyPr>
          <a:lstStyle/>
          <a:p>
            <a:pPr algn="ctr"/>
            <a:r>
              <a:rPr lang="en-US" sz="1400"/>
              <a:t>Federal (8%)</a:t>
            </a:r>
          </a:p>
          <a:p>
            <a:pPr algn="ctr"/>
            <a:r>
              <a:rPr lang="en-US" sz="1400"/>
              <a:t>State and local (12%)</a:t>
            </a:r>
          </a:p>
        </p:txBody>
      </p:sp>
      <p:sp>
        <p:nvSpPr>
          <p:cNvPr id="15380" name="Text Box 20"/>
          <p:cNvSpPr txBox="1">
            <a:spLocks noChangeArrowheads="1"/>
          </p:cNvSpPr>
          <p:nvPr/>
        </p:nvSpPr>
        <p:spPr bwMode="blackGray">
          <a:xfrm>
            <a:off x="3749675" y="6156325"/>
            <a:ext cx="1181100" cy="523875"/>
          </a:xfrm>
          <a:prstGeom prst="rect">
            <a:avLst/>
          </a:prstGeom>
          <a:noFill/>
          <a:ln w="9525">
            <a:noFill/>
            <a:miter lim="800000"/>
            <a:headEnd/>
            <a:tailEnd/>
          </a:ln>
        </p:spPr>
        <p:txBody>
          <a:bodyPr wrap="none" lIns="45720" rIns="45720">
            <a:spAutoFit/>
          </a:bodyPr>
          <a:lstStyle/>
          <a:p>
            <a:pPr algn="ctr"/>
            <a:r>
              <a:rPr lang="en-US" sz="1400"/>
              <a:t>Exports (14%)</a:t>
            </a:r>
          </a:p>
          <a:p>
            <a:pPr algn="ctr"/>
            <a:r>
              <a:rPr lang="en-US" sz="1400"/>
              <a:t>Imports (18%)</a:t>
            </a:r>
          </a:p>
        </p:txBody>
      </p:sp>
      <p:sp>
        <p:nvSpPr>
          <p:cNvPr id="15381" name="Line 21"/>
          <p:cNvSpPr>
            <a:spLocks noChangeShapeType="1"/>
          </p:cNvSpPr>
          <p:nvPr/>
        </p:nvSpPr>
        <p:spPr bwMode="blackGray">
          <a:xfrm>
            <a:off x="1455738" y="1477963"/>
            <a:ext cx="1223962" cy="0"/>
          </a:xfrm>
          <a:prstGeom prst="line">
            <a:avLst/>
          </a:prstGeom>
          <a:noFill/>
          <a:ln w="9525">
            <a:solidFill>
              <a:schemeClr val="tx1"/>
            </a:solidFill>
            <a:round/>
            <a:headEnd/>
            <a:tailEnd/>
          </a:ln>
        </p:spPr>
        <p:txBody>
          <a:bodyPr wrap="none" lIns="45720" rIns="45720" anchor="ctr"/>
          <a:lstStyle/>
          <a:p>
            <a:endParaRPr lang="en-US"/>
          </a:p>
        </p:txBody>
      </p:sp>
      <p:sp>
        <p:nvSpPr>
          <p:cNvPr id="15382" name="Text Box 22"/>
          <p:cNvSpPr txBox="1">
            <a:spLocks noChangeArrowheads="1"/>
          </p:cNvSpPr>
          <p:nvPr/>
        </p:nvSpPr>
        <p:spPr bwMode="blackGray">
          <a:xfrm>
            <a:off x="1525588" y="1187450"/>
            <a:ext cx="1014412" cy="304800"/>
          </a:xfrm>
          <a:prstGeom prst="rect">
            <a:avLst/>
          </a:prstGeom>
          <a:noFill/>
          <a:ln w="9525">
            <a:noFill/>
            <a:miter lim="800000"/>
            <a:headEnd/>
            <a:tailEnd/>
          </a:ln>
        </p:spPr>
        <p:txBody>
          <a:bodyPr wrap="none" lIns="45720" rIns="45720">
            <a:spAutoFit/>
          </a:bodyPr>
          <a:lstStyle/>
          <a:p>
            <a:pPr algn="ctr"/>
            <a:r>
              <a:rPr lang="en-US" sz="1400" b="1"/>
              <a:t>GDP shares</a:t>
            </a:r>
          </a:p>
        </p:txBody>
      </p:sp>
      <p:sp>
        <p:nvSpPr>
          <p:cNvPr id="15383" name="Line 23"/>
          <p:cNvSpPr>
            <a:spLocks noChangeShapeType="1"/>
          </p:cNvSpPr>
          <p:nvPr/>
        </p:nvSpPr>
        <p:spPr bwMode="blackGray">
          <a:xfrm>
            <a:off x="7361238" y="1333500"/>
            <a:ext cx="2087562" cy="0"/>
          </a:xfrm>
          <a:prstGeom prst="line">
            <a:avLst/>
          </a:prstGeom>
          <a:noFill/>
          <a:ln w="9525">
            <a:solidFill>
              <a:schemeClr val="tx1"/>
            </a:solidFill>
            <a:round/>
            <a:headEnd/>
            <a:tailEnd/>
          </a:ln>
        </p:spPr>
        <p:txBody>
          <a:bodyPr wrap="none" lIns="45720" rIns="45720" anchor="ctr"/>
          <a:lstStyle/>
          <a:p>
            <a:endParaRPr lang="en-US"/>
          </a:p>
        </p:txBody>
      </p:sp>
      <p:sp>
        <p:nvSpPr>
          <p:cNvPr id="15384" name="Text Box 24"/>
          <p:cNvSpPr txBox="1">
            <a:spLocks noChangeArrowheads="1"/>
          </p:cNvSpPr>
          <p:nvPr/>
        </p:nvSpPr>
        <p:spPr bwMode="blackGray">
          <a:xfrm>
            <a:off x="7648575" y="1044575"/>
            <a:ext cx="1530350" cy="304800"/>
          </a:xfrm>
          <a:prstGeom prst="rect">
            <a:avLst/>
          </a:prstGeom>
          <a:noFill/>
          <a:ln w="9525">
            <a:noFill/>
            <a:miter lim="800000"/>
            <a:headEnd/>
            <a:tailEnd/>
          </a:ln>
        </p:spPr>
        <p:txBody>
          <a:bodyPr wrap="none" lIns="45720" rIns="45720">
            <a:spAutoFit/>
          </a:bodyPr>
          <a:lstStyle/>
          <a:p>
            <a:pPr algn="ctr"/>
            <a:r>
              <a:rPr lang="en-US" sz="1400" b="1"/>
              <a:t>Timely indicators</a:t>
            </a:r>
          </a:p>
        </p:txBody>
      </p:sp>
      <p:sp>
        <p:nvSpPr>
          <p:cNvPr id="15385" name="AutoShape 25"/>
          <p:cNvSpPr>
            <a:spLocks noChangeArrowheads="1"/>
          </p:cNvSpPr>
          <p:nvPr/>
        </p:nvSpPr>
        <p:spPr bwMode="blackGray">
          <a:xfrm rot="10800000">
            <a:off x="6353175" y="1620838"/>
            <a:ext cx="3311525" cy="1512887"/>
          </a:xfrm>
          <a:prstGeom prst="rightArrowCallout">
            <a:avLst>
              <a:gd name="adj1" fmla="val 25000"/>
              <a:gd name="adj2" fmla="val 25000"/>
              <a:gd name="adj3" fmla="val 36481"/>
              <a:gd name="adj4" fmla="val 66667"/>
            </a:avLst>
          </a:prstGeom>
          <a:noFill/>
          <a:ln w="9525">
            <a:solidFill>
              <a:schemeClr val="tx1"/>
            </a:solidFill>
            <a:miter lim="800000"/>
            <a:headEnd/>
            <a:tailEnd/>
          </a:ln>
        </p:spPr>
        <p:txBody>
          <a:bodyPr wrap="none" lIns="45720" rIns="45720" anchor="ctr"/>
          <a:lstStyle/>
          <a:p>
            <a:endParaRPr lang="en-US"/>
          </a:p>
        </p:txBody>
      </p:sp>
      <p:sp>
        <p:nvSpPr>
          <p:cNvPr id="15386" name="Text Box 26"/>
          <p:cNvSpPr txBox="1">
            <a:spLocks noChangeArrowheads="1"/>
          </p:cNvSpPr>
          <p:nvPr/>
        </p:nvSpPr>
        <p:spPr bwMode="blackGray">
          <a:xfrm>
            <a:off x="7577138" y="1909763"/>
            <a:ext cx="1827212" cy="942975"/>
          </a:xfrm>
          <a:prstGeom prst="rect">
            <a:avLst/>
          </a:prstGeom>
          <a:noFill/>
          <a:ln w="9525">
            <a:noFill/>
            <a:miter lim="800000"/>
            <a:headEnd/>
            <a:tailEnd/>
          </a:ln>
        </p:spPr>
        <p:txBody>
          <a:bodyPr wrap="none" lIns="45720" rIns="45720">
            <a:spAutoFit/>
          </a:bodyPr>
          <a:lstStyle/>
          <a:p>
            <a:r>
              <a:rPr lang="en-US" sz="1400"/>
              <a:t>Retail sales</a:t>
            </a:r>
          </a:p>
          <a:p>
            <a:r>
              <a:rPr lang="en-US" sz="1400"/>
              <a:t>Personal consumption</a:t>
            </a:r>
          </a:p>
          <a:p>
            <a:r>
              <a:rPr lang="en-US" sz="1400"/>
              <a:t>Consumer confidence</a:t>
            </a:r>
          </a:p>
          <a:p>
            <a:r>
              <a:rPr lang="en-US" sz="1400"/>
              <a:t>Motor vehicle sales</a:t>
            </a:r>
          </a:p>
        </p:txBody>
      </p:sp>
      <p:sp>
        <p:nvSpPr>
          <p:cNvPr id="15387" name="AutoShape 27"/>
          <p:cNvSpPr>
            <a:spLocks noChangeArrowheads="1"/>
          </p:cNvSpPr>
          <p:nvPr/>
        </p:nvSpPr>
        <p:spPr bwMode="blackGray">
          <a:xfrm>
            <a:off x="6353175" y="3276600"/>
            <a:ext cx="3311525" cy="2305050"/>
          </a:xfrm>
          <a:prstGeom prst="leftArrowCallout">
            <a:avLst>
              <a:gd name="adj1" fmla="val 25000"/>
              <a:gd name="adj2" fmla="val 25000"/>
              <a:gd name="adj3" fmla="val 23944"/>
              <a:gd name="adj4" fmla="val 66667"/>
            </a:avLst>
          </a:prstGeom>
          <a:noFill/>
          <a:ln w="9525">
            <a:solidFill>
              <a:schemeClr val="tx1"/>
            </a:solidFill>
            <a:miter lim="800000"/>
            <a:headEnd/>
            <a:tailEnd/>
          </a:ln>
        </p:spPr>
        <p:txBody>
          <a:bodyPr wrap="none" lIns="45720" rIns="45720" anchor="ctr"/>
          <a:lstStyle/>
          <a:p>
            <a:endParaRPr lang="en-US"/>
          </a:p>
        </p:txBody>
      </p:sp>
      <p:sp>
        <p:nvSpPr>
          <p:cNvPr id="15388" name="Text Box 28"/>
          <p:cNvSpPr txBox="1">
            <a:spLocks noChangeArrowheads="1"/>
          </p:cNvSpPr>
          <p:nvPr/>
        </p:nvSpPr>
        <p:spPr bwMode="blackGray">
          <a:xfrm>
            <a:off x="7437438" y="3276600"/>
            <a:ext cx="2227262" cy="2219325"/>
          </a:xfrm>
          <a:prstGeom prst="rect">
            <a:avLst/>
          </a:prstGeom>
          <a:noFill/>
          <a:ln w="9525">
            <a:noFill/>
            <a:miter lim="800000"/>
            <a:headEnd/>
            <a:tailEnd/>
          </a:ln>
        </p:spPr>
        <p:txBody>
          <a:bodyPr lIns="45720" rIns="45720">
            <a:spAutoFit/>
          </a:bodyPr>
          <a:lstStyle/>
          <a:p>
            <a:r>
              <a:rPr lang="en-US" sz="1400"/>
              <a:t>Durable goods</a:t>
            </a:r>
          </a:p>
          <a:p>
            <a:r>
              <a:rPr lang="en-US" sz="1400"/>
              <a:t>   Factory orders</a:t>
            </a:r>
          </a:p>
          <a:p>
            <a:r>
              <a:rPr lang="en-US" sz="1400"/>
              <a:t>Construction spending</a:t>
            </a:r>
          </a:p>
          <a:p>
            <a:r>
              <a:rPr lang="en-US" sz="1400"/>
              <a:t>Housing starts</a:t>
            </a:r>
          </a:p>
          <a:p>
            <a:r>
              <a:rPr lang="en-US" sz="1400"/>
              <a:t>New home sales</a:t>
            </a:r>
          </a:p>
          <a:p>
            <a:r>
              <a:rPr lang="en-US" sz="1400"/>
              <a:t>Existing home sales</a:t>
            </a:r>
          </a:p>
          <a:p>
            <a:r>
              <a:rPr lang="en-US" sz="1400"/>
              <a:t>Homebuilders survey</a:t>
            </a:r>
          </a:p>
          <a:p>
            <a:r>
              <a:rPr lang="en-US" sz="1400"/>
              <a:t>Manufacturers’ inventories</a:t>
            </a:r>
          </a:p>
          <a:p>
            <a:r>
              <a:rPr lang="en-US" sz="1400"/>
              <a:t>Wholesale inventories</a:t>
            </a:r>
          </a:p>
          <a:p>
            <a:r>
              <a:rPr lang="en-US" sz="1400"/>
              <a:t>Retail inventories</a:t>
            </a:r>
          </a:p>
        </p:txBody>
      </p:sp>
      <p:sp>
        <p:nvSpPr>
          <p:cNvPr id="15389" name="AutoShape 29"/>
          <p:cNvSpPr>
            <a:spLocks noChangeArrowheads="1"/>
          </p:cNvSpPr>
          <p:nvPr/>
        </p:nvSpPr>
        <p:spPr bwMode="blackGray">
          <a:xfrm>
            <a:off x="6353175" y="5653088"/>
            <a:ext cx="3311525" cy="504825"/>
          </a:xfrm>
          <a:prstGeom prst="leftArrowCallout">
            <a:avLst>
              <a:gd name="adj1" fmla="val 25000"/>
              <a:gd name="adj2" fmla="val 25000"/>
              <a:gd name="adj3" fmla="val 109329"/>
              <a:gd name="adj4" fmla="val 66667"/>
            </a:avLst>
          </a:prstGeom>
          <a:noFill/>
          <a:ln w="9525">
            <a:solidFill>
              <a:schemeClr val="tx1"/>
            </a:solidFill>
            <a:miter lim="800000"/>
            <a:headEnd/>
            <a:tailEnd/>
          </a:ln>
        </p:spPr>
        <p:txBody>
          <a:bodyPr wrap="none" lIns="45720" rIns="45720" anchor="ctr"/>
          <a:lstStyle/>
          <a:p>
            <a:endParaRPr lang="en-US"/>
          </a:p>
        </p:txBody>
      </p:sp>
      <p:sp>
        <p:nvSpPr>
          <p:cNvPr id="15390" name="Text Box 30"/>
          <p:cNvSpPr txBox="1">
            <a:spLocks noChangeArrowheads="1"/>
          </p:cNvSpPr>
          <p:nvPr/>
        </p:nvSpPr>
        <p:spPr bwMode="blackGray">
          <a:xfrm>
            <a:off x="7504113" y="5653088"/>
            <a:ext cx="2163762" cy="517525"/>
          </a:xfrm>
          <a:prstGeom prst="rect">
            <a:avLst/>
          </a:prstGeom>
          <a:noFill/>
          <a:ln w="9525">
            <a:noFill/>
            <a:miter lim="800000"/>
            <a:headEnd/>
            <a:tailEnd/>
          </a:ln>
        </p:spPr>
        <p:txBody>
          <a:bodyPr wrap="none" lIns="45720" rIns="45720">
            <a:spAutoFit/>
          </a:bodyPr>
          <a:lstStyle/>
          <a:p>
            <a:r>
              <a:rPr lang="en-US" sz="1400"/>
              <a:t>Federal budget statement</a:t>
            </a:r>
          </a:p>
          <a:p>
            <a:r>
              <a:rPr lang="en-US" sz="1400"/>
              <a:t>Construction spending</a:t>
            </a:r>
          </a:p>
        </p:txBody>
      </p:sp>
      <p:sp>
        <p:nvSpPr>
          <p:cNvPr id="15391" name="AutoShape 31"/>
          <p:cNvSpPr>
            <a:spLocks noChangeArrowheads="1"/>
          </p:cNvSpPr>
          <p:nvPr/>
        </p:nvSpPr>
        <p:spPr bwMode="blackGray">
          <a:xfrm>
            <a:off x="6353175" y="6229350"/>
            <a:ext cx="3311525" cy="360363"/>
          </a:xfrm>
          <a:prstGeom prst="leftArrowCallout">
            <a:avLst>
              <a:gd name="adj1" fmla="val 25000"/>
              <a:gd name="adj2" fmla="val 25000"/>
              <a:gd name="adj3" fmla="val 153157"/>
              <a:gd name="adj4" fmla="val 66667"/>
            </a:avLst>
          </a:prstGeom>
          <a:noFill/>
          <a:ln w="9525">
            <a:solidFill>
              <a:schemeClr val="tx1"/>
            </a:solidFill>
            <a:miter lim="800000"/>
            <a:headEnd/>
            <a:tailEnd/>
          </a:ln>
        </p:spPr>
        <p:txBody>
          <a:bodyPr wrap="none" lIns="45720" rIns="45720" anchor="ctr"/>
          <a:lstStyle/>
          <a:p>
            <a:endParaRPr lang="en-US"/>
          </a:p>
        </p:txBody>
      </p:sp>
      <p:sp>
        <p:nvSpPr>
          <p:cNvPr id="15392" name="Text Box 32"/>
          <p:cNvSpPr txBox="1">
            <a:spLocks noChangeArrowheads="1"/>
          </p:cNvSpPr>
          <p:nvPr/>
        </p:nvSpPr>
        <p:spPr bwMode="blackGray">
          <a:xfrm>
            <a:off x="7577138" y="6229350"/>
            <a:ext cx="1606550" cy="304800"/>
          </a:xfrm>
          <a:prstGeom prst="rect">
            <a:avLst/>
          </a:prstGeom>
          <a:noFill/>
          <a:ln w="9525">
            <a:noFill/>
            <a:miter lim="800000"/>
            <a:headEnd/>
            <a:tailEnd/>
          </a:ln>
        </p:spPr>
        <p:txBody>
          <a:bodyPr lIns="45720" rIns="45720">
            <a:spAutoFit/>
          </a:bodyPr>
          <a:lstStyle/>
          <a:p>
            <a:r>
              <a:rPr lang="en-US" sz="1400"/>
              <a:t>International trade</a:t>
            </a:r>
          </a:p>
        </p:txBody>
      </p:sp>
    </p:spTree>
  </p:cSld>
  <p:clrMapOvr>
    <a:masterClrMapping/>
  </p:clrMapOvr>
</p:sld>
</file>

<file path=ppt/slides/slide14.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6386" name="Slide Number Placeholder 3"/>
          <p:cNvSpPr>
            <a:spLocks noGrp="1"/>
          </p:cNvSpPr>
          <p:nvPr>
            <p:ph type="sldNum" sz="quarter" idx="10"/>
          </p:nvPr>
        </p:nvSpPr>
        <p:spPr>
          <a:noFill/>
        </p:spPr>
        <p:txBody>
          <a:bodyPr/>
          <a:lstStyle/>
          <a:p>
            <a:fld id="{D140D60D-129F-4D15-AA0B-A11D9CE9D671}" type="slidenum">
              <a:rPr lang="en-US" smtClean="0"/>
              <a:pPr/>
              <a:t>13</a:t>
            </a:fld>
            <a:endParaRPr lang="en-US" smtClean="0"/>
          </a:p>
        </p:txBody>
      </p:sp>
      <p:sp>
        <p:nvSpPr>
          <p:cNvPr id="16387" name="Rectangle 2"/>
          <p:cNvSpPr>
            <a:spLocks noGrp="1" noChangeArrowheads="1"/>
          </p:cNvSpPr>
          <p:nvPr>
            <p:ph type="title"/>
          </p:nvPr>
        </p:nvSpPr>
        <p:spPr>
          <a:xfrm>
            <a:off x="1014413" y="325438"/>
            <a:ext cx="7313612" cy="630237"/>
          </a:xfrm>
        </p:spPr>
        <p:txBody>
          <a:bodyPr/>
          <a:lstStyle/>
          <a:p>
            <a:r>
              <a:rPr lang="en-US" dirty="0" smtClean="0"/>
              <a:t>Building up expenditure-based GDP in the US</a:t>
            </a:r>
          </a:p>
        </p:txBody>
      </p:sp>
      <p:sp>
        <p:nvSpPr>
          <p:cNvPr id="16388" name="Rectangle 3"/>
          <p:cNvSpPr>
            <a:spLocks noGrp="1" noChangeArrowheads="1"/>
          </p:cNvSpPr>
          <p:nvPr>
            <p:ph type="body" idx="1"/>
          </p:nvPr>
        </p:nvSpPr>
        <p:spPr>
          <a:xfrm>
            <a:off x="1671638" y="1333500"/>
            <a:ext cx="8064500" cy="4799013"/>
          </a:xfrm>
        </p:spPr>
        <p:txBody>
          <a:bodyPr/>
          <a:lstStyle/>
          <a:p>
            <a:r>
              <a:rPr lang="en-US" sz="1800" dirty="0" smtClean="0"/>
              <a:t>Timely indicators help to estimate how GDP growth is tracking within each quarter. Recent example of this in practice (from JPMorgan’s US economic commentary):</a:t>
            </a:r>
          </a:p>
          <a:p>
            <a:pPr>
              <a:buClr>
                <a:schemeClr val="accent1"/>
              </a:buClr>
              <a:buSzPct val="90000"/>
              <a:buFontTx/>
              <a:buChar char="•"/>
            </a:pPr>
            <a:r>
              <a:rPr lang="en-US" sz="1800" dirty="0" smtClean="0"/>
              <a:t> </a:t>
            </a:r>
            <a:r>
              <a:rPr lang="en-US" sz="1800" i="1" dirty="0" smtClean="0"/>
              <a:t>(January 26) …</a:t>
            </a:r>
            <a:r>
              <a:rPr lang="en-US" sz="1800" dirty="0" smtClean="0">
                <a:solidFill>
                  <a:schemeClr val="tx1"/>
                </a:solidFill>
                <a:latin typeface="+mn-lt"/>
                <a:ea typeface="+mn-ea"/>
                <a:cs typeface="+mn-cs"/>
              </a:rPr>
              <a:t>orders and shipments for nondefense capital goods (ex-aircraft) both increased 2.9%...Today's report leaves us on track for a 3.0% or 3.1% print on GDP in tomorrow's first look at Q4 growth, and the strength in the capital goods numbers late last quarter sets up a relatively firm trajectory for capital equipment spending heading into Q1.</a:t>
            </a:r>
            <a:r>
              <a:rPr lang="en-US" sz="1800" i="1" dirty="0" smtClean="0"/>
              <a:t>…</a:t>
            </a:r>
          </a:p>
          <a:p>
            <a:pPr>
              <a:buClr>
                <a:schemeClr val="accent1"/>
              </a:buClr>
              <a:buSzPct val="90000"/>
              <a:buFontTx/>
              <a:buChar char="•"/>
            </a:pPr>
            <a:r>
              <a:rPr lang="en-US" dirty="0" smtClean="0"/>
              <a:t> </a:t>
            </a:r>
            <a:r>
              <a:rPr lang="en-US" sz="1800" i="1" dirty="0" smtClean="0"/>
              <a:t>(November 15) …</a:t>
            </a:r>
            <a:r>
              <a:rPr lang="en-US" sz="1800" dirty="0" smtClean="0">
                <a:solidFill>
                  <a:schemeClr val="tx1"/>
                </a:solidFill>
                <a:latin typeface="+mn-lt"/>
                <a:ea typeface="+mn-ea"/>
                <a:cs typeface="+mn-cs"/>
              </a:rPr>
              <a:t>Retail sales were solid in October, increasing 0.5%... We don't have much other hard data for the quarter yet (particularly for imports and inventories, which could be swing factors) but our best estimate is now that overall GDP growth in Q4 is also tracking close to 3.0% (our previous estimate was 2.5%). </a:t>
            </a:r>
            <a:endParaRPr lang="en-US" sz="1800" i="1" dirty="0" smtClean="0"/>
          </a:p>
        </p:txBody>
      </p:sp>
    </p:spTree>
  </p:cSld>
  <p:clrMapOvr>
    <a:masterClrMapping/>
  </p:clrMapOvr>
</p:sld>
</file>

<file path=ppt/slides/slide15.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028" name="Slide Number Placeholder 4"/>
          <p:cNvSpPr>
            <a:spLocks noGrp="1"/>
          </p:cNvSpPr>
          <p:nvPr>
            <p:ph type="sldNum" sz="quarter" idx="10"/>
          </p:nvPr>
        </p:nvSpPr>
        <p:spPr>
          <a:noFill/>
        </p:spPr>
        <p:txBody>
          <a:bodyPr/>
          <a:lstStyle/>
          <a:p>
            <a:fld id="{C91BF224-CCD0-4FDD-AE75-2C3E2B79446F}" type="slidenum">
              <a:rPr lang="en-US" smtClean="0"/>
              <a:pPr/>
              <a:t>14</a:t>
            </a:fld>
            <a:endParaRPr lang="en-US" smtClean="0"/>
          </a:p>
        </p:txBody>
      </p:sp>
      <p:sp>
        <p:nvSpPr>
          <p:cNvPr id="1029" name="Rectangle 28"/>
          <p:cNvSpPr>
            <a:spLocks noChangeArrowheads="1"/>
          </p:cNvSpPr>
          <p:nvPr/>
        </p:nvSpPr>
        <p:spPr bwMode="blackGray">
          <a:xfrm>
            <a:off x="6784975" y="1620838"/>
            <a:ext cx="2376488" cy="215900"/>
          </a:xfrm>
          <a:prstGeom prst="rect">
            <a:avLst/>
          </a:prstGeom>
          <a:solidFill>
            <a:schemeClr val="bg2"/>
          </a:solidFill>
          <a:ln w="9525">
            <a:solidFill>
              <a:schemeClr val="bg2"/>
            </a:solidFill>
            <a:miter lim="800000"/>
            <a:headEnd/>
            <a:tailEnd/>
          </a:ln>
        </p:spPr>
        <p:txBody>
          <a:bodyPr wrap="none" lIns="45720" rIns="45720" anchor="ctr"/>
          <a:lstStyle/>
          <a:p>
            <a:endParaRPr lang="en-US"/>
          </a:p>
        </p:txBody>
      </p:sp>
      <p:sp>
        <p:nvSpPr>
          <p:cNvPr id="1030" name="Rectangle 27"/>
          <p:cNvSpPr>
            <a:spLocks noChangeArrowheads="1"/>
          </p:cNvSpPr>
          <p:nvPr/>
        </p:nvSpPr>
        <p:spPr bwMode="blackGray">
          <a:xfrm>
            <a:off x="2895600" y="1620838"/>
            <a:ext cx="1655763" cy="215900"/>
          </a:xfrm>
          <a:prstGeom prst="rect">
            <a:avLst/>
          </a:prstGeom>
          <a:solidFill>
            <a:schemeClr val="bg2"/>
          </a:solidFill>
          <a:ln w="9525">
            <a:solidFill>
              <a:schemeClr val="bg2"/>
            </a:solidFill>
            <a:miter lim="800000"/>
            <a:headEnd/>
            <a:tailEnd/>
          </a:ln>
        </p:spPr>
        <p:txBody>
          <a:bodyPr wrap="none" lIns="45720" rIns="45720" anchor="ctr"/>
          <a:lstStyle/>
          <a:p>
            <a:endParaRPr lang="en-US"/>
          </a:p>
        </p:txBody>
      </p:sp>
      <p:sp>
        <p:nvSpPr>
          <p:cNvPr id="1031" name="Rectangle 4"/>
          <p:cNvSpPr>
            <a:spLocks noGrp="1" noChangeArrowheads="1"/>
          </p:cNvSpPr>
          <p:nvPr>
            <p:ph type="title"/>
          </p:nvPr>
        </p:nvSpPr>
        <p:spPr/>
        <p:txBody>
          <a:bodyPr/>
          <a:lstStyle/>
          <a:p>
            <a:r>
              <a:rPr lang="en-US" smtClean="0"/>
              <a:t>Watching income and industry output measures</a:t>
            </a:r>
          </a:p>
        </p:txBody>
      </p:sp>
      <p:graphicFrame>
        <p:nvGraphicFramePr>
          <p:cNvPr id="1026" name="Object 10"/>
          <p:cNvGraphicFramePr>
            <a:graphicFrameLocks noChangeAspect="1"/>
          </p:cNvGraphicFramePr>
          <p:nvPr>
            <p:ph sz="half" idx="2"/>
          </p:nvPr>
        </p:nvGraphicFramePr>
        <p:xfrm>
          <a:off x="6353175" y="2125663"/>
          <a:ext cx="3503613" cy="4799012"/>
        </p:xfrm>
        <a:graphic>
          <a:graphicData uri="http://schemas.openxmlformats.org/presentationml/2006/ole">
            <p:oleObj spid="_x0000_s1026" name="Chart" r:id="rId3" imgW="4165600" imgH="5702300" progId="MSGraph.Chart.8">
              <p:embed followColorScheme="full"/>
            </p:oleObj>
          </a:graphicData>
        </a:graphic>
      </p:graphicFrame>
      <p:sp>
        <p:nvSpPr>
          <p:cNvPr id="1032" name="Text Box 11"/>
          <p:cNvSpPr txBox="1">
            <a:spLocks noChangeArrowheads="1"/>
          </p:cNvSpPr>
          <p:nvPr/>
        </p:nvSpPr>
        <p:spPr bwMode="blackGray">
          <a:xfrm>
            <a:off x="6927850" y="6013450"/>
            <a:ext cx="2819400" cy="304800"/>
          </a:xfrm>
          <a:prstGeom prst="rect">
            <a:avLst/>
          </a:prstGeom>
          <a:noFill/>
          <a:ln w="9525">
            <a:noFill/>
            <a:miter lim="800000"/>
            <a:headEnd/>
            <a:tailEnd/>
          </a:ln>
        </p:spPr>
        <p:txBody>
          <a:bodyPr wrap="none" lIns="45720" rIns="45720">
            <a:spAutoFit/>
          </a:bodyPr>
          <a:lstStyle/>
          <a:p>
            <a:r>
              <a:rPr lang="en-US" sz="1400"/>
              <a:t>Service-producing industries (68%)</a:t>
            </a:r>
          </a:p>
        </p:txBody>
      </p:sp>
      <p:sp>
        <p:nvSpPr>
          <p:cNvPr id="1033" name="Text Box 12"/>
          <p:cNvSpPr txBox="1">
            <a:spLocks noChangeArrowheads="1"/>
          </p:cNvSpPr>
          <p:nvPr/>
        </p:nvSpPr>
        <p:spPr bwMode="blackGray">
          <a:xfrm>
            <a:off x="5776913" y="2989263"/>
            <a:ext cx="1701800" cy="304800"/>
          </a:xfrm>
          <a:prstGeom prst="rect">
            <a:avLst/>
          </a:prstGeom>
          <a:noFill/>
          <a:ln w="9525">
            <a:noFill/>
            <a:miter lim="800000"/>
            <a:headEnd/>
            <a:tailEnd/>
          </a:ln>
        </p:spPr>
        <p:txBody>
          <a:bodyPr wrap="none" lIns="45720" rIns="45720">
            <a:spAutoFit/>
          </a:bodyPr>
          <a:lstStyle/>
          <a:p>
            <a:r>
              <a:rPr lang="en-US" sz="1400"/>
              <a:t>Manufacturing (12%)</a:t>
            </a:r>
          </a:p>
        </p:txBody>
      </p:sp>
      <p:sp>
        <p:nvSpPr>
          <p:cNvPr id="1034" name="Text Box 13"/>
          <p:cNvSpPr txBox="1">
            <a:spLocks noChangeArrowheads="1"/>
          </p:cNvSpPr>
          <p:nvPr/>
        </p:nvSpPr>
        <p:spPr bwMode="blackGray">
          <a:xfrm>
            <a:off x="8801100" y="2486025"/>
            <a:ext cx="1562100" cy="307975"/>
          </a:xfrm>
          <a:prstGeom prst="rect">
            <a:avLst/>
          </a:prstGeom>
          <a:noFill/>
          <a:ln w="9525">
            <a:noFill/>
            <a:miter lim="800000"/>
            <a:headEnd/>
            <a:tailEnd/>
          </a:ln>
        </p:spPr>
        <p:txBody>
          <a:bodyPr wrap="none" lIns="45720" rIns="45720">
            <a:spAutoFit/>
          </a:bodyPr>
          <a:lstStyle/>
          <a:p>
            <a:r>
              <a:rPr lang="en-US" sz="1400"/>
              <a:t>Government (14%)</a:t>
            </a:r>
          </a:p>
        </p:txBody>
      </p:sp>
      <p:sp>
        <p:nvSpPr>
          <p:cNvPr id="1035" name="Text Box 14"/>
          <p:cNvSpPr txBox="1">
            <a:spLocks noChangeArrowheads="1"/>
          </p:cNvSpPr>
          <p:nvPr/>
        </p:nvSpPr>
        <p:spPr bwMode="blackGray">
          <a:xfrm>
            <a:off x="6569075" y="1981200"/>
            <a:ext cx="1985963" cy="738188"/>
          </a:xfrm>
          <a:prstGeom prst="rect">
            <a:avLst/>
          </a:prstGeom>
          <a:noFill/>
          <a:ln w="9525">
            <a:noFill/>
            <a:miter lim="800000"/>
            <a:headEnd/>
            <a:tailEnd/>
          </a:ln>
        </p:spPr>
        <p:txBody>
          <a:bodyPr wrap="none" lIns="45720" rIns="45720">
            <a:spAutoFit/>
          </a:bodyPr>
          <a:lstStyle/>
          <a:p>
            <a:r>
              <a:rPr lang="en-US" sz="1400"/>
              <a:t>Other goods-producing</a:t>
            </a:r>
          </a:p>
          <a:p>
            <a:r>
              <a:rPr lang="en-US" sz="1400"/>
              <a:t>industries (agriculture,</a:t>
            </a:r>
          </a:p>
          <a:p>
            <a:r>
              <a:rPr lang="en-US" sz="1400"/>
              <a:t>construction, etc.) (6%)</a:t>
            </a:r>
          </a:p>
        </p:txBody>
      </p:sp>
      <p:sp>
        <p:nvSpPr>
          <p:cNvPr id="1036" name="Line 15"/>
          <p:cNvSpPr>
            <a:spLocks noChangeShapeType="1"/>
          </p:cNvSpPr>
          <p:nvPr/>
        </p:nvSpPr>
        <p:spPr bwMode="blackGray">
          <a:xfrm>
            <a:off x="6569075" y="3349625"/>
            <a:ext cx="431800" cy="215900"/>
          </a:xfrm>
          <a:prstGeom prst="line">
            <a:avLst/>
          </a:prstGeom>
          <a:noFill/>
          <a:ln w="9525">
            <a:solidFill>
              <a:schemeClr val="tx1"/>
            </a:solidFill>
            <a:round/>
            <a:headEnd/>
            <a:tailEnd type="triangle" w="med" len="med"/>
          </a:ln>
        </p:spPr>
        <p:txBody>
          <a:bodyPr wrap="none" lIns="45720" rIns="45720" anchor="ctr"/>
          <a:lstStyle/>
          <a:p>
            <a:endParaRPr lang="en-US"/>
          </a:p>
        </p:txBody>
      </p:sp>
      <p:sp>
        <p:nvSpPr>
          <p:cNvPr id="1037" name="Line 16"/>
          <p:cNvSpPr>
            <a:spLocks noChangeShapeType="1"/>
          </p:cNvSpPr>
          <p:nvPr/>
        </p:nvSpPr>
        <p:spPr bwMode="blackGray">
          <a:xfrm>
            <a:off x="7648575" y="2844800"/>
            <a:ext cx="73025" cy="215900"/>
          </a:xfrm>
          <a:prstGeom prst="line">
            <a:avLst/>
          </a:prstGeom>
          <a:noFill/>
          <a:ln w="9525">
            <a:solidFill>
              <a:schemeClr val="tx1"/>
            </a:solidFill>
            <a:round/>
            <a:headEnd/>
            <a:tailEnd type="triangle" w="med" len="med"/>
          </a:ln>
        </p:spPr>
        <p:txBody>
          <a:bodyPr wrap="none" lIns="45720" rIns="45720" anchor="ctr"/>
          <a:lstStyle/>
          <a:p>
            <a:endParaRPr lang="en-US"/>
          </a:p>
        </p:txBody>
      </p:sp>
      <p:sp>
        <p:nvSpPr>
          <p:cNvPr id="1038" name="Line 17"/>
          <p:cNvSpPr>
            <a:spLocks noChangeShapeType="1"/>
          </p:cNvSpPr>
          <p:nvPr/>
        </p:nvSpPr>
        <p:spPr bwMode="blackGray">
          <a:xfrm flipH="1">
            <a:off x="8872538" y="2844800"/>
            <a:ext cx="288925" cy="287338"/>
          </a:xfrm>
          <a:prstGeom prst="line">
            <a:avLst/>
          </a:prstGeom>
          <a:noFill/>
          <a:ln w="9525">
            <a:solidFill>
              <a:schemeClr val="tx1"/>
            </a:solidFill>
            <a:round/>
            <a:headEnd/>
            <a:tailEnd type="triangle" w="med" len="med"/>
          </a:ln>
        </p:spPr>
        <p:txBody>
          <a:bodyPr wrap="none" lIns="45720" rIns="45720" anchor="ctr"/>
          <a:lstStyle/>
          <a:p>
            <a:endParaRPr lang="en-US"/>
          </a:p>
        </p:txBody>
      </p:sp>
      <p:graphicFrame>
        <p:nvGraphicFramePr>
          <p:cNvPr id="1027" name="Object 18"/>
          <p:cNvGraphicFramePr>
            <a:graphicFrameLocks noChangeAspect="1"/>
          </p:cNvGraphicFramePr>
          <p:nvPr>
            <p:ph sz="half" idx="1"/>
          </p:nvPr>
        </p:nvGraphicFramePr>
        <p:xfrm>
          <a:off x="2176463" y="1981200"/>
          <a:ext cx="3503612" cy="4799013"/>
        </p:xfrm>
        <a:graphic>
          <a:graphicData uri="http://schemas.openxmlformats.org/presentationml/2006/ole">
            <p:oleObj spid="_x0000_s1027" name="Chart" r:id="rId4" imgW="4165600" imgH="5702300" progId="MSGraph.Chart.8">
              <p:embed followColorScheme="full"/>
            </p:oleObj>
          </a:graphicData>
        </a:graphic>
      </p:graphicFrame>
      <p:sp>
        <p:nvSpPr>
          <p:cNvPr id="1039" name="Text Box 19"/>
          <p:cNvSpPr txBox="1">
            <a:spLocks noChangeArrowheads="1"/>
          </p:cNvSpPr>
          <p:nvPr/>
        </p:nvSpPr>
        <p:spPr bwMode="blackGray">
          <a:xfrm>
            <a:off x="2824163" y="5942013"/>
            <a:ext cx="2800350" cy="304800"/>
          </a:xfrm>
          <a:prstGeom prst="rect">
            <a:avLst/>
          </a:prstGeom>
          <a:noFill/>
          <a:ln w="9525">
            <a:noFill/>
            <a:miter lim="800000"/>
            <a:headEnd/>
            <a:tailEnd/>
          </a:ln>
        </p:spPr>
        <p:txBody>
          <a:bodyPr wrap="none" lIns="45720" rIns="45720">
            <a:spAutoFit/>
          </a:bodyPr>
          <a:lstStyle/>
          <a:p>
            <a:r>
              <a:rPr lang="en-US" sz="1400"/>
              <a:t>Compensation of employees (55%)</a:t>
            </a:r>
          </a:p>
        </p:txBody>
      </p:sp>
      <p:sp>
        <p:nvSpPr>
          <p:cNvPr id="1040" name="Text Box 20"/>
          <p:cNvSpPr txBox="1">
            <a:spLocks noChangeArrowheads="1"/>
          </p:cNvSpPr>
          <p:nvPr/>
        </p:nvSpPr>
        <p:spPr bwMode="blackGray">
          <a:xfrm>
            <a:off x="4048125" y="1981200"/>
            <a:ext cx="1100138" cy="523875"/>
          </a:xfrm>
          <a:prstGeom prst="rect">
            <a:avLst/>
          </a:prstGeom>
          <a:noFill/>
          <a:ln w="9525">
            <a:noFill/>
            <a:miter lim="800000"/>
            <a:headEnd/>
            <a:tailEnd/>
          </a:ln>
        </p:spPr>
        <p:txBody>
          <a:bodyPr wrap="none" lIns="45720" rIns="45720">
            <a:spAutoFit/>
          </a:bodyPr>
          <a:lstStyle/>
          <a:p>
            <a:r>
              <a:rPr lang="en-US" sz="1400"/>
              <a:t>Corporate</a:t>
            </a:r>
          </a:p>
          <a:p>
            <a:r>
              <a:rPr lang="en-US" sz="1400"/>
              <a:t>profits (10%)</a:t>
            </a:r>
          </a:p>
        </p:txBody>
      </p:sp>
      <p:sp>
        <p:nvSpPr>
          <p:cNvPr id="1041" name="Text Box 21"/>
          <p:cNvSpPr txBox="1">
            <a:spLocks noChangeArrowheads="1"/>
          </p:cNvSpPr>
          <p:nvPr/>
        </p:nvSpPr>
        <p:spPr bwMode="blackGray">
          <a:xfrm>
            <a:off x="1671638" y="2125663"/>
            <a:ext cx="1903412" cy="517525"/>
          </a:xfrm>
          <a:prstGeom prst="rect">
            <a:avLst/>
          </a:prstGeom>
          <a:noFill/>
          <a:ln w="9525">
            <a:noFill/>
            <a:miter lim="800000"/>
            <a:headEnd/>
            <a:tailEnd/>
          </a:ln>
        </p:spPr>
        <p:txBody>
          <a:bodyPr wrap="none" lIns="45720" rIns="45720">
            <a:spAutoFit/>
          </a:bodyPr>
          <a:lstStyle/>
          <a:p>
            <a:r>
              <a:rPr lang="en-US" sz="1400"/>
              <a:t>Depreciation and</a:t>
            </a:r>
          </a:p>
          <a:p>
            <a:r>
              <a:rPr lang="en-US" sz="1400"/>
              <a:t>production taxes (20%)</a:t>
            </a:r>
          </a:p>
        </p:txBody>
      </p:sp>
      <p:sp>
        <p:nvSpPr>
          <p:cNvPr id="1042" name="Text Box 22"/>
          <p:cNvSpPr txBox="1">
            <a:spLocks noChangeArrowheads="1"/>
          </p:cNvSpPr>
          <p:nvPr/>
        </p:nvSpPr>
        <p:spPr bwMode="blackGray">
          <a:xfrm>
            <a:off x="1023938" y="3925888"/>
            <a:ext cx="1487487" cy="1169987"/>
          </a:xfrm>
          <a:prstGeom prst="rect">
            <a:avLst/>
          </a:prstGeom>
          <a:noFill/>
          <a:ln w="9525">
            <a:noFill/>
            <a:miter lim="800000"/>
            <a:headEnd/>
            <a:tailEnd/>
          </a:ln>
        </p:spPr>
        <p:txBody>
          <a:bodyPr wrap="none" lIns="45720" rIns="45720">
            <a:spAutoFit/>
          </a:bodyPr>
          <a:lstStyle/>
          <a:p>
            <a:r>
              <a:rPr lang="en-US" sz="1400"/>
              <a:t>Other capital </a:t>
            </a:r>
          </a:p>
          <a:p>
            <a:r>
              <a:rPr lang="en-US" sz="1400"/>
              <a:t>income (interest,</a:t>
            </a:r>
          </a:p>
          <a:p>
            <a:r>
              <a:rPr lang="en-US" sz="1400"/>
              <a:t>unincorporated</a:t>
            </a:r>
          </a:p>
          <a:p>
            <a:r>
              <a:rPr lang="en-US" sz="1400"/>
              <a:t>business, etc.)</a:t>
            </a:r>
          </a:p>
          <a:p>
            <a:r>
              <a:rPr lang="en-US" sz="1400"/>
              <a:t>(15%)</a:t>
            </a:r>
          </a:p>
        </p:txBody>
      </p:sp>
      <p:sp>
        <p:nvSpPr>
          <p:cNvPr id="1043" name="Line 23"/>
          <p:cNvSpPr>
            <a:spLocks noChangeShapeType="1"/>
          </p:cNvSpPr>
          <p:nvPr/>
        </p:nvSpPr>
        <p:spPr bwMode="blackGray">
          <a:xfrm>
            <a:off x="2535238" y="2773363"/>
            <a:ext cx="360362" cy="360362"/>
          </a:xfrm>
          <a:prstGeom prst="line">
            <a:avLst/>
          </a:prstGeom>
          <a:noFill/>
          <a:ln w="9525">
            <a:solidFill>
              <a:schemeClr val="tx1"/>
            </a:solidFill>
            <a:round/>
            <a:headEnd/>
            <a:tailEnd type="triangle" w="med" len="med"/>
          </a:ln>
        </p:spPr>
        <p:txBody>
          <a:bodyPr wrap="none" lIns="45720" rIns="45720" anchor="ctr"/>
          <a:lstStyle/>
          <a:p>
            <a:endParaRPr lang="en-US"/>
          </a:p>
        </p:txBody>
      </p:sp>
      <p:sp>
        <p:nvSpPr>
          <p:cNvPr id="1044" name="Line 24"/>
          <p:cNvSpPr>
            <a:spLocks noChangeShapeType="1"/>
          </p:cNvSpPr>
          <p:nvPr/>
        </p:nvSpPr>
        <p:spPr bwMode="blackGray">
          <a:xfrm flipH="1">
            <a:off x="4335463" y="2557463"/>
            <a:ext cx="71437" cy="215900"/>
          </a:xfrm>
          <a:prstGeom prst="line">
            <a:avLst/>
          </a:prstGeom>
          <a:noFill/>
          <a:ln w="9525">
            <a:solidFill>
              <a:schemeClr val="tx1"/>
            </a:solidFill>
            <a:round/>
            <a:headEnd/>
            <a:tailEnd type="triangle" w="med" len="med"/>
          </a:ln>
        </p:spPr>
        <p:txBody>
          <a:bodyPr wrap="none" lIns="45720" rIns="45720" anchor="ctr"/>
          <a:lstStyle/>
          <a:p>
            <a:endParaRPr lang="en-US"/>
          </a:p>
        </p:txBody>
      </p:sp>
      <p:sp>
        <p:nvSpPr>
          <p:cNvPr id="1045" name="Text Box 25"/>
          <p:cNvSpPr txBox="1">
            <a:spLocks noChangeArrowheads="1"/>
          </p:cNvSpPr>
          <p:nvPr/>
        </p:nvSpPr>
        <p:spPr bwMode="blackGray">
          <a:xfrm>
            <a:off x="3184525" y="1549400"/>
            <a:ext cx="1195388" cy="304800"/>
          </a:xfrm>
          <a:prstGeom prst="rect">
            <a:avLst/>
          </a:prstGeom>
          <a:noFill/>
          <a:ln w="9525">
            <a:noFill/>
            <a:miter lim="800000"/>
            <a:headEnd/>
            <a:tailEnd/>
          </a:ln>
        </p:spPr>
        <p:txBody>
          <a:bodyPr wrap="none" lIns="45720" rIns="45720">
            <a:spAutoFit/>
          </a:bodyPr>
          <a:lstStyle/>
          <a:p>
            <a:r>
              <a:rPr lang="en-US" sz="1400" b="1">
                <a:solidFill>
                  <a:schemeClr val="bg1"/>
                </a:solidFill>
              </a:rPr>
              <a:t>Gross income</a:t>
            </a:r>
          </a:p>
        </p:txBody>
      </p:sp>
      <p:sp>
        <p:nvSpPr>
          <p:cNvPr id="1046" name="Text Box 26"/>
          <p:cNvSpPr txBox="1">
            <a:spLocks noChangeArrowheads="1"/>
          </p:cNvSpPr>
          <p:nvPr/>
        </p:nvSpPr>
        <p:spPr bwMode="blackGray">
          <a:xfrm>
            <a:off x="6981825" y="1549400"/>
            <a:ext cx="2106613" cy="304800"/>
          </a:xfrm>
          <a:prstGeom prst="rect">
            <a:avLst/>
          </a:prstGeom>
          <a:noFill/>
          <a:ln w="9525">
            <a:noFill/>
            <a:miter lim="800000"/>
            <a:headEnd/>
            <a:tailEnd/>
          </a:ln>
        </p:spPr>
        <p:txBody>
          <a:bodyPr wrap="none" lIns="45720" rIns="45720">
            <a:spAutoFit/>
          </a:bodyPr>
          <a:lstStyle/>
          <a:p>
            <a:r>
              <a:rPr lang="en-US" sz="1400" b="1">
                <a:solidFill>
                  <a:schemeClr val="bg1"/>
                </a:solidFill>
              </a:rPr>
              <a:t>Value added by industry</a:t>
            </a:r>
          </a:p>
        </p:txBody>
      </p:sp>
    </p:spTree>
  </p:cSld>
  <p:clrMapOvr>
    <a:masterClrMapping/>
  </p:clrMapOvr>
</p:sld>
</file>

<file path=ppt/slides/slide16.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7410" name="Slide Number Placeholder 3"/>
          <p:cNvSpPr>
            <a:spLocks noGrp="1"/>
          </p:cNvSpPr>
          <p:nvPr>
            <p:ph type="sldNum" sz="quarter" idx="10"/>
          </p:nvPr>
        </p:nvSpPr>
        <p:spPr>
          <a:noFill/>
        </p:spPr>
        <p:txBody>
          <a:bodyPr/>
          <a:lstStyle/>
          <a:p>
            <a:fld id="{7BBC2B05-522A-4B0D-8089-92D864563DB3}" type="slidenum">
              <a:rPr lang="en-US" smtClean="0"/>
              <a:pPr/>
              <a:t>15</a:t>
            </a:fld>
            <a:endParaRPr lang="en-US" smtClean="0"/>
          </a:p>
        </p:txBody>
      </p:sp>
      <p:sp>
        <p:nvSpPr>
          <p:cNvPr id="17411" name="Rectangle 6"/>
          <p:cNvSpPr>
            <a:spLocks noChangeArrowheads="1"/>
          </p:cNvSpPr>
          <p:nvPr/>
        </p:nvSpPr>
        <p:spPr bwMode="blackGray">
          <a:xfrm>
            <a:off x="2392363" y="1765300"/>
            <a:ext cx="1296987" cy="215900"/>
          </a:xfrm>
          <a:prstGeom prst="rect">
            <a:avLst/>
          </a:prstGeom>
          <a:solidFill>
            <a:schemeClr val="bg2"/>
          </a:solidFill>
          <a:ln w="9525">
            <a:solidFill>
              <a:schemeClr val="bg2"/>
            </a:solidFill>
            <a:miter lim="800000"/>
            <a:headEnd/>
            <a:tailEnd/>
          </a:ln>
        </p:spPr>
        <p:txBody>
          <a:bodyPr wrap="none" lIns="45720" rIns="45720" anchor="ctr"/>
          <a:lstStyle/>
          <a:p>
            <a:endParaRPr lang="en-US"/>
          </a:p>
        </p:txBody>
      </p:sp>
      <p:sp>
        <p:nvSpPr>
          <p:cNvPr id="17412" name="Rectangle 2"/>
          <p:cNvSpPr>
            <a:spLocks noGrp="1" noChangeArrowheads="1"/>
          </p:cNvSpPr>
          <p:nvPr>
            <p:ph type="title"/>
          </p:nvPr>
        </p:nvSpPr>
        <p:spPr/>
        <p:txBody>
          <a:bodyPr/>
          <a:lstStyle/>
          <a:p>
            <a:r>
              <a:rPr lang="en-US" smtClean="0"/>
              <a:t>Timely measures of income and industry output</a:t>
            </a:r>
          </a:p>
        </p:txBody>
      </p:sp>
      <p:sp>
        <p:nvSpPr>
          <p:cNvPr id="17413" name="Text Box 5"/>
          <p:cNvSpPr txBox="1">
            <a:spLocks noChangeArrowheads="1"/>
          </p:cNvSpPr>
          <p:nvPr/>
        </p:nvSpPr>
        <p:spPr bwMode="blackGray">
          <a:xfrm>
            <a:off x="2608263" y="1693863"/>
            <a:ext cx="749300" cy="336550"/>
          </a:xfrm>
          <a:prstGeom prst="rect">
            <a:avLst/>
          </a:prstGeom>
          <a:noFill/>
          <a:ln w="9525">
            <a:noFill/>
            <a:miter lim="800000"/>
            <a:headEnd/>
            <a:tailEnd/>
          </a:ln>
        </p:spPr>
        <p:txBody>
          <a:bodyPr wrap="none" lIns="45720" rIns="45720">
            <a:spAutoFit/>
          </a:bodyPr>
          <a:lstStyle/>
          <a:p>
            <a:r>
              <a:rPr lang="en-US" sz="1600">
                <a:solidFill>
                  <a:schemeClr val="bg1"/>
                </a:solidFill>
              </a:rPr>
              <a:t>Income</a:t>
            </a:r>
          </a:p>
        </p:txBody>
      </p:sp>
      <p:sp>
        <p:nvSpPr>
          <p:cNvPr id="17414" name="Rectangle 7"/>
          <p:cNvSpPr>
            <a:spLocks noChangeArrowheads="1"/>
          </p:cNvSpPr>
          <p:nvPr/>
        </p:nvSpPr>
        <p:spPr bwMode="blackGray">
          <a:xfrm>
            <a:off x="6856413" y="1765300"/>
            <a:ext cx="1655762" cy="215900"/>
          </a:xfrm>
          <a:prstGeom prst="rect">
            <a:avLst/>
          </a:prstGeom>
          <a:solidFill>
            <a:schemeClr val="bg2"/>
          </a:solidFill>
          <a:ln w="9525">
            <a:solidFill>
              <a:schemeClr val="bg2"/>
            </a:solidFill>
            <a:miter lim="800000"/>
            <a:headEnd/>
            <a:tailEnd/>
          </a:ln>
        </p:spPr>
        <p:txBody>
          <a:bodyPr wrap="none" lIns="45720" rIns="45720" anchor="ctr"/>
          <a:lstStyle/>
          <a:p>
            <a:endParaRPr lang="en-US"/>
          </a:p>
        </p:txBody>
      </p:sp>
      <p:sp>
        <p:nvSpPr>
          <p:cNvPr id="17415" name="Text Box 8"/>
          <p:cNvSpPr txBox="1">
            <a:spLocks noChangeArrowheads="1"/>
          </p:cNvSpPr>
          <p:nvPr/>
        </p:nvSpPr>
        <p:spPr bwMode="blackGray">
          <a:xfrm>
            <a:off x="6927850" y="1693863"/>
            <a:ext cx="1495425" cy="336550"/>
          </a:xfrm>
          <a:prstGeom prst="rect">
            <a:avLst/>
          </a:prstGeom>
          <a:noFill/>
          <a:ln w="9525">
            <a:noFill/>
            <a:miter lim="800000"/>
            <a:headEnd/>
            <a:tailEnd/>
          </a:ln>
        </p:spPr>
        <p:txBody>
          <a:bodyPr wrap="none" lIns="45720" rIns="45720">
            <a:spAutoFit/>
          </a:bodyPr>
          <a:lstStyle/>
          <a:p>
            <a:r>
              <a:rPr lang="en-US" sz="1600">
                <a:solidFill>
                  <a:schemeClr val="bg1"/>
                </a:solidFill>
              </a:rPr>
              <a:t>Industry output</a:t>
            </a:r>
          </a:p>
        </p:txBody>
      </p:sp>
      <p:sp>
        <p:nvSpPr>
          <p:cNvPr id="17416" name="Rectangle 9"/>
          <p:cNvSpPr>
            <a:spLocks noChangeArrowheads="1"/>
          </p:cNvSpPr>
          <p:nvPr/>
        </p:nvSpPr>
        <p:spPr bwMode="blackGray">
          <a:xfrm>
            <a:off x="3111500" y="2197100"/>
            <a:ext cx="2016125" cy="1223963"/>
          </a:xfrm>
          <a:prstGeom prst="rect">
            <a:avLst/>
          </a:prstGeom>
          <a:noFill/>
          <a:ln w="9525">
            <a:solidFill>
              <a:schemeClr val="tx1"/>
            </a:solidFill>
            <a:miter lim="800000"/>
            <a:headEnd/>
            <a:tailEnd/>
          </a:ln>
        </p:spPr>
        <p:txBody>
          <a:bodyPr wrap="none" lIns="45720" rIns="45720" anchor="ctr"/>
          <a:lstStyle/>
          <a:p>
            <a:endParaRPr lang="en-US"/>
          </a:p>
        </p:txBody>
      </p:sp>
      <p:sp>
        <p:nvSpPr>
          <p:cNvPr id="17417" name="Text Box 10"/>
          <p:cNvSpPr txBox="1">
            <a:spLocks noChangeArrowheads="1"/>
          </p:cNvSpPr>
          <p:nvPr/>
        </p:nvSpPr>
        <p:spPr bwMode="blackGray">
          <a:xfrm>
            <a:off x="3184525" y="2268538"/>
            <a:ext cx="1858963" cy="1069975"/>
          </a:xfrm>
          <a:prstGeom prst="rect">
            <a:avLst/>
          </a:prstGeom>
          <a:noFill/>
          <a:ln w="9525">
            <a:noFill/>
            <a:miter lim="800000"/>
            <a:headEnd/>
            <a:tailEnd/>
          </a:ln>
        </p:spPr>
        <p:txBody>
          <a:bodyPr wrap="none" lIns="45720" rIns="45720">
            <a:spAutoFit/>
          </a:bodyPr>
          <a:lstStyle/>
          <a:p>
            <a:r>
              <a:rPr lang="en-US" sz="1600"/>
              <a:t>Employment report</a:t>
            </a:r>
          </a:p>
          <a:p>
            <a:r>
              <a:rPr lang="en-US" sz="1600"/>
              <a:t>ECI</a:t>
            </a:r>
          </a:p>
          <a:p>
            <a:r>
              <a:rPr lang="en-US" sz="1600"/>
              <a:t>Personal income</a:t>
            </a:r>
          </a:p>
          <a:p>
            <a:r>
              <a:rPr lang="en-US" sz="1600"/>
              <a:t>Jobless claims</a:t>
            </a:r>
          </a:p>
        </p:txBody>
      </p:sp>
      <p:sp>
        <p:nvSpPr>
          <p:cNvPr id="17418" name="AutoShape 11"/>
          <p:cNvSpPr>
            <a:spLocks/>
          </p:cNvSpPr>
          <p:nvPr/>
        </p:nvSpPr>
        <p:spPr bwMode="blackGray">
          <a:xfrm>
            <a:off x="2463800" y="2268538"/>
            <a:ext cx="431800" cy="1152525"/>
          </a:xfrm>
          <a:prstGeom prst="leftBrace">
            <a:avLst>
              <a:gd name="adj1" fmla="val 22243"/>
              <a:gd name="adj2" fmla="val 50000"/>
            </a:avLst>
          </a:prstGeom>
          <a:noFill/>
          <a:ln w="9525">
            <a:solidFill>
              <a:schemeClr val="tx1"/>
            </a:solidFill>
            <a:round/>
            <a:headEnd/>
            <a:tailEnd/>
          </a:ln>
        </p:spPr>
        <p:txBody>
          <a:bodyPr wrap="none" lIns="45720" rIns="45720" anchor="ctr"/>
          <a:lstStyle/>
          <a:p>
            <a:endParaRPr lang="en-US"/>
          </a:p>
        </p:txBody>
      </p:sp>
      <p:sp>
        <p:nvSpPr>
          <p:cNvPr id="17419" name="Text Box 12"/>
          <p:cNvSpPr txBox="1">
            <a:spLocks noChangeArrowheads="1"/>
          </p:cNvSpPr>
          <p:nvPr/>
        </p:nvSpPr>
        <p:spPr bwMode="blackGray">
          <a:xfrm>
            <a:off x="1023938" y="2652713"/>
            <a:ext cx="1376362" cy="336550"/>
          </a:xfrm>
          <a:prstGeom prst="rect">
            <a:avLst/>
          </a:prstGeom>
          <a:noFill/>
          <a:ln w="9525">
            <a:noFill/>
            <a:miter lim="800000"/>
            <a:headEnd/>
            <a:tailEnd/>
          </a:ln>
        </p:spPr>
        <p:txBody>
          <a:bodyPr wrap="none" lIns="45720" rIns="45720">
            <a:spAutoFit/>
          </a:bodyPr>
          <a:lstStyle/>
          <a:p>
            <a:r>
              <a:rPr lang="en-US" sz="1600"/>
              <a:t>Compensation</a:t>
            </a:r>
          </a:p>
        </p:txBody>
      </p:sp>
      <p:sp>
        <p:nvSpPr>
          <p:cNvPr id="17420" name="Text Box 13"/>
          <p:cNvSpPr txBox="1">
            <a:spLocks noChangeArrowheads="1"/>
          </p:cNvSpPr>
          <p:nvPr/>
        </p:nvSpPr>
        <p:spPr bwMode="blackGray">
          <a:xfrm>
            <a:off x="1023938" y="3681413"/>
            <a:ext cx="1003300" cy="581025"/>
          </a:xfrm>
          <a:prstGeom prst="rect">
            <a:avLst/>
          </a:prstGeom>
          <a:noFill/>
          <a:ln w="9525">
            <a:noFill/>
            <a:miter lim="800000"/>
            <a:headEnd/>
            <a:tailEnd/>
          </a:ln>
        </p:spPr>
        <p:txBody>
          <a:bodyPr wrap="none" lIns="45720" rIns="45720">
            <a:spAutoFit/>
          </a:bodyPr>
          <a:lstStyle/>
          <a:p>
            <a:r>
              <a:rPr lang="en-US" sz="1600"/>
              <a:t>Corporate</a:t>
            </a:r>
          </a:p>
          <a:p>
            <a:r>
              <a:rPr lang="en-US" sz="1600"/>
              <a:t>profits</a:t>
            </a:r>
          </a:p>
        </p:txBody>
      </p:sp>
      <p:sp>
        <p:nvSpPr>
          <p:cNvPr id="17421" name="AutoShape 14"/>
          <p:cNvSpPr>
            <a:spLocks/>
          </p:cNvSpPr>
          <p:nvPr/>
        </p:nvSpPr>
        <p:spPr bwMode="blackGray">
          <a:xfrm>
            <a:off x="2392363" y="3709988"/>
            <a:ext cx="503237" cy="576262"/>
          </a:xfrm>
          <a:prstGeom prst="leftBrace">
            <a:avLst>
              <a:gd name="adj1" fmla="val 9543"/>
              <a:gd name="adj2" fmla="val 50000"/>
            </a:avLst>
          </a:prstGeom>
          <a:noFill/>
          <a:ln w="9525">
            <a:solidFill>
              <a:schemeClr val="tx1"/>
            </a:solidFill>
            <a:round/>
            <a:headEnd/>
            <a:tailEnd/>
          </a:ln>
        </p:spPr>
        <p:txBody>
          <a:bodyPr wrap="none" lIns="45720" rIns="45720" anchor="ctr"/>
          <a:lstStyle/>
          <a:p>
            <a:endParaRPr lang="en-US"/>
          </a:p>
        </p:txBody>
      </p:sp>
      <p:sp>
        <p:nvSpPr>
          <p:cNvPr id="17422" name="Rectangle 15"/>
          <p:cNvSpPr>
            <a:spLocks noChangeArrowheads="1"/>
          </p:cNvSpPr>
          <p:nvPr/>
        </p:nvSpPr>
        <p:spPr bwMode="blackGray">
          <a:xfrm>
            <a:off x="3111500" y="3709988"/>
            <a:ext cx="2016125" cy="576262"/>
          </a:xfrm>
          <a:prstGeom prst="rect">
            <a:avLst/>
          </a:prstGeom>
          <a:noFill/>
          <a:ln w="9525">
            <a:solidFill>
              <a:schemeClr val="tx1"/>
            </a:solidFill>
            <a:miter lim="800000"/>
            <a:headEnd/>
            <a:tailEnd/>
          </a:ln>
        </p:spPr>
        <p:txBody>
          <a:bodyPr wrap="none" lIns="45720" rIns="45720" anchor="ctr"/>
          <a:lstStyle/>
          <a:p>
            <a:endParaRPr lang="en-US"/>
          </a:p>
        </p:txBody>
      </p:sp>
      <p:sp>
        <p:nvSpPr>
          <p:cNvPr id="17423" name="Text Box 16"/>
          <p:cNvSpPr txBox="1">
            <a:spLocks noChangeArrowheads="1"/>
          </p:cNvSpPr>
          <p:nvPr/>
        </p:nvSpPr>
        <p:spPr bwMode="blackGray">
          <a:xfrm>
            <a:off x="3209925" y="3709988"/>
            <a:ext cx="1917700" cy="581025"/>
          </a:xfrm>
          <a:prstGeom prst="rect">
            <a:avLst/>
          </a:prstGeom>
          <a:noFill/>
          <a:ln w="9525">
            <a:noFill/>
            <a:miter lim="800000"/>
            <a:headEnd/>
            <a:tailEnd/>
          </a:ln>
        </p:spPr>
        <p:txBody>
          <a:bodyPr lIns="45720" rIns="45720">
            <a:spAutoFit/>
          </a:bodyPr>
          <a:lstStyle/>
          <a:p>
            <a:r>
              <a:rPr lang="en-US" sz="1600"/>
              <a:t>Quarterly corporate</a:t>
            </a:r>
          </a:p>
          <a:p>
            <a:r>
              <a:rPr lang="en-US" sz="1600"/>
              <a:t>   profit report</a:t>
            </a:r>
          </a:p>
        </p:txBody>
      </p:sp>
      <p:sp>
        <p:nvSpPr>
          <p:cNvPr id="17424" name="Text Box 17"/>
          <p:cNvSpPr txBox="1">
            <a:spLocks noChangeArrowheads="1"/>
          </p:cNvSpPr>
          <p:nvPr/>
        </p:nvSpPr>
        <p:spPr bwMode="blackGray">
          <a:xfrm>
            <a:off x="1049338" y="4756150"/>
            <a:ext cx="1331912" cy="825500"/>
          </a:xfrm>
          <a:prstGeom prst="rect">
            <a:avLst/>
          </a:prstGeom>
          <a:noFill/>
          <a:ln w="9525">
            <a:noFill/>
            <a:miter lim="800000"/>
            <a:headEnd/>
            <a:tailEnd/>
          </a:ln>
        </p:spPr>
        <p:txBody>
          <a:bodyPr wrap="none" lIns="45720" rIns="45720">
            <a:spAutoFit/>
          </a:bodyPr>
          <a:lstStyle/>
          <a:p>
            <a:r>
              <a:rPr lang="en-US" sz="1600"/>
              <a:t>Depreciation,</a:t>
            </a:r>
          </a:p>
          <a:p>
            <a:r>
              <a:rPr lang="en-US" sz="1600"/>
              <a:t>other capital</a:t>
            </a:r>
          </a:p>
          <a:p>
            <a:r>
              <a:rPr lang="en-US" sz="1600"/>
              <a:t>income</a:t>
            </a:r>
          </a:p>
        </p:txBody>
      </p:sp>
      <p:sp>
        <p:nvSpPr>
          <p:cNvPr id="17425" name="AutoShape 18"/>
          <p:cNvSpPr>
            <a:spLocks/>
          </p:cNvSpPr>
          <p:nvPr/>
        </p:nvSpPr>
        <p:spPr bwMode="blackGray">
          <a:xfrm>
            <a:off x="2392363" y="4860925"/>
            <a:ext cx="503237" cy="649288"/>
          </a:xfrm>
          <a:prstGeom prst="leftBrace">
            <a:avLst>
              <a:gd name="adj1" fmla="val 10752"/>
              <a:gd name="adj2" fmla="val 50000"/>
            </a:avLst>
          </a:prstGeom>
          <a:noFill/>
          <a:ln w="9525">
            <a:solidFill>
              <a:schemeClr val="tx1"/>
            </a:solidFill>
            <a:round/>
            <a:headEnd/>
            <a:tailEnd/>
          </a:ln>
        </p:spPr>
        <p:txBody>
          <a:bodyPr wrap="none" lIns="45720" rIns="45720" anchor="ctr"/>
          <a:lstStyle/>
          <a:p>
            <a:endParaRPr lang="en-US"/>
          </a:p>
        </p:txBody>
      </p:sp>
      <p:sp>
        <p:nvSpPr>
          <p:cNvPr id="17426" name="Rectangle 19"/>
          <p:cNvSpPr>
            <a:spLocks noChangeArrowheads="1"/>
          </p:cNvSpPr>
          <p:nvPr/>
        </p:nvSpPr>
        <p:spPr bwMode="blackGray">
          <a:xfrm>
            <a:off x="3111500" y="4860925"/>
            <a:ext cx="2016125" cy="649288"/>
          </a:xfrm>
          <a:prstGeom prst="rect">
            <a:avLst/>
          </a:prstGeom>
          <a:noFill/>
          <a:ln w="9525">
            <a:solidFill>
              <a:schemeClr val="tx1"/>
            </a:solidFill>
            <a:miter lim="800000"/>
            <a:headEnd/>
            <a:tailEnd/>
          </a:ln>
        </p:spPr>
        <p:txBody>
          <a:bodyPr wrap="none" lIns="45720" rIns="45720" anchor="ctr"/>
          <a:lstStyle/>
          <a:p>
            <a:endParaRPr lang="en-US"/>
          </a:p>
        </p:txBody>
      </p:sp>
      <p:sp>
        <p:nvSpPr>
          <p:cNvPr id="17427" name="Text Box 20"/>
          <p:cNvSpPr txBox="1">
            <a:spLocks noChangeArrowheads="1"/>
          </p:cNvSpPr>
          <p:nvPr/>
        </p:nvSpPr>
        <p:spPr bwMode="blackGray">
          <a:xfrm>
            <a:off x="3281363" y="4832350"/>
            <a:ext cx="1163637" cy="581025"/>
          </a:xfrm>
          <a:prstGeom prst="rect">
            <a:avLst/>
          </a:prstGeom>
          <a:noFill/>
          <a:ln w="9525">
            <a:noFill/>
            <a:miter lim="800000"/>
            <a:headEnd/>
            <a:tailEnd/>
          </a:ln>
        </p:spPr>
        <p:txBody>
          <a:bodyPr wrap="none" lIns="45720" rIns="45720">
            <a:spAutoFit/>
          </a:bodyPr>
          <a:lstStyle/>
          <a:p>
            <a:r>
              <a:rPr lang="en-US" sz="1600"/>
              <a:t>Few timely </a:t>
            </a:r>
          </a:p>
          <a:p>
            <a:r>
              <a:rPr lang="en-US" sz="1600"/>
              <a:t>measures</a:t>
            </a:r>
          </a:p>
        </p:txBody>
      </p:sp>
      <p:sp>
        <p:nvSpPr>
          <p:cNvPr id="17428" name="Text Box 21"/>
          <p:cNvSpPr txBox="1">
            <a:spLocks noChangeArrowheads="1"/>
          </p:cNvSpPr>
          <p:nvPr/>
        </p:nvSpPr>
        <p:spPr bwMode="blackGray">
          <a:xfrm>
            <a:off x="5802313" y="2744788"/>
            <a:ext cx="1389062" cy="336550"/>
          </a:xfrm>
          <a:prstGeom prst="rect">
            <a:avLst/>
          </a:prstGeom>
          <a:noFill/>
          <a:ln w="9525">
            <a:noFill/>
            <a:miter lim="800000"/>
            <a:headEnd/>
            <a:tailEnd/>
          </a:ln>
        </p:spPr>
        <p:txBody>
          <a:bodyPr wrap="none" lIns="45720" rIns="45720">
            <a:spAutoFit/>
          </a:bodyPr>
          <a:lstStyle/>
          <a:p>
            <a:r>
              <a:rPr lang="en-US" sz="1600"/>
              <a:t>Manufacturing</a:t>
            </a:r>
          </a:p>
        </p:txBody>
      </p:sp>
      <p:sp>
        <p:nvSpPr>
          <p:cNvPr id="17429" name="Rectangle 22"/>
          <p:cNvSpPr>
            <a:spLocks noChangeArrowheads="1"/>
          </p:cNvSpPr>
          <p:nvPr/>
        </p:nvSpPr>
        <p:spPr bwMode="blackGray">
          <a:xfrm>
            <a:off x="7793038" y="2268538"/>
            <a:ext cx="2376487" cy="1368425"/>
          </a:xfrm>
          <a:prstGeom prst="rect">
            <a:avLst/>
          </a:prstGeom>
          <a:noFill/>
          <a:ln w="9525">
            <a:solidFill>
              <a:schemeClr val="tx1"/>
            </a:solidFill>
            <a:miter lim="800000"/>
            <a:headEnd/>
            <a:tailEnd/>
          </a:ln>
        </p:spPr>
        <p:txBody>
          <a:bodyPr wrap="none" lIns="45720" rIns="45720" anchor="ctr"/>
          <a:lstStyle/>
          <a:p>
            <a:endParaRPr lang="en-US"/>
          </a:p>
        </p:txBody>
      </p:sp>
      <p:sp>
        <p:nvSpPr>
          <p:cNvPr id="17430" name="Text Box 23"/>
          <p:cNvSpPr txBox="1">
            <a:spLocks noChangeArrowheads="1"/>
          </p:cNvSpPr>
          <p:nvPr/>
        </p:nvSpPr>
        <p:spPr bwMode="blackGray">
          <a:xfrm>
            <a:off x="7864475" y="2413000"/>
            <a:ext cx="2374900" cy="1069975"/>
          </a:xfrm>
          <a:prstGeom prst="rect">
            <a:avLst/>
          </a:prstGeom>
          <a:noFill/>
          <a:ln w="9525">
            <a:noFill/>
            <a:miter lim="800000"/>
            <a:headEnd/>
            <a:tailEnd/>
          </a:ln>
        </p:spPr>
        <p:txBody>
          <a:bodyPr wrap="none" lIns="45720" rIns="45720">
            <a:spAutoFit/>
          </a:bodyPr>
          <a:lstStyle/>
          <a:p>
            <a:r>
              <a:rPr lang="en-US" sz="1600"/>
              <a:t>Industrial production</a:t>
            </a:r>
          </a:p>
          <a:p>
            <a:r>
              <a:rPr lang="en-US" sz="1600"/>
              <a:t>ISM</a:t>
            </a:r>
          </a:p>
          <a:p>
            <a:r>
              <a:rPr lang="en-US" sz="1600"/>
              <a:t>Regional surveys (Philly, </a:t>
            </a:r>
          </a:p>
          <a:p>
            <a:r>
              <a:rPr lang="en-US" sz="1600"/>
              <a:t>Empire State, etc.)</a:t>
            </a:r>
          </a:p>
        </p:txBody>
      </p:sp>
      <p:sp>
        <p:nvSpPr>
          <p:cNvPr id="17431" name="AutoShape 24"/>
          <p:cNvSpPr>
            <a:spLocks/>
          </p:cNvSpPr>
          <p:nvPr/>
        </p:nvSpPr>
        <p:spPr bwMode="blackGray">
          <a:xfrm>
            <a:off x="7288213" y="2268538"/>
            <a:ext cx="288925" cy="1368425"/>
          </a:xfrm>
          <a:prstGeom prst="leftBrace">
            <a:avLst>
              <a:gd name="adj1" fmla="val 39469"/>
              <a:gd name="adj2" fmla="val 50000"/>
            </a:avLst>
          </a:prstGeom>
          <a:noFill/>
          <a:ln w="9525">
            <a:solidFill>
              <a:schemeClr val="tx1"/>
            </a:solidFill>
            <a:round/>
            <a:headEnd/>
            <a:tailEnd/>
          </a:ln>
        </p:spPr>
        <p:txBody>
          <a:bodyPr wrap="none" lIns="45720" rIns="45720" anchor="ctr"/>
          <a:lstStyle/>
          <a:p>
            <a:endParaRPr lang="en-US"/>
          </a:p>
        </p:txBody>
      </p:sp>
      <p:sp>
        <p:nvSpPr>
          <p:cNvPr id="17432" name="Text Box 25"/>
          <p:cNvSpPr txBox="1">
            <a:spLocks noChangeArrowheads="1"/>
          </p:cNvSpPr>
          <p:nvPr/>
        </p:nvSpPr>
        <p:spPr bwMode="blackGray">
          <a:xfrm>
            <a:off x="5848350" y="4645025"/>
            <a:ext cx="833438" cy="336550"/>
          </a:xfrm>
          <a:prstGeom prst="rect">
            <a:avLst/>
          </a:prstGeom>
          <a:noFill/>
          <a:ln w="9525">
            <a:noFill/>
            <a:miter lim="800000"/>
            <a:headEnd/>
            <a:tailEnd/>
          </a:ln>
        </p:spPr>
        <p:txBody>
          <a:bodyPr wrap="none" lIns="45720" rIns="45720">
            <a:spAutoFit/>
          </a:bodyPr>
          <a:lstStyle/>
          <a:p>
            <a:r>
              <a:rPr lang="en-US" sz="1600"/>
              <a:t>Services</a:t>
            </a:r>
          </a:p>
        </p:txBody>
      </p:sp>
      <p:sp>
        <p:nvSpPr>
          <p:cNvPr id="17433" name="Rectangle 26"/>
          <p:cNvSpPr>
            <a:spLocks noChangeArrowheads="1"/>
          </p:cNvSpPr>
          <p:nvPr/>
        </p:nvSpPr>
        <p:spPr bwMode="blackGray">
          <a:xfrm>
            <a:off x="7793038" y="4213225"/>
            <a:ext cx="2447925" cy="1296988"/>
          </a:xfrm>
          <a:prstGeom prst="rect">
            <a:avLst/>
          </a:prstGeom>
          <a:noFill/>
          <a:ln w="9525">
            <a:solidFill>
              <a:schemeClr val="tx1"/>
            </a:solidFill>
            <a:miter lim="800000"/>
            <a:headEnd/>
            <a:tailEnd/>
          </a:ln>
        </p:spPr>
        <p:txBody>
          <a:bodyPr wrap="none" lIns="45720" rIns="45720" anchor="ctr"/>
          <a:lstStyle/>
          <a:p>
            <a:endParaRPr lang="en-US"/>
          </a:p>
        </p:txBody>
      </p:sp>
      <p:sp>
        <p:nvSpPr>
          <p:cNvPr id="17434" name="Text Box 27"/>
          <p:cNvSpPr txBox="1">
            <a:spLocks noChangeArrowheads="1"/>
          </p:cNvSpPr>
          <p:nvPr/>
        </p:nvSpPr>
        <p:spPr bwMode="blackGray">
          <a:xfrm>
            <a:off x="7864475" y="4286250"/>
            <a:ext cx="2274888" cy="1069975"/>
          </a:xfrm>
          <a:prstGeom prst="rect">
            <a:avLst/>
          </a:prstGeom>
          <a:noFill/>
          <a:ln w="9525">
            <a:noFill/>
            <a:miter lim="800000"/>
            <a:headEnd/>
            <a:tailEnd/>
          </a:ln>
        </p:spPr>
        <p:txBody>
          <a:bodyPr wrap="none" lIns="45720" rIns="45720">
            <a:spAutoFit/>
          </a:bodyPr>
          <a:lstStyle/>
          <a:p>
            <a:r>
              <a:rPr lang="en-US" sz="1600"/>
              <a:t>Non-manufacturing ISM,</a:t>
            </a:r>
          </a:p>
          <a:p>
            <a:r>
              <a:rPr lang="en-US" sz="1600"/>
              <a:t>few other indicators</a:t>
            </a:r>
          </a:p>
          <a:p>
            <a:r>
              <a:rPr lang="en-US" sz="1600"/>
              <a:t>(a problem for </a:t>
            </a:r>
          </a:p>
          <a:p>
            <a:r>
              <a:rPr lang="en-US" sz="1600"/>
              <a:t>measuring US economy)</a:t>
            </a:r>
          </a:p>
        </p:txBody>
      </p:sp>
      <p:sp>
        <p:nvSpPr>
          <p:cNvPr id="17435" name="AutoShape 28"/>
          <p:cNvSpPr>
            <a:spLocks/>
          </p:cNvSpPr>
          <p:nvPr/>
        </p:nvSpPr>
        <p:spPr bwMode="blackGray">
          <a:xfrm>
            <a:off x="7143750" y="4213225"/>
            <a:ext cx="360363" cy="1296988"/>
          </a:xfrm>
          <a:prstGeom prst="leftBrace">
            <a:avLst>
              <a:gd name="adj1" fmla="val 29993"/>
              <a:gd name="adj2" fmla="val 50000"/>
            </a:avLst>
          </a:prstGeom>
          <a:noFill/>
          <a:ln w="9525">
            <a:solidFill>
              <a:schemeClr val="tx1"/>
            </a:solidFill>
            <a:round/>
            <a:headEnd/>
            <a:tailEnd/>
          </a:ln>
        </p:spPr>
        <p:txBody>
          <a:bodyPr wrap="none" lIns="45720" rIns="45720" anchor="ctr"/>
          <a:lstStyle/>
          <a:p>
            <a:endParaRPr lang="en-US"/>
          </a:p>
        </p:txBody>
      </p:sp>
    </p:spTree>
  </p:cSld>
  <p:clrMapOvr>
    <a:masterClrMapping/>
  </p:clrMapOvr>
</p:sld>
</file>

<file path=ppt/slides/slide17.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8434" name="Slide Number Placeholder 4"/>
          <p:cNvSpPr>
            <a:spLocks noGrp="1"/>
          </p:cNvSpPr>
          <p:nvPr>
            <p:ph type="sldNum" sz="quarter" idx="10"/>
          </p:nvPr>
        </p:nvSpPr>
        <p:spPr>
          <a:noFill/>
        </p:spPr>
        <p:txBody>
          <a:bodyPr/>
          <a:lstStyle/>
          <a:p>
            <a:fld id="{D39A982E-7A6D-44DE-BF5E-32CCE01A10E7}" type="slidenum">
              <a:rPr lang="en-US" smtClean="0"/>
              <a:pPr/>
              <a:t>16</a:t>
            </a:fld>
            <a:endParaRPr lang="en-US" smtClean="0"/>
          </a:p>
        </p:txBody>
      </p:sp>
      <p:sp>
        <p:nvSpPr>
          <p:cNvPr id="18435" name="Rectangle 8"/>
          <p:cNvSpPr>
            <a:spLocks noChangeArrowheads="1"/>
          </p:cNvSpPr>
          <p:nvPr/>
        </p:nvSpPr>
        <p:spPr bwMode="blackGray">
          <a:xfrm>
            <a:off x="1960563" y="3636963"/>
            <a:ext cx="3887787" cy="215900"/>
          </a:xfrm>
          <a:prstGeom prst="rect">
            <a:avLst/>
          </a:prstGeom>
          <a:solidFill>
            <a:schemeClr val="bg2"/>
          </a:solidFill>
          <a:ln w="9525">
            <a:noFill/>
            <a:miter lim="800000"/>
            <a:headEnd/>
            <a:tailEnd/>
          </a:ln>
        </p:spPr>
        <p:txBody>
          <a:bodyPr wrap="none" lIns="45720" rIns="45720" anchor="ctr"/>
          <a:lstStyle/>
          <a:p>
            <a:endParaRPr lang="en-US"/>
          </a:p>
        </p:txBody>
      </p:sp>
      <p:sp>
        <p:nvSpPr>
          <p:cNvPr id="18436" name="Rectangle 6"/>
          <p:cNvSpPr>
            <a:spLocks noChangeArrowheads="1"/>
          </p:cNvSpPr>
          <p:nvPr/>
        </p:nvSpPr>
        <p:spPr bwMode="blackGray">
          <a:xfrm>
            <a:off x="1960563" y="3852863"/>
            <a:ext cx="3887787" cy="2087562"/>
          </a:xfrm>
          <a:prstGeom prst="rect">
            <a:avLst/>
          </a:prstGeom>
          <a:solidFill>
            <a:srgbClr val="969696">
              <a:alpha val="30196"/>
            </a:srgbClr>
          </a:solidFill>
          <a:ln w="9525">
            <a:noFill/>
            <a:miter lim="800000"/>
            <a:headEnd/>
            <a:tailEnd/>
          </a:ln>
        </p:spPr>
        <p:txBody>
          <a:bodyPr wrap="none" lIns="45720" rIns="45720" anchor="ctr"/>
          <a:lstStyle/>
          <a:p>
            <a:endParaRPr lang="en-US"/>
          </a:p>
        </p:txBody>
      </p:sp>
      <p:sp>
        <p:nvSpPr>
          <p:cNvPr id="18437" name="Rectangle 2"/>
          <p:cNvSpPr>
            <a:spLocks noGrp="1" noChangeArrowheads="1"/>
          </p:cNvSpPr>
          <p:nvPr>
            <p:ph type="title"/>
          </p:nvPr>
        </p:nvSpPr>
        <p:spPr/>
        <p:txBody>
          <a:bodyPr/>
          <a:lstStyle/>
          <a:p>
            <a:r>
              <a:rPr lang="en-US" smtClean="0"/>
              <a:t>Inflation: some fundamentals</a:t>
            </a:r>
          </a:p>
        </p:txBody>
      </p:sp>
      <p:sp>
        <p:nvSpPr>
          <p:cNvPr id="18438" name="Rectangle 3"/>
          <p:cNvSpPr>
            <a:spLocks noGrp="1" noChangeArrowheads="1"/>
          </p:cNvSpPr>
          <p:nvPr>
            <p:ph type="body" sz="half" idx="1"/>
          </p:nvPr>
        </p:nvSpPr>
        <p:spPr>
          <a:xfrm>
            <a:off x="1744663" y="1295400"/>
            <a:ext cx="6767512" cy="2270125"/>
          </a:xfrm>
        </p:spPr>
        <p:txBody>
          <a:bodyPr/>
          <a:lstStyle/>
          <a:p>
            <a:r>
              <a:rPr lang="en-US" sz="1800" smtClean="0"/>
              <a:t>Inflation: a continued rise in the overall price level.</a:t>
            </a:r>
          </a:p>
          <a:p>
            <a:pPr>
              <a:buClr>
                <a:schemeClr val="accent1"/>
              </a:buClr>
              <a:buFontTx/>
              <a:buChar char="•"/>
            </a:pPr>
            <a:r>
              <a:rPr lang="en-US" sz="1800" smtClean="0"/>
              <a:t> Milton Friedman: inflation is always and everywhere a monetary phenomenon.</a:t>
            </a:r>
          </a:p>
          <a:p>
            <a:pPr>
              <a:buClr>
                <a:schemeClr val="accent1"/>
              </a:buClr>
              <a:buFontTx/>
              <a:buChar char="•"/>
            </a:pPr>
            <a:r>
              <a:rPr lang="en-US" sz="1800" smtClean="0"/>
              <a:t> In the US, however, the link between inflation and measure of monetary aggregates broke down decades ago.</a:t>
            </a:r>
          </a:p>
        </p:txBody>
      </p:sp>
      <p:sp>
        <p:nvSpPr>
          <p:cNvPr id="18439" name="Text Box 7"/>
          <p:cNvSpPr txBox="1">
            <a:spLocks noChangeArrowheads="1"/>
          </p:cNvSpPr>
          <p:nvPr/>
        </p:nvSpPr>
        <p:spPr bwMode="blackGray">
          <a:xfrm>
            <a:off x="1960563" y="3589338"/>
            <a:ext cx="2201862" cy="274637"/>
          </a:xfrm>
          <a:prstGeom prst="rect">
            <a:avLst/>
          </a:prstGeom>
          <a:noFill/>
          <a:ln w="9525">
            <a:noFill/>
            <a:miter lim="800000"/>
            <a:headEnd/>
            <a:tailEnd/>
          </a:ln>
        </p:spPr>
        <p:txBody>
          <a:bodyPr wrap="none" lIns="45720" rIns="45720">
            <a:spAutoFit/>
          </a:bodyPr>
          <a:lstStyle/>
          <a:p>
            <a:r>
              <a:rPr lang="en-US">
                <a:solidFill>
                  <a:schemeClr val="bg1"/>
                </a:solidFill>
              </a:rPr>
              <a:t>Inflation and the money supply</a:t>
            </a:r>
          </a:p>
        </p:txBody>
      </p:sp>
      <p:pic>
        <p:nvPicPr>
          <p:cNvPr id="18440" name="Picture 10"/>
          <p:cNvPicPr>
            <a:picLocks noChangeAspect="1" noChangeArrowheads="1"/>
          </p:cNvPicPr>
          <p:nvPr/>
        </p:nvPicPr>
        <p:blipFill>
          <a:blip r:embed="rId2" cstate="print"/>
          <a:srcRect/>
          <a:stretch>
            <a:fillRect/>
          </a:stretch>
        </p:blipFill>
        <p:spPr bwMode="blackGray">
          <a:xfrm>
            <a:off x="1960563" y="3636963"/>
            <a:ext cx="3887787" cy="2305050"/>
          </a:xfrm>
          <a:prstGeom prst="rect">
            <a:avLst/>
          </a:prstGeom>
          <a:noFill/>
          <a:ln w="9525">
            <a:noFill/>
            <a:miter lim="800000"/>
            <a:headEnd/>
            <a:tailEnd/>
          </a:ln>
        </p:spPr>
      </p:pic>
    </p:spTree>
  </p:cSld>
  <p:clrMapOvr>
    <a:masterClrMapping/>
  </p:clrMapOvr>
</p:sld>
</file>

<file path=ppt/slides/slide18.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9458" name="Slide Number Placeholder 3"/>
          <p:cNvSpPr>
            <a:spLocks noGrp="1"/>
          </p:cNvSpPr>
          <p:nvPr>
            <p:ph type="sldNum" sz="quarter" idx="10"/>
          </p:nvPr>
        </p:nvSpPr>
        <p:spPr>
          <a:noFill/>
        </p:spPr>
        <p:txBody>
          <a:bodyPr/>
          <a:lstStyle/>
          <a:p>
            <a:fld id="{19784CAE-538C-41CE-9771-296B129047E3}" type="slidenum">
              <a:rPr lang="en-US" smtClean="0"/>
              <a:pPr/>
              <a:t>17</a:t>
            </a:fld>
            <a:endParaRPr lang="en-US" smtClean="0"/>
          </a:p>
        </p:txBody>
      </p:sp>
      <p:sp>
        <p:nvSpPr>
          <p:cNvPr id="19459" name="Rectangle 2"/>
          <p:cNvSpPr>
            <a:spLocks noGrp="1" noChangeArrowheads="1"/>
          </p:cNvSpPr>
          <p:nvPr>
            <p:ph type="title"/>
          </p:nvPr>
        </p:nvSpPr>
        <p:spPr/>
        <p:txBody>
          <a:bodyPr/>
          <a:lstStyle/>
          <a:p>
            <a:r>
              <a:rPr lang="en-US" smtClean="0"/>
              <a:t>Inflation: some fundamentals</a:t>
            </a:r>
          </a:p>
        </p:txBody>
      </p:sp>
      <p:sp>
        <p:nvSpPr>
          <p:cNvPr id="19460" name="Rectangle 3"/>
          <p:cNvSpPr>
            <a:spLocks noGrp="1" noChangeArrowheads="1"/>
          </p:cNvSpPr>
          <p:nvPr>
            <p:ph type="body" idx="1"/>
          </p:nvPr>
        </p:nvSpPr>
        <p:spPr>
          <a:xfrm>
            <a:off x="1744663" y="1333500"/>
            <a:ext cx="7920037" cy="4799013"/>
          </a:xfrm>
        </p:spPr>
        <p:txBody>
          <a:bodyPr/>
          <a:lstStyle/>
          <a:p>
            <a:r>
              <a:rPr lang="en-US" sz="1800" smtClean="0"/>
              <a:t>After money “broke down” US economists returned to analyzing resource utilization as the main driver of the change in inflation rates.</a:t>
            </a:r>
          </a:p>
          <a:p>
            <a:r>
              <a:rPr lang="en-US" sz="1800" smtClean="0"/>
              <a:t>Two approaches:</a:t>
            </a:r>
          </a:p>
          <a:p>
            <a:pPr>
              <a:buClr>
                <a:schemeClr val="accent1"/>
              </a:buClr>
              <a:buFontTx/>
              <a:buChar char="•"/>
            </a:pPr>
            <a:r>
              <a:rPr lang="en-US" sz="1800" smtClean="0"/>
              <a:t> Traditional Phillips curve. Given a natural rate of unemployment, or NAIRU, denoted u*, inflation pressures will be determined by where the actual unemployment rate, u, is in relation to NAIRU. If u&gt;u*, inflation pressures are easing. If u&lt;u*, inflation pressures are building.</a:t>
            </a:r>
          </a:p>
          <a:p>
            <a:pPr>
              <a:buClr>
                <a:schemeClr val="accent1"/>
              </a:buClr>
              <a:buFontTx/>
              <a:buChar char="•"/>
            </a:pPr>
            <a:r>
              <a:rPr lang="en-US" sz="1800" smtClean="0"/>
              <a:t> Output gap-based Phillips curve. Given the full-employment potential output of the economy, denoted y*, inflation pressures will be determined by where the actual output, y, is in relation to potential. If y&lt;y* (a negative output gap), inflation pressures are easing. If y&gt;y*, (a positive output gap) inflation pressures are building.</a:t>
            </a:r>
          </a:p>
        </p:txBody>
      </p:sp>
    </p:spTree>
  </p:cSld>
  <p:clrMapOvr>
    <a:masterClrMapping/>
  </p:clrMapOvr>
</p:sld>
</file>

<file path=ppt/slides/slide19.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0482" name="Slide Number Placeholder 3"/>
          <p:cNvSpPr>
            <a:spLocks noGrp="1"/>
          </p:cNvSpPr>
          <p:nvPr>
            <p:ph type="sldNum" sz="quarter" idx="10"/>
          </p:nvPr>
        </p:nvSpPr>
        <p:spPr>
          <a:noFill/>
        </p:spPr>
        <p:txBody>
          <a:bodyPr/>
          <a:lstStyle/>
          <a:p>
            <a:fld id="{2FA1E5AD-A96C-4CCB-9AED-94DD3A62ECA1}" type="slidenum">
              <a:rPr lang="en-US" smtClean="0"/>
              <a:pPr/>
              <a:t>18</a:t>
            </a:fld>
            <a:endParaRPr lang="en-US" smtClean="0"/>
          </a:p>
        </p:txBody>
      </p:sp>
      <p:sp>
        <p:nvSpPr>
          <p:cNvPr id="20483" name="Rectangle 12"/>
          <p:cNvSpPr>
            <a:spLocks noChangeArrowheads="1"/>
          </p:cNvSpPr>
          <p:nvPr/>
        </p:nvSpPr>
        <p:spPr bwMode="blackGray">
          <a:xfrm>
            <a:off x="2176463" y="4357688"/>
            <a:ext cx="3600450" cy="215900"/>
          </a:xfrm>
          <a:prstGeom prst="rect">
            <a:avLst/>
          </a:prstGeom>
          <a:solidFill>
            <a:schemeClr val="bg2"/>
          </a:solidFill>
          <a:ln w="9525">
            <a:noFill/>
            <a:miter lim="800000"/>
            <a:headEnd/>
            <a:tailEnd/>
          </a:ln>
        </p:spPr>
        <p:txBody>
          <a:bodyPr wrap="none" lIns="45720" rIns="45720" anchor="ctr"/>
          <a:lstStyle/>
          <a:p>
            <a:endParaRPr lang="en-US"/>
          </a:p>
        </p:txBody>
      </p:sp>
      <p:sp>
        <p:nvSpPr>
          <p:cNvPr id="20484" name="Rectangle 11"/>
          <p:cNvSpPr>
            <a:spLocks noChangeArrowheads="1"/>
          </p:cNvSpPr>
          <p:nvPr/>
        </p:nvSpPr>
        <p:spPr bwMode="blackGray">
          <a:xfrm>
            <a:off x="6135688" y="4573588"/>
            <a:ext cx="3529012" cy="1871662"/>
          </a:xfrm>
          <a:prstGeom prst="rect">
            <a:avLst/>
          </a:prstGeom>
          <a:solidFill>
            <a:schemeClr val="tx2"/>
          </a:solidFill>
          <a:ln w="9525">
            <a:noFill/>
            <a:miter lim="800000"/>
            <a:headEnd/>
            <a:tailEnd/>
          </a:ln>
        </p:spPr>
        <p:txBody>
          <a:bodyPr wrap="none" lIns="45720" rIns="45720" anchor="ctr"/>
          <a:lstStyle/>
          <a:p>
            <a:endParaRPr lang="en-US"/>
          </a:p>
        </p:txBody>
      </p:sp>
      <p:sp>
        <p:nvSpPr>
          <p:cNvPr id="20485" name="Rectangle 10"/>
          <p:cNvSpPr>
            <a:spLocks noChangeArrowheads="1"/>
          </p:cNvSpPr>
          <p:nvPr/>
        </p:nvSpPr>
        <p:spPr bwMode="blackGray">
          <a:xfrm>
            <a:off x="2176463" y="4573588"/>
            <a:ext cx="3600450" cy="1871662"/>
          </a:xfrm>
          <a:prstGeom prst="rect">
            <a:avLst/>
          </a:prstGeom>
          <a:solidFill>
            <a:schemeClr val="tx2"/>
          </a:solidFill>
          <a:ln w="9525">
            <a:solidFill>
              <a:schemeClr val="bg1"/>
            </a:solidFill>
            <a:miter lim="800000"/>
            <a:headEnd/>
            <a:tailEnd/>
          </a:ln>
        </p:spPr>
        <p:txBody>
          <a:bodyPr wrap="none" lIns="45720" rIns="45720" anchor="ctr"/>
          <a:lstStyle/>
          <a:p>
            <a:endParaRPr lang="en-US"/>
          </a:p>
        </p:txBody>
      </p:sp>
      <p:sp>
        <p:nvSpPr>
          <p:cNvPr id="20486" name="Rectangle 8"/>
          <p:cNvSpPr>
            <a:spLocks noGrp="1" noChangeArrowheads="1"/>
          </p:cNvSpPr>
          <p:nvPr>
            <p:ph type="title"/>
          </p:nvPr>
        </p:nvSpPr>
        <p:spPr/>
        <p:txBody>
          <a:bodyPr/>
          <a:lstStyle/>
          <a:p>
            <a:r>
              <a:rPr lang="en-US" smtClean="0"/>
              <a:t>Inflation: some fundamentals</a:t>
            </a:r>
          </a:p>
        </p:txBody>
      </p:sp>
      <p:sp>
        <p:nvSpPr>
          <p:cNvPr id="20487" name="Rectangle 18"/>
          <p:cNvSpPr>
            <a:spLocks noGrp="1" noChangeArrowheads="1"/>
          </p:cNvSpPr>
          <p:nvPr>
            <p:ph type="body" idx="1"/>
          </p:nvPr>
        </p:nvSpPr>
        <p:spPr>
          <a:xfrm>
            <a:off x="2103438" y="1260475"/>
            <a:ext cx="7165975" cy="2736850"/>
          </a:xfrm>
        </p:spPr>
        <p:txBody>
          <a:bodyPr/>
          <a:lstStyle/>
          <a:p>
            <a:r>
              <a:rPr lang="en-US" sz="1800" dirty="0" smtClean="0"/>
              <a:t>Money replaced with “gaps-based” approach: inflation pressure determined by how far economy operating from its full-capacity potential.  There are two problems with practical implementation:</a:t>
            </a:r>
          </a:p>
          <a:p>
            <a:pPr>
              <a:buClr>
                <a:schemeClr val="accent1"/>
              </a:buClr>
              <a:buFontTx/>
              <a:buChar char="•"/>
            </a:pPr>
            <a:r>
              <a:rPr lang="en-US" sz="1800" dirty="0" smtClean="0"/>
              <a:t> NAIRU and potential output are unobserved. The estimates we have are often revised after several years.</a:t>
            </a:r>
          </a:p>
          <a:p>
            <a:pPr>
              <a:buClr>
                <a:schemeClr val="accent1"/>
              </a:buClr>
              <a:buFontTx/>
              <a:buChar char="•"/>
            </a:pPr>
            <a:r>
              <a:rPr lang="en-US" sz="1800" dirty="0" smtClean="0"/>
              <a:t> In the short-run, other factors such as supply shocks can influence inflation as well as distort the signal of true, underlying inflation</a:t>
            </a:r>
          </a:p>
        </p:txBody>
      </p:sp>
      <p:sp>
        <p:nvSpPr>
          <p:cNvPr id="20488" name="Rectangle 14"/>
          <p:cNvSpPr>
            <a:spLocks noChangeArrowheads="1"/>
          </p:cNvSpPr>
          <p:nvPr/>
        </p:nvSpPr>
        <p:spPr bwMode="blackGray">
          <a:xfrm>
            <a:off x="6135688" y="4357688"/>
            <a:ext cx="3529012" cy="215900"/>
          </a:xfrm>
          <a:prstGeom prst="rect">
            <a:avLst/>
          </a:prstGeom>
          <a:solidFill>
            <a:schemeClr val="bg2"/>
          </a:solidFill>
          <a:ln w="9525">
            <a:noFill/>
            <a:miter lim="800000"/>
            <a:headEnd/>
            <a:tailEnd/>
          </a:ln>
        </p:spPr>
        <p:txBody>
          <a:bodyPr wrap="none" lIns="45720" rIns="45720" anchor="ctr"/>
          <a:lstStyle/>
          <a:p>
            <a:pPr algn="ctr"/>
            <a:endParaRPr lang="en-US" sz="1400"/>
          </a:p>
        </p:txBody>
      </p:sp>
      <p:sp>
        <p:nvSpPr>
          <p:cNvPr id="20489" name="Text Box 15"/>
          <p:cNvSpPr txBox="1">
            <a:spLocks noChangeArrowheads="1"/>
          </p:cNvSpPr>
          <p:nvPr/>
        </p:nvSpPr>
        <p:spPr bwMode="blackGray">
          <a:xfrm>
            <a:off x="2201863" y="4308475"/>
            <a:ext cx="795337" cy="274638"/>
          </a:xfrm>
          <a:prstGeom prst="rect">
            <a:avLst/>
          </a:prstGeom>
          <a:noFill/>
          <a:ln w="9525">
            <a:noFill/>
            <a:miter lim="800000"/>
            <a:headEnd/>
            <a:tailEnd/>
          </a:ln>
        </p:spPr>
        <p:txBody>
          <a:bodyPr wrap="none" lIns="45720" rIns="45720">
            <a:spAutoFit/>
          </a:bodyPr>
          <a:lstStyle/>
          <a:p>
            <a:r>
              <a:rPr lang="en-US">
                <a:solidFill>
                  <a:schemeClr val="bg1"/>
                </a:solidFill>
              </a:rPr>
              <a:t>NAIRU gap</a:t>
            </a:r>
          </a:p>
        </p:txBody>
      </p:sp>
      <p:sp>
        <p:nvSpPr>
          <p:cNvPr id="20490" name="Text Box 17"/>
          <p:cNvSpPr txBox="1">
            <a:spLocks noChangeArrowheads="1"/>
          </p:cNvSpPr>
          <p:nvPr/>
        </p:nvSpPr>
        <p:spPr bwMode="blackGray">
          <a:xfrm>
            <a:off x="6162675" y="4308475"/>
            <a:ext cx="850900" cy="274638"/>
          </a:xfrm>
          <a:prstGeom prst="rect">
            <a:avLst/>
          </a:prstGeom>
          <a:noFill/>
          <a:ln w="9525">
            <a:noFill/>
            <a:miter lim="800000"/>
            <a:headEnd/>
            <a:tailEnd/>
          </a:ln>
        </p:spPr>
        <p:txBody>
          <a:bodyPr wrap="none" lIns="45720" rIns="45720">
            <a:spAutoFit/>
          </a:bodyPr>
          <a:lstStyle/>
          <a:p>
            <a:r>
              <a:rPr lang="en-US">
                <a:solidFill>
                  <a:schemeClr val="bg1"/>
                </a:solidFill>
              </a:rPr>
              <a:t>Output gap</a:t>
            </a:r>
          </a:p>
        </p:txBody>
      </p:sp>
      <p:pic>
        <p:nvPicPr>
          <p:cNvPr id="20491" name="Picture 13"/>
          <p:cNvPicPr>
            <a:picLocks noChangeAspect="1" noChangeArrowheads="1"/>
          </p:cNvPicPr>
          <p:nvPr/>
        </p:nvPicPr>
        <p:blipFill>
          <a:blip r:embed="rId2" cstate="print"/>
          <a:srcRect/>
          <a:stretch>
            <a:fillRect/>
          </a:stretch>
        </p:blipFill>
        <p:spPr bwMode="blackGray">
          <a:xfrm>
            <a:off x="2103438" y="4286250"/>
            <a:ext cx="3681412" cy="2159000"/>
          </a:xfrm>
          <a:prstGeom prst="rect">
            <a:avLst/>
          </a:prstGeom>
          <a:noFill/>
          <a:ln w="9525">
            <a:noFill/>
            <a:miter lim="800000"/>
            <a:headEnd/>
            <a:tailEnd/>
          </a:ln>
        </p:spPr>
      </p:pic>
      <p:pic>
        <p:nvPicPr>
          <p:cNvPr id="20492" name="Picture 14"/>
          <p:cNvPicPr>
            <a:picLocks noChangeAspect="1" noChangeArrowheads="1"/>
          </p:cNvPicPr>
          <p:nvPr/>
        </p:nvPicPr>
        <p:blipFill>
          <a:blip r:embed="rId3" cstate="print"/>
          <a:srcRect/>
          <a:stretch>
            <a:fillRect/>
          </a:stretch>
        </p:blipFill>
        <p:spPr bwMode="blackGray">
          <a:xfrm>
            <a:off x="6064250" y="4286250"/>
            <a:ext cx="3679825" cy="2159000"/>
          </a:xfrm>
          <a:prstGeom prst="rect">
            <a:avLst/>
          </a:prstGeom>
          <a:noFill/>
          <a:ln w="9525">
            <a:noFill/>
            <a:miter lim="800000"/>
            <a:headEnd/>
            <a:tailEnd/>
          </a:ln>
        </p:spPr>
      </p:pic>
    </p:spTree>
  </p:cSld>
  <p:clrMapOvr>
    <a:masterClrMapping/>
  </p:clrMapOvr>
</p:sld>
</file>

<file path=ppt/slides/slide2.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5122" name="Slide Number Placeholder 3"/>
          <p:cNvSpPr>
            <a:spLocks noGrp="1"/>
          </p:cNvSpPr>
          <p:nvPr>
            <p:ph type="sldNum" sz="quarter" idx="10"/>
          </p:nvPr>
        </p:nvSpPr>
        <p:spPr>
          <a:noFill/>
        </p:spPr>
        <p:txBody>
          <a:bodyPr/>
          <a:lstStyle/>
          <a:p>
            <a:fld id="{141F9C7F-4556-43F5-BCCB-2E2636133E5F}" type="slidenum">
              <a:rPr lang="en-US" smtClean="0"/>
              <a:pPr/>
              <a:t>1</a:t>
            </a:fld>
            <a:endParaRPr lang="en-US" smtClean="0"/>
          </a:p>
        </p:txBody>
      </p:sp>
      <p:sp>
        <p:nvSpPr>
          <p:cNvPr id="5123" name="Rectangle 2"/>
          <p:cNvSpPr>
            <a:spLocks noGrp="1" noChangeArrowheads="1"/>
          </p:cNvSpPr>
          <p:nvPr>
            <p:ph type="title"/>
          </p:nvPr>
        </p:nvSpPr>
        <p:spPr/>
        <p:txBody>
          <a:bodyPr/>
          <a:lstStyle/>
          <a:p>
            <a:r>
              <a:rPr lang="en-GB" dirty="0" smtClean="0"/>
              <a:t>Overview of the discussion</a:t>
            </a:r>
          </a:p>
        </p:txBody>
      </p:sp>
      <p:sp>
        <p:nvSpPr>
          <p:cNvPr id="5124" name="Rectangle 6"/>
          <p:cNvSpPr>
            <a:spLocks noGrp="1" noChangeArrowheads="1"/>
          </p:cNvSpPr>
          <p:nvPr>
            <p:ph type="body" idx="1"/>
          </p:nvPr>
        </p:nvSpPr>
        <p:spPr>
          <a:xfrm>
            <a:off x="1828800" y="1905000"/>
            <a:ext cx="7165975" cy="4799013"/>
          </a:xfrm>
        </p:spPr>
        <p:txBody>
          <a:bodyPr/>
          <a:lstStyle/>
          <a:p>
            <a:pPr lvl="1">
              <a:buFontTx/>
              <a:buChar char="•"/>
            </a:pPr>
            <a:r>
              <a:rPr lang="en-GB" sz="1800" dirty="0" smtClean="0"/>
              <a:t>What “Street” economists do</a:t>
            </a:r>
          </a:p>
          <a:p>
            <a:pPr lvl="1">
              <a:buFontTx/>
              <a:buNone/>
            </a:pPr>
            <a:endParaRPr lang="en-GB" sz="1800" dirty="0" smtClean="0"/>
          </a:p>
          <a:p>
            <a:pPr lvl="1">
              <a:buFontTx/>
              <a:buChar char="•"/>
            </a:pPr>
            <a:r>
              <a:rPr lang="en-GB" sz="1800" dirty="0" smtClean="0"/>
              <a:t>How we do economics differently</a:t>
            </a:r>
          </a:p>
          <a:p>
            <a:pPr lvl="1">
              <a:buFontTx/>
              <a:buChar char="•"/>
            </a:pPr>
            <a:endParaRPr lang="en-GB" sz="1800" dirty="0" smtClean="0"/>
          </a:p>
          <a:p>
            <a:pPr lvl="1">
              <a:buFontTx/>
              <a:buNone/>
            </a:pPr>
            <a:endParaRPr lang="en-GB" sz="1800" dirty="0" smtClean="0"/>
          </a:p>
          <a:p>
            <a:pPr lvl="1">
              <a:buNone/>
            </a:pPr>
            <a:endParaRPr lang="en-GB" sz="1800" dirty="0" smtClean="0"/>
          </a:p>
        </p:txBody>
      </p:sp>
    </p:spTree>
  </p:cSld>
  <p:clrMapOvr>
    <a:masterClrMapping/>
  </p:clrMapOvr>
</p:sld>
</file>

<file path=ppt/slides/slide20.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1506" name="Slide Number Placeholder 3"/>
          <p:cNvSpPr>
            <a:spLocks noGrp="1"/>
          </p:cNvSpPr>
          <p:nvPr>
            <p:ph type="sldNum" sz="quarter" idx="10"/>
          </p:nvPr>
        </p:nvSpPr>
        <p:spPr>
          <a:noFill/>
        </p:spPr>
        <p:txBody>
          <a:bodyPr/>
          <a:lstStyle/>
          <a:p>
            <a:fld id="{779921E3-149E-4B1A-B2C8-0922E841C719}" type="slidenum">
              <a:rPr lang="en-US" smtClean="0"/>
              <a:pPr/>
              <a:t>19</a:t>
            </a:fld>
            <a:endParaRPr lang="en-US" smtClean="0"/>
          </a:p>
        </p:txBody>
      </p:sp>
      <p:sp>
        <p:nvSpPr>
          <p:cNvPr id="21507" name="Rectangle 11"/>
          <p:cNvSpPr>
            <a:spLocks noChangeArrowheads="1"/>
          </p:cNvSpPr>
          <p:nvPr/>
        </p:nvSpPr>
        <p:spPr bwMode="blackGray">
          <a:xfrm>
            <a:off x="3976688" y="5365750"/>
            <a:ext cx="3095625" cy="647700"/>
          </a:xfrm>
          <a:prstGeom prst="rect">
            <a:avLst/>
          </a:prstGeom>
          <a:solidFill>
            <a:schemeClr val="accent1"/>
          </a:solidFill>
          <a:ln w="9525">
            <a:noFill/>
            <a:miter lim="800000"/>
            <a:headEnd/>
            <a:tailEnd/>
          </a:ln>
        </p:spPr>
        <p:txBody>
          <a:bodyPr wrap="none" lIns="45720" rIns="45720" anchor="ctr"/>
          <a:lstStyle/>
          <a:p>
            <a:endParaRPr lang="en-US"/>
          </a:p>
        </p:txBody>
      </p:sp>
      <p:sp>
        <p:nvSpPr>
          <p:cNvPr id="21508" name="Rectangle 9"/>
          <p:cNvSpPr>
            <a:spLocks noChangeArrowheads="1"/>
          </p:cNvSpPr>
          <p:nvPr/>
        </p:nvSpPr>
        <p:spPr bwMode="blackGray">
          <a:xfrm>
            <a:off x="4335463" y="1477963"/>
            <a:ext cx="2017712" cy="287337"/>
          </a:xfrm>
          <a:prstGeom prst="rect">
            <a:avLst/>
          </a:prstGeom>
          <a:solidFill>
            <a:schemeClr val="bg2"/>
          </a:solidFill>
          <a:ln w="9525">
            <a:noFill/>
            <a:miter lim="800000"/>
            <a:headEnd/>
            <a:tailEnd/>
          </a:ln>
        </p:spPr>
        <p:txBody>
          <a:bodyPr wrap="none" lIns="45720" rIns="45720" anchor="ctr"/>
          <a:lstStyle/>
          <a:p>
            <a:pPr algn="ctr"/>
            <a:r>
              <a:rPr lang="en-US" sz="1600">
                <a:solidFill>
                  <a:schemeClr val="bg1"/>
                </a:solidFill>
              </a:rPr>
              <a:t>Consumer prices</a:t>
            </a:r>
          </a:p>
        </p:txBody>
      </p:sp>
      <p:sp>
        <p:nvSpPr>
          <p:cNvPr id="21509" name="Rectangle 2"/>
          <p:cNvSpPr>
            <a:spLocks noGrp="1" noChangeArrowheads="1"/>
          </p:cNvSpPr>
          <p:nvPr>
            <p:ph type="title"/>
          </p:nvPr>
        </p:nvSpPr>
        <p:spPr/>
        <p:txBody>
          <a:bodyPr/>
          <a:lstStyle/>
          <a:p>
            <a:r>
              <a:rPr lang="en-US" smtClean="0"/>
              <a:t>Inflation indicators</a:t>
            </a:r>
          </a:p>
        </p:txBody>
      </p:sp>
      <p:sp>
        <p:nvSpPr>
          <p:cNvPr id="21510" name="Rectangle 4"/>
          <p:cNvSpPr>
            <a:spLocks noChangeArrowheads="1"/>
          </p:cNvSpPr>
          <p:nvPr/>
        </p:nvSpPr>
        <p:spPr bwMode="blackGray">
          <a:xfrm>
            <a:off x="3832225" y="2197100"/>
            <a:ext cx="3240088" cy="647700"/>
          </a:xfrm>
          <a:prstGeom prst="rect">
            <a:avLst/>
          </a:prstGeom>
          <a:noFill/>
          <a:ln w="9525">
            <a:solidFill>
              <a:schemeClr val="tx1"/>
            </a:solidFill>
            <a:miter lim="800000"/>
            <a:headEnd/>
            <a:tailEnd/>
          </a:ln>
        </p:spPr>
        <p:txBody>
          <a:bodyPr wrap="none" lIns="45720" rIns="45720" anchor="ctr"/>
          <a:lstStyle/>
          <a:p>
            <a:endParaRPr lang="en-US"/>
          </a:p>
        </p:txBody>
      </p:sp>
      <p:sp>
        <p:nvSpPr>
          <p:cNvPr id="21511" name="Rectangle 5"/>
          <p:cNvSpPr>
            <a:spLocks noChangeArrowheads="1"/>
          </p:cNvSpPr>
          <p:nvPr/>
        </p:nvSpPr>
        <p:spPr bwMode="blackGray">
          <a:xfrm>
            <a:off x="3832225" y="3781425"/>
            <a:ext cx="3168650" cy="720725"/>
          </a:xfrm>
          <a:prstGeom prst="rect">
            <a:avLst/>
          </a:prstGeom>
          <a:noFill/>
          <a:ln w="9525">
            <a:solidFill>
              <a:schemeClr val="tx1"/>
            </a:solidFill>
            <a:miter lim="800000"/>
            <a:headEnd/>
            <a:tailEnd/>
          </a:ln>
        </p:spPr>
        <p:txBody>
          <a:bodyPr wrap="none" lIns="45720" rIns="45720" anchor="ctr"/>
          <a:lstStyle/>
          <a:p>
            <a:endParaRPr lang="en-US"/>
          </a:p>
        </p:txBody>
      </p:sp>
      <p:sp>
        <p:nvSpPr>
          <p:cNvPr id="21512" name="Text Box 6"/>
          <p:cNvSpPr txBox="1">
            <a:spLocks noChangeArrowheads="1"/>
          </p:cNvSpPr>
          <p:nvPr/>
        </p:nvSpPr>
        <p:spPr bwMode="blackGray">
          <a:xfrm>
            <a:off x="3832225" y="3852863"/>
            <a:ext cx="3236913" cy="581025"/>
          </a:xfrm>
          <a:prstGeom prst="rect">
            <a:avLst/>
          </a:prstGeom>
          <a:noFill/>
          <a:ln w="9525">
            <a:noFill/>
            <a:miter lim="800000"/>
            <a:headEnd/>
            <a:tailEnd/>
          </a:ln>
        </p:spPr>
        <p:txBody>
          <a:bodyPr wrap="none" lIns="45720" rIns="45720">
            <a:spAutoFit/>
          </a:bodyPr>
          <a:lstStyle/>
          <a:p>
            <a:pPr algn="ctr"/>
            <a:r>
              <a:rPr lang="en-US" sz="1600"/>
              <a:t>CPI</a:t>
            </a:r>
          </a:p>
          <a:p>
            <a:pPr algn="ctr"/>
            <a:r>
              <a:rPr lang="en-US" sz="1600"/>
              <a:t>Core (77%)  Food and energy (23%)</a:t>
            </a:r>
          </a:p>
        </p:txBody>
      </p:sp>
      <p:sp>
        <p:nvSpPr>
          <p:cNvPr id="21513" name="Text Box 7"/>
          <p:cNvSpPr txBox="1">
            <a:spLocks noChangeArrowheads="1"/>
          </p:cNvSpPr>
          <p:nvPr/>
        </p:nvSpPr>
        <p:spPr bwMode="blackGray">
          <a:xfrm>
            <a:off x="3760788" y="2192338"/>
            <a:ext cx="3379787" cy="581025"/>
          </a:xfrm>
          <a:prstGeom prst="rect">
            <a:avLst/>
          </a:prstGeom>
          <a:noFill/>
          <a:ln w="9525">
            <a:noFill/>
            <a:miter lim="800000"/>
            <a:headEnd/>
            <a:tailEnd/>
          </a:ln>
        </p:spPr>
        <p:txBody>
          <a:bodyPr lIns="45720" rIns="45720">
            <a:spAutoFit/>
          </a:bodyPr>
          <a:lstStyle/>
          <a:p>
            <a:pPr algn="ctr"/>
            <a:r>
              <a:rPr lang="en-US" sz="1600"/>
              <a:t>PCE</a:t>
            </a:r>
          </a:p>
          <a:p>
            <a:pPr algn="ctr"/>
            <a:r>
              <a:rPr lang="en-US" sz="1600"/>
              <a:t>Core* (80%)  Food and energy (20%)</a:t>
            </a:r>
          </a:p>
        </p:txBody>
      </p:sp>
      <p:sp>
        <p:nvSpPr>
          <p:cNvPr id="21514" name="Line 8"/>
          <p:cNvSpPr>
            <a:spLocks noChangeShapeType="1"/>
          </p:cNvSpPr>
          <p:nvPr/>
        </p:nvSpPr>
        <p:spPr bwMode="blackGray">
          <a:xfrm flipV="1">
            <a:off x="5416550" y="2844800"/>
            <a:ext cx="0" cy="936625"/>
          </a:xfrm>
          <a:prstGeom prst="line">
            <a:avLst/>
          </a:prstGeom>
          <a:noFill/>
          <a:ln w="31750">
            <a:solidFill>
              <a:schemeClr val="tx1"/>
            </a:solidFill>
            <a:round/>
            <a:headEnd/>
            <a:tailEnd type="triangle" w="lg" len="lg"/>
          </a:ln>
        </p:spPr>
        <p:txBody>
          <a:bodyPr wrap="none" lIns="45720" rIns="45720" anchor="ctr"/>
          <a:lstStyle/>
          <a:p>
            <a:endParaRPr lang="en-US"/>
          </a:p>
        </p:txBody>
      </p:sp>
      <p:sp>
        <p:nvSpPr>
          <p:cNvPr id="21515" name="Text Box 12"/>
          <p:cNvSpPr txBox="1">
            <a:spLocks noChangeArrowheads="1"/>
          </p:cNvSpPr>
          <p:nvPr/>
        </p:nvSpPr>
        <p:spPr bwMode="blackGray">
          <a:xfrm>
            <a:off x="4192588" y="5365750"/>
            <a:ext cx="2670175" cy="581025"/>
          </a:xfrm>
          <a:prstGeom prst="rect">
            <a:avLst/>
          </a:prstGeom>
          <a:noFill/>
          <a:ln w="9525">
            <a:noFill/>
            <a:miter lim="800000"/>
            <a:headEnd/>
            <a:tailEnd/>
          </a:ln>
        </p:spPr>
        <p:txBody>
          <a:bodyPr wrap="none" lIns="45720" rIns="45720">
            <a:spAutoFit/>
          </a:bodyPr>
          <a:lstStyle/>
          <a:p>
            <a:r>
              <a:rPr lang="en-US" sz="1600" i="1"/>
              <a:t>* The core PCE is the Fed’s </a:t>
            </a:r>
          </a:p>
          <a:p>
            <a:r>
              <a:rPr lang="en-US" sz="1600" i="1"/>
              <a:t>preferred inflation measure</a:t>
            </a:r>
          </a:p>
        </p:txBody>
      </p:sp>
      <p:sp>
        <p:nvSpPr>
          <p:cNvPr id="21516" name="Rectangle 13"/>
          <p:cNvSpPr>
            <a:spLocks noChangeArrowheads="1"/>
          </p:cNvSpPr>
          <p:nvPr/>
        </p:nvSpPr>
        <p:spPr bwMode="blackGray">
          <a:xfrm>
            <a:off x="1384300" y="1477963"/>
            <a:ext cx="2017713" cy="287337"/>
          </a:xfrm>
          <a:prstGeom prst="rect">
            <a:avLst/>
          </a:prstGeom>
          <a:solidFill>
            <a:schemeClr val="bg2"/>
          </a:solidFill>
          <a:ln w="9525">
            <a:noFill/>
            <a:miter lim="800000"/>
            <a:headEnd/>
            <a:tailEnd/>
          </a:ln>
        </p:spPr>
        <p:txBody>
          <a:bodyPr wrap="none" lIns="45720" rIns="45720" anchor="ctr"/>
          <a:lstStyle/>
          <a:p>
            <a:pPr algn="ctr"/>
            <a:r>
              <a:rPr lang="en-US" sz="1600">
                <a:solidFill>
                  <a:schemeClr val="bg1"/>
                </a:solidFill>
              </a:rPr>
              <a:t>Broad prices</a:t>
            </a:r>
          </a:p>
        </p:txBody>
      </p:sp>
      <p:sp>
        <p:nvSpPr>
          <p:cNvPr id="21517" name="Rectangle 15"/>
          <p:cNvSpPr>
            <a:spLocks noChangeArrowheads="1"/>
          </p:cNvSpPr>
          <p:nvPr/>
        </p:nvSpPr>
        <p:spPr bwMode="blackGray">
          <a:xfrm>
            <a:off x="1527175" y="2197100"/>
            <a:ext cx="1655763" cy="647700"/>
          </a:xfrm>
          <a:prstGeom prst="rect">
            <a:avLst/>
          </a:prstGeom>
          <a:noFill/>
          <a:ln w="9525">
            <a:solidFill>
              <a:schemeClr val="tx1"/>
            </a:solidFill>
            <a:miter lim="800000"/>
            <a:headEnd/>
            <a:tailEnd/>
          </a:ln>
        </p:spPr>
        <p:txBody>
          <a:bodyPr wrap="none" lIns="45720" rIns="45720" anchor="ctr"/>
          <a:lstStyle/>
          <a:p>
            <a:endParaRPr lang="en-US"/>
          </a:p>
        </p:txBody>
      </p:sp>
      <p:sp>
        <p:nvSpPr>
          <p:cNvPr id="21518" name="Text Box 16"/>
          <p:cNvSpPr txBox="1">
            <a:spLocks noChangeArrowheads="1"/>
          </p:cNvSpPr>
          <p:nvPr/>
        </p:nvSpPr>
        <p:spPr bwMode="blackGray">
          <a:xfrm>
            <a:off x="1744663" y="2341563"/>
            <a:ext cx="1074737" cy="336550"/>
          </a:xfrm>
          <a:prstGeom prst="rect">
            <a:avLst/>
          </a:prstGeom>
          <a:noFill/>
          <a:ln w="9525">
            <a:noFill/>
            <a:miter lim="800000"/>
            <a:headEnd/>
            <a:tailEnd/>
          </a:ln>
        </p:spPr>
        <p:txBody>
          <a:bodyPr wrap="none" lIns="45720" rIns="45720">
            <a:spAutoFit/>
          </a:bodyPr>
          <a:lstStyle/>
          <a:p>
            <a:r>
              <a:rPr lang="en-US" sz="1600"/>
              <a:t>GDP prices</a:t>
            </a:r>
          </a:p>
        </p:txBody>
      </p:sp>
      <p:sp>
        <p:nvSpPr>
          <p:cNvPr id="21519" name="Line 17"/>
          <p:cNvSpPr>
            <a:spLocks noChangeShapeType="1"/>
          </p:cNvSpPr>
          <p:nvPr/>
        </p:nvSpPr>
        <p:spPr bwMode="blackGray">
          <a:xfrm flipH="1" flipV="1">
            <a:off x="3184525" y="2557463"/>
            <a:ext cx="647700" cy="0"/>
          </a:xfrm>
          <a:prstGeom prst="line">
            <a:avLst/>
          </a:prstGeom>
          <a:noFill/>
          <a:ln w="31750">
            <a:solidFill>
              <a:schemeClr val="tx1"/>
            </a:solidFill>
            <a:round/>
            <a:headEnd/>
            <a:tailEnd type="triangle" w="lg" len="lg"/>
          </a:ln>
        </p:spPr>
        <p:txBody>
          <a:bodyPr wrap="none" lIns="45720" rIns="45720" anchor="ctr"/>
          <a:lstStyle/>
          <a:p>
            <a:endParaRPr lang="en-US"/>
          </a:p>
        </p:txBody>
      </p:sp>
      <p:sp>
        <p:nvSpPr>
          <p:cNvPr id="21520" name="Rectangle 18"/>
          <p:cNvSpPr>
            <a:spLocks noChangeArrowheads="1"/>
          </p:cNvSpPr>
          <p:nvPr/>
        </p:nvSpPr>
        <p:spPr bwMode="blackGray">
          <a:xfrm>
            <a:off x="1600200" y="3781425"/>
            <a:ext cx="1655763" cy="719138"/>
          </a:xfrm>
          <a:prstGeom prst="rect">
            <a:avLst/>
          </a:prstGeom>
          <a:noFill/>
          <a:ln w="9525">
            <a:solidFill>
              <a:schemeClr val="tx1"/>
            </a:solidFill>
            <a:miter lim="800000"/>
            <a:headEnd/>
            <a:tailEnd/>
          </a:ln>
        </p:spPr>
        <p:txBody>
          <a:bodyPr wrap="none" lIns="45720" rIns="45720" anchor="ctr"/>
          <a:lstStyle/>
          <a:p>
            <a:endParaRPr lang="en-US"/>
          </a:p>
        </p:txBody>
      </p:sp>
      <p:sp>
        <p:nvSpPr>
          <p:cNvPr id="21521" name="Text Box 19"/>
          <p:cNvSpPr txBox="1">
            <a:spLocks noChangeArrowheads="1"/>
          </p:cNvSpPr>
          <p:nvPr/>
        </p:nvSpPr>
        <p:spPr bwMode="blackGray">
          <a:xfrm>
            <a:off x="1671638" y="3848100"/>
            <a:ext cx="1514475" cy="581025"/>
          </a:xfrm>
          <a:prstGeom prst="rect">
            <a:avLst/>
          </a:prstGeom>
          <a:noFill/>
          <a:ln w="9525">
            <a:noFill/>
            <a:miter lim="800000"/>
            <a:headEnd/>
            <a:tailEnd/>
          </a:ln>
        </p:spPr>
        <p:txBody>
          <a:bodyPr wrap="none" lIns="45720" rIns="45720">
            <a:spAutoFit/>
          </a:bodyPr>
          <a:lstStyle/>
          <a:p>
            <a:r>
              <a:rPr lang="en-US" sz="1600"/>
              <a:t>Business output</a:t>
            </a:r>
          </a:p>
          <a:p>
            <a:r>
              <a:rPr lang="en-US" sz="1600"/>
              <a:t>prices</a:t>
            </a:r>
          </a:p>
        </p:txBody>
      </p:sp>
      <p:sp>
        <p:nvSpPr>
          <p:cNvPr id="21522" name="Line 21"/>
          <p:cNvSpPr>
            <a:spLocks noChangeShapeType="1"/>
          </p:cNvSpPr>
          <p:nvPr/>
        </p:nvSpPr>
        <p:spPr bwMode="blackGray">
          <a:xfrm>
            <a:off x="2392363" y="2844800"/>
            <a:ext cx="0" cy="935038"/>
          </a:xfrm>
          <a:prstGeom prst="line">
            <a:avLst/>
          </a:prstGeom>
          <a:noFill/>
          <a:ln w="31750">
            <a:solidFill>
              <a:schemeClr val="tx1"/>
            </a:solidFill>
            <a:round/>
            <a:headEnd/>
            <a:tailEnd type="triangle" w="lg" len="lg"/>
          </a:ln>
        </p:spPr>
        <p:txBody>
          <a:bodyPr wrap="none" lIns="45720" rIns="45720" anchor="ctr"/>
          <a:lstStyle/>
          <a:p>
            <a:endParaRPr lang="en-US"/>
          </a:p>
        </p:txBody>
      </p:sp>
      <p:sp>
        <p:nvSpPr>
          <p:cNvPr id="21523" name="Rectangle 22"/>
          <p:cNvSpPr>
            <a:spLocks noChangeArrowheads="1"/>
          </p:cNvSpPr>
          <p:nvPr/>
        </p:nvSpPr>
        <p:spPr bwMode="blackGray">
          <a:xfrm>
            <a:off x="7864475" y="1477963"/>
            <a:ext cx="2017713" cy="287337"/>
          </a:xfrm>
          <a:prstGeom prst="rect">
            <a:avLst/>
          </a:prstGeom>
          <a:solidFill>
            <a:schemeClr val="bg2"/>
          </a:solidFill>
          <a:ln w="9525">
            <a:noFill/>
            <a:miter lim="800000"/>
            <a:headEnd/>
            <a:tailEnd/>
          </a:ln>
        </p:spPr>
        <p:txBody>
          <a:bodyPr wrap="none" lIns="45720" rIns="45720" anchor="ctr"/>
          <a:lstStyle/>
          <a:p>
            <a:pPr algn="ctr"/>
            <a:r>
              <a:rPr lang="en-US" sz="1600">
                <a:solidFill>
                  <a:schemeClr val="bg1"/>
                </a:solidFill>
              </a:rPr>
              <a:t>Supply prices</a:t>
            </a:r>
          </a:p>
        </p:txBody>
      </p:sp>
      <p:sp>
        <p:nvSpPr>
          <p:cNvPr id="21524" name="Rectangle 23"/>
          <p:cNvSpPr>
            <a:spLocks noChangeArrowheads="1"/>
          </p:cNvSpPr>
          <p:nvPr/>
        </p:nvSpPr>
        <p:spPr bwMode="blackGray">
          <a:xfrm>
            <a:off x="7793038" y="2197100"/>
            <a:ext cx="2232025" cy="647700"/>
          </a:xfrm>
          <a:prstGeom prst="rect">
            <a:avLst/>
          </a:prstGeom>
          <a:noFill/>
          <a:ln w="9525">
            <a:solidFill>
              <a:schemeClr val="tx1"/>
            </a:solidFill>
            <a:miter lim="800000"/>
            <a:headEnd/>
            <a:tailEnd/>
          </a:ln>
        </p:spPr>
        <p:txBody>
          <a:bodyPr wrap="none" lIns="45720" rIns="45720" anchor="ctr"/>
          <a:lstStyle/>
          <a:p>
            <a:endParaRPr lang="en-US"/>
          </a:p>
        </p:txBody>
      </p:sp>
      <p:sp>
        <p:nvSpPr>
          <p:cNvPr id="21525" name="Text Box 24"/>
          <p:cNvSpPr txBox="1">
            <a:spLocks noChangeArrowheads="1"/>
          </p:cNvSpPr>
          <p:nvPr/>
        </p:nvSpPr>
        <p:spPr bwMode="blackGray">
          <a:xfrm>
            <a:off x="7889875" y="2168525"/>
            <a:ext cx="1989138" cy="581025"/>
          </a:xfrm>
          <a:prstGeom prst="rect">
            <a:avLst/>
          </a:prstGeom>
          <a:noFill/>
          <a:ln w="9525">
            <a:noFill/>
            <a:miter lim="800000"/>
            <a:headEnd/>
            <a:tailEnd/>
          </a:ln>
        </p:spPr>
        <p:txBody>
          <a:bodyPr wrap="none" lIns="45720" rIns="45720">
            <a:spAutoFit/>
          </a:bodyPr>
          <a:lstStyle/>
          <a:p>
            <a:r>
              <a:rPr lang="en-US" sz="1600"/>
              <a:t>Producer price index</a:t>
            </a:r>
          </a:p>
          <a:p>
            <a:r>
              <a:rPr lang="en-US" sz="1600"/>
              <a:t>(PPI)</a:t>
            </a:r>
          </a:p>
        </p:txBody>
      </p:sp>
      <p:cxnSp>
        <p:nvCxnSpPr>
          <p:cNvPr id="21526" name="AutoShape 25"/>
          <p:cNvCxnSpPr>
            <a:cxnSpLocks noChangeShapeType="1"/>
            <a:endCxn id="21517" idx="0"/>
          </p:cNvCxnSpPr>
          <p:nvPr/>
        </p:nvCxnSpPr>
        <p:spPr bwMode="blackGray">
          <a:xfrm rot="10800000">
            <a:off x="2355850" y="2197100"/>
            <a:ext cx="5400675" cy="36513"/>
          </a:xfrm>
          <a:prstGeom prst="bentConnector4">
            <a:avLst>
              <a:gd name="adj1" fmla="val 7699"/>
              <a:gd name="adj2" fmla="val 726088"/>
            </a:avLst>
          </a:prstGeom>
          <a:noFill/>
          <a:ln w="19050">
            <a:solidFill>
              <a:schemeClr val="tx1"/>
            </a:solidFill>
            <a:prstDash val="dash"/>
            <a:miter lim="800000"/>
            <a:headEnd/>
            <a:tailEnd type="triangle" w="med" len="med"/>
          </a:ln>
        </p:spPr>
      </p:cxnSp>
      <p:sp>
        <p:nvSpPr>
          <p:cNvPr id="21527" name="Line 26"/>
          <p:cNvSpPr>
            <a:spLocks noChangeShapeType="1"/>
          </p:cNvSpPr>
          <p:nvPr/>
        </p:nvSpPr>
        <p:spPr bwMode="blackGray">
          <a:xfrm flipH="1">
            <a:off x="7072313" y="2486025"/>
            <a:ext cx="720725" cy="0"/>
          </a:xfrm>
          <a:prstGeom prst="line">
            <a:avLst/>
          </a:prstGeom>
          <a:noFill/>
          <a:ln w="19050">
            <a:solidFill>
              <a:schemeClr val="tx1"/>
            </a:solidFill>
            <a:prstDash val="dash"/>
            <a:round/>
            <a:headEnd/>
            <a:tailEnd type="triangle" w="med" len="med"/>
          </a:ln>
        </p:spPr>
        <p:txBody>
          <a:bodyPr wrap="none" lIns="45720" rIns="45720" anchor="ctr"/>
          <a:lstStyle/>
          <a:p>
            <a:endParaRPr lang="en-US"/>
          </a:p>
        </p:txBody>
      </p:sp>
      <p:cxnSp>
        <p:nvCxnSpPr>
          <p:cNvPr id="21528" name="AutoShape 28"/>
          <p:cNvCxnSpPr>
            <a:cxnSpLocks noChangeShapeType="1"/>
          </p:cNvCxnSpPr>
          <p:nvPr/>
        </p:nvCxnSpPr>
        <p:spPr bwMode="blackGray">
          <a:xfrm rot="10800000" flipV="1">
            <a:off x="7000875" y="2557463"/>
            <a:ext cx="792163" cy="1620837"/>
          </a:xfrm>
          <a:prstGeom prst="bentConnector3">
            <a:avLst>
              <a:gd name="adj1" fmla="val 49898"/>
            </a:avLst>
          </a:prstGeom>
          <a:noFill/>
          <a:ln w="19050">
            <a:solidFill>
              <a:schemeClr val="tx1"/>
            </a:solidFill>
            <a:prstDash val="dash"/>
            <a:miter lim="800000"/>
            <a:headEnd/>
            <a:tailEnd type="triangle" w="med" len="med"/>
          </a:ln>
        </p:spPr>
      </p:cxnSp>
      <p:sp>
        <p:nvSpPr>
          <p:cNvPr id="21529" name="Rectangle 29"/>
          <p:cNvSpPr>
            <a:spLocks noChangeArrowheads="1"/>
          </p:cNvSpPr>
          <p:nvPr/>
        </p:nvSpPr>
        <p:spPr bwMode="blackGray">
          <a:xfrm>
            <a:off x="7793038" y="3276600"/>
            <a:ext cx="2232025" cy="719138"/>
          </a:xfrm>
          <a:prstGeom prst="rect">
            <a:avLst/>
          </a:prstGeom>
          <a:noFill/>
          <a:ln w="9525">
            <a:solidFill>
              <a:schemeClr val="tx1"/>
            </a:solidFill>
            <a:miter lim="800000"/>
            <a:headEnd/>
            <a:tailEnd/>
          </a:ln>
        </p:spPr>
        <p:txBody>
          <a:bodyPr wrap="none" lIns="45720" rIns="45720" anchor="ctr"/>
          <a:lstStyle/>
          <a:p>
            <a:endParaRPr lang="en-US"/>
          </a:p>
        </p:txBody>
      </p:sp>
      <p:sp>
        <p:nvSpPr>
          <p:cNvPr id="21530" name="Text Box 30"/>
          <p:cNvSpPr txBox="1">
            <a:spLocks noChangeArrowheads="1"/>
          </p:cNvSpPr>
          <p:nvPr/>
        </p:nvSpPr>
        <p:spPr bwMode="blackGray">
          <a:xfrm>
            <a:off x="7889875" y="3249613"/>
            <a:ext cx="1728788" cy="581025"/>
          </a:xfrm>
          <a:prstGeom prst="rect">
            <a:avLst/>
          </a:prstGeom>
          <a:noFill/>
          <a:ln w="9525">
            <a:noFill/>
            <a:miter lim="800000"/>
            <a:headEnd/>
            <a:tailEnd/>
          </a:ln>
        </p:spPr>
        <p:txBody>
          <a:bodyPr wrap="none" lIns="45720" rIns="45720">
            <a:spAutoFit/>
          </a:bodyPr>
          <a:lstStyle/>
          <a:p>
            <a:r>
              <a:rPr lang="en-US" sz="1600"/>
              <a:t>Commodity prices</a:t>
            </a:r>
          </a:p>
          <a:p>
            <a:r>
              <a:rPr lang="en-US" sz="1600"/>
              <a:t>(JOC, CRB)</a:t>
            </a:r>
          </a:p>
        </p:txBody>
      </p:sp>
      <p:sp>
        <p:nvSpPr>
          <p:cNvPr id="21531" name="Line 31"/>
          <p:cNvSpPr>
            <a:spLocks noChangeShapeType="1"/>
          </p:cNvSpPr>
          <p:nvPr/>
        </p:nvSpPr>
        <p:spPr bwMode="blackGray">
          <a:xfrm flipV="1">
            <a:off x="8943975" y="2844800"/>
            <a:ext cx="0" cy="431800"/>
          </a:xfrm>
          <a:prstGeom prst="line">
            <a:avLst/>
          </a:prstGeom>
          <a:noFill/>
          <a:ln w="19050">
            <a:solidFill>
              <a:schemeClr val="tx1"/>
            </a:solidFill>
            <a:prstDash val="dash"/>
            <a:round/>
            <a:headEnd/>
            <a:tailEnd type="triangle" w="lg" len="med"/>
          </a:ln>
        </p:spPr>
        <p:txBody>
          <a:bodyPr wrap="none" lIns="45720" rIns="45720" anchor="ctr"/>
          <a:lstStyle/>
          <a:p>
            <a:endParaRPr lang="en-US"/>
          </a:p>
        </p:txBody>
      </p:sp>
      <p:sp>
        <p:nvSpPr>
          <p:cNvPr id="21532" name="Rectangle 32"/>
          <p:cNvSpPr>
            <a:spLocks noChangeArrowheads="1"/>
          </p:cNvSpPr>
          <p:nvPr/>
        </p:nvSpPr>
        <p:spPr bwMode="blackGray">
          <a:xfrm>
            <a:off x="7793038" y="4357688"/>
            <a:ext cx="2232025" cy="720725"/>
          </a:xfrm>
          <a:prstGeom prst="rect">
            <a:avLst/>
          </a:prstGeom>
          <a:noFill/>
          <a:ln w="9525">
            <a:solidFill>
              <a:schemeClr val="tx1"/>
            </a:solidFill>
            <a:miter lim="800000"/>
            <a:headEnd/>
            <a:tailEnd/>
          </a:ln>
        </p:spPr>
        <p:txBody>
          <a:bodyPr wrap="none" lIns="45720" rIns="45720" anchor="ctr"/>
          <a:lstStyle/>
          <a:p>
            <a:endParaRPr lang="en-US"/>
          </a:p>
        </p:txBody>
      </p:sp>
      <p:sp>
        <p:nvSpPr>
          <p:cNvPr id="21533" name="Text Box 33"/>
          <p:cNvSpPr txBox="1">
            <a:spLocks noChangeArrowheads="1"/>
          </p:cNvSpPr>
          <p:nvPr/>
        </p:nvSpPr>
        <p:spPr bwMode="blackGray">
          <a:xfrm>
            <a:off x="7935913" y="4573588"/>
            <a:ext cx="1306512" cy="336550"/>
          </a:xfrm>
          <a:prstGeom prst="rect">
            <a:avLst/>
          </a:prstGeom>
          <a:noFill/>
          <a:ln w="9525">
            <a:noFill/>
            <a:miter lim="800000"/>
            <a:headEnd/>
            <a:tailEnd/>
          </a:ln>
        </p:spPr>
        <p:txBody>
          <a:bodyPr wrap="none" lIns="45720" rIns="45720">
            <a:spAutoFit/>
          </a:bodyPr>
          <a:lstStyle/>
          <a:p>
            <a:r>
              <a:rPr lang="en-US" sz="1600"/>
              <a:t>Import prices</a:t>
            </a:r>
          </a:p>
        </p:txBody>
      </p:sp>
      <p:cxnSp>
        <p:nvCxnSpPr>
          <p:cNvPr id="21534" name="AutoShape 34"/>
          <p:cNvCxnSpPr>
            <a:cxnSpLocks noChangeShapeType="1"/>
            <a:stCxn id="21532" idx="1"/>
            <a:endCxn id="21511" idx="2"/>
          </p:cNvCxnSpPr>
          <p:nvPr/>
        </p:nvCxnSpPr>
        <p:spPr bwMode="blackGray">
          <a:xfrm rot="10800000">
            <a:off x="5416550" y="4502150"/>
            <a:ext cx="2376488" cy="215900"/>
          </a:xfrm>
          <a:prstGeom prst="bentConnector2">
            <a:avLst/>
          </a:prstGeom>
          <a:noFill/>
          <a:ln w="19050">
            <a:solidFill>
              <a:schemeClr val="tx1"/>
            </a:solidFill>
            <a:prstDash val="dash"/>
            <a:miter lim="800000"/>
            <a:headEnd/>
            <a:tailEnd type="triangle" w="med" len="med"/>
          </a:ln>
        </p:spPr>
      </p:cxnSp>
      <p:sp>
        <p:nvSpPr>
          <p:cNvPr id="21535" name="Rectangle 35"/>
          <p:cNvSpPr>
            <a:spLocks noChangeArrowheads="1"/>
          </p:cNvSpPr>
          <p:nvPr/>
        </p:nvSpPr>
        <p:spPr bwMode="blackGray">
          <a:xfrm>
            <a:off x="7793038" y="5365750"/>
            <a:ext cx="2232025" cy="647700"/>
          </a:xfrm>
          <a:prstGeom prst="rect">
            <a:avLst/>
          </a:prstGeom>
          <a:noFill/>
          <a:ln w="9525">
            <a:solidFill>
              <a:schemeClr val="tx1"/>
            </a:solidFill>
            <a:miter lim="800000"/>
            <a:headEnd/>
            <a:tailEnd/>
          </a:ln>
        </p:spPr>
        <p:txBody>
          <a:bodyPr wrap="none" lIns="45720" rIns="45720" anchor="ctr"/>
          <a:lstStyle/>
          <a:p>
            <a:endParaRPr lang="en-US"/>
          </a:p>
        </p:txBody>
      </p:sp>
      <p:sp>
        <p:nvSpPr>
          <p:cNvPr id="21536" name="Text Box 36"/>
          <p:cNvSpPr txBox="1">
            <a:spLocks noChangeArrowheads="1"/>
          </p:cNvSpPr>
          <p:nvPr/>
        </p:nvSpPr>
        <p:spPr bwMode="blackGray">
          <a:xfrm>
            <a:off x="8008938" y="5510213"/>
            <a:ext cx="1022350" cy="336550"/>
          </a:xfrm>
          <a:prstGeom prst="rect">
            <a:avLst/>
          </a:prstGeom>
          <a:noFill/>
          <a:ln w="9525">
            <a:noFill/>
            <a:miter lim="800000"/>
            <a:headEnd/>
            <a:tailEnd/>
          </a:ln>
        </p:spPr>
        <p:txBody>
          <a:bodyPr wrap="none" lIns="45720" rIns="45720">
            <a:spAutoFit/>
          </a:bodyPr>
          <a:lstStyle/>
          <a:p>
            <a:r>
              <a:rPr lang="en-US" sz="1600"/>
              <a:t>The dollar</a:t>
            </a:r>
          </a:p>
        </p:txBody>
      </p:sp>
      <p:sp>
        <p:nvSpPr>
          <p:cNvPr id="21537" name="Line 37"/>
          <p:cNvSpPr>
            <a:spLocks noChangeShapeType="1"/>
          </p:cNvSpPr>
          <p:nvPr/>
        </p:nvSpPr>
        <p:spPr bwMode="blackGray">
          <a:xfrm flipV="1">
            <a:off x="8872538" y="5076825"/>
            <a:ext cx="0" cy="288925"/>
          </a:xfrm>
          <a:prstGeom prst="line">
            <a:avLst/>
          </a:prstGeom>
          <a:noFill/>
          <a:ln w="9525">
            <a:solidFill>
              <a:schemeClr val="tx1"/>
            </a:solidFill>
            <a:prstDash val="dash"/>
            <a:round/>
            <a:headEnd/>
            <a:tailEnd type="triangle" w="med" len="med"/>
          </a:ln>
        </p:spPr>
        <p:txBody>
          <a:bodyPr wrap="none" lIns="45720" rIns="45720" anchor="ctr"/>
          <a:lstStyle/>
          <a:p>
            <a:endParaRPr lang="en-US"/>
          </a:p>
        </p:txBody>
      </p:sp>
      <p:sp>
        <p:nvSpPr>
          <p:cNvPr id="21538" name="Oval 38"/>
          <p:cNvSpPr>
            <a:spLocks noChangeArrowheads="1"/>
          </p:cNvSpPr>
          <p:nvPr/>
        </p:nvSpPr>
        <p:spPr bwMode="blackGray">
          <a:xfrm>
            <a:off x="1455738" y="5149850"/>
            <a:ext cx="2160587" cy="1223963"/>
          </a:xfrm>
          <a:prstGeom prst="ellipse">
            <a:avLst/>
          </a:prstGeom>
          <a:solidFill>
            <a:schemeClr val="accent1">
              <a:alpha val="50195"/>
            </a:schemeClr>
          </a:solidFill>
          <a:ln w="9525">
            <a:noFill/>
            <a:round/>
            <a:headEnd/>
            <a:tailEnd/>
          </a:ln>
        </p:spPr>
        <p:txBody>
          <a:bodyPr wrap="none" lIns="45720" rIns="45720" anchor="ctr"/>
          <a:lstStyle/>
          <a:p>
            <a:pPr algn="ctr"/>
            <a:r>
              <a:rPr lang="en-US" sz="1600"/>
              <a:t>Labor costs</a:t>
            </a:r>
          </a:p>
        </p:txBody>
      </p:sp>
      <p:cxnSp>
        <p:nvCxnSpPr>
          <p:cNvPr id="21539" name="AutoShape 43"/>
          <p:cNvCxnSpPr>
            <a:cxnSpLocks noChangeShapeType="1"/>
            <a:stCxn id="21538" idx="0"/>
            <a:endCxn id="21511" idx="2"/>
          </p:cNvCxnSpPr>
          <p:nvPr/>
        </p:nvCxnSpPr>
        <p:spPr bwMode="blackGray">
          <a:xfrm rot="-5400000">
            <a:off x="3652838" y="3386137"/>
            <a:ext cx="647700" cy="2879725"/>
          </a:xfrm>
          <a:prstGeom prst="bentConnector3">
            <a:avLst>
              <a:gd name="adj1" fmla="val 50000"/>
            </a:avLst>
          </a:prstGeom>
          <a:noFill/>
          <a:ln w="19050">
            <a:solidFill>
              <a:schemeClr val="tx1"/>
            </a:solidFill>
            <a:prstDash val="dash"/>
            <a:miter lim="800000"/>
            <a:headEnd/>
            <a:tailEnd type="triangle" w="med" len="med"/>
          </a:ln>
        </p:spPr>
      </p:cxnSp>
    </p:spTree>
  </p:cSld>
  <p:clrMapOvr>
    <a:masterClrMapping/>
  </p:clrMapOvr>
</p:sld>
</file>

<file path=ppt/slides/slide21.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2530" name="Slide Number Placeholder 3"/>
          <p:cNvSpPr>
            <a:spLocks noGrp="1"/>
          </p:cNvSpPr>
          <p:nvPr>
            <p:ph type="sldNum" sz="quarter" idx="10"/>
          </p:nvPr>
        </p:nvSpPr>
        <p:spPr>
          <a:noFill/>
        </p:spPr>
        <p:txBody>
          <a:bodyPr/>
          <a:lstStyle/>
          <a:p>
            <a:fld id="{D8C6BAF6-BE13-4B5D-90E0-86E4AD65F93D}" type="slidenum">
              <a:rPr lang="en-US" smtClean="0"/>
              <a:pPr/>
              <a:t>20</a:t>
            </a:fld>
            <a:endParaRPr lang="en-US" smtClean="0"/>
          </a:p>
        </p:txBody>
      </p:sp>
      <p:sp>
        <p:nvSpPr>
          <p:cNvPr id="22531" name="Rectangle 2"/>
          <p:cNvSpPr>
            <a:spLocks noGrp="1" noChangeArrowheads="1"/>
          </p:cNvSpPr>
          <p:nvPr>
            <p:ph type="title"/>
          </p:nvPr>
        </p:nvSpPr>
        <p:spPr/>
        <p:txBody>
          <a:bodyPr/>
          <a:lstStyle/>
          <a:p>
            <a:r>
              <a:rPr lang="en-US" smtClean="0"/>
              <a:t>Labor cost inflation indicators</a:t>
            </a:r>
          </a:p>
        </p:txBody>
      </p:sp>
      <p:sp>
        <p:nvSpPr>
          <p:cNvPr id="22532" name="Rectangle 4"/>
          <p:cNvSpPr>
            <a:spLocks noChangeArrowheads="1"/>
          </p:cNvSpPr>
          <p:nvPr/>
        </p:nvSpPr>
        <p:spPr bwMode="blackGray">
          <a:xfrm>
            <a:off x="1671638" y="2341563"/>
            <a:ext cx="2016125" cy="719137"/>
          </a:xfrm>
          <a:prstGeom prst="rect">
            <a:avLst/>
          </a:prstGeom>
          <a:noFill/>
          <a:ln w="9525">
            <a:solidFill>
              <a:schemeClr val="tx1"/>
            </a:solidFill>
            <a:miter lim="800000"/>
            <a:headEnd/>
            <a:tailEnd/>
          </a:ln>
        </p:spPr>
        <p:txBody>
          <a:bodyPr wrap="none" lIns="45720" rIns="45720" anchor="ctr"/>
          <a:lstStyle/>
          <a:p>
            <a:endParaRPr lang="en-US"/>
          </a:p>
        </p:txBody>
      </p:sp>
      <p:sp>
        <p:nvSpPr>
          <p:cNvPr id="22533" name="Text Box 5"/>
          <p:cNvSpPr txBox="1">
            <a:spLocks noChangeArrowheads="1"/>
          </p:cNvSpPr>
          <p:nvPr/>
        </p:nvSpPr>
        <p:spPr bwMode="blackGray">
          <a:xfrm>
            <a:off x="1770063" y="2384425"/>
            <a:ext cx="1517650" cy="581025"/>
          </a:xfrm>
          <a:prstGeom prst="rect">
            <a:avLst/>
          </a:prstGeom>
          <a:noFill/>
          <a:ln w="9525">
            <a:noFill/>
            <a:miter lim="800000"/>
            <a:headEnd/>
            <a:tailEnd/>
          </a:ln>
        </p:spPr>
        <p:txBody>
          <a:bodyPr wrap="none" lIns="45720" rIns="45720">
            <a:spAutoFit/>
          </a:bodyPr>
          <a:lstStyle/>
          <a:p>
            <a:r>
              <a:rPr lang="en-US" sz="1600"/>
              <a:t>Average hourly </a:t>
            </a:r>
          </a:p>
          <a:p>
            <a:r>
              <a:rPr lang="en-US" sz="1600"/>
              <a:t>earnings</a:t>
            </a:r>
          </a:p>
        </p:txBody>
      </p:sp>
      <p:sp>
        <p:nvSpPr>
          <p:cNvPr id="22534" name="Rectangle 6"/>
          <p:cNvSpPr>
            <a:spLocks noChangeArrowheads="1"/>
          </p:cNvSpPr>
          <p:nvPr/>
        </p:nvSpPr>
        <p:spPr bwMode="blackGray">
          <a:xfrm>
            <a:off x="1671638" y="3276600"/>
            <a:ext cx="2016125" cy="649288"/>
          </a:xfrm>
          <a:prstGeom prst="rect">
            <a:avLst/>
          </a:prstGeom>
          <a:noFill/>
          <a:ln w="9525">
            <a:solidFill>
              <a:schemeClr val="tx1"/>
            </a:solidFill>
            <a:miter lim="800000"/>
            <a:headEnd/>
            <a:tailEnd/>
          </a:ln>
        </p:spPr>
        <p:txBody>
          <a:bodyPr wrap="none" lIns="45720" rIns="45720" anchor="ctr"/>
          <a:lstStyle/>
          <a:p>
            <a:endParaRPr lang="en-US"/>
          </a:p>
        </p:txBody>
      </p:sp>
      <p:sp>
        <p:nvSpPr>
          <p:cNvPr id="22535" name="Text Box 7"/>
          <p:cNvSpPr txBox="1">
            <a:spLocks noChangeArrowheads="1"/>
          </p:cNvSpPr>
          <p:nvPr/>
        </p:nvSpPr>
        <p:spPr bwMode="blackGray">
          <a:xfrm>
            <a:off x="1698625" y="3249613"/>
            <a:ext cx="1658938" cy="581025"/>
          </a:xfrm>
          <a:prstGeom prst="rect">
            <a:avLst/>
          </a:prstGeom>
          <a:noFill/>
          <a:ln w="9525">
            <a:noFill/>
            <a:miter lim="800000"/>
            <a:headEnd/>
            <a:tailEnd/>
          </a:ln>
        </p:spPr>
        <p:txBody>
          <a:bodyPr wrap="none" lIns="45720" rIns="45720">
            <a:spAutoFit/>
          </a:bodyPr>
          <a:lstStyle/>
          <a:p>
            <a:r>
              <a:rPr lang="en-US" sz="1600"/>
              <a:t>Employment cost</a:t>
            </a:r>
          </a:p>
          <a:p>
            <a:r>
              <a:rPr lang="en-US" sz="1600"/>
              <a:t>index (ECI)</a:t>
            </a:r>
          </a:p>
        </p:txBody>
      </p:sp>
      <p:sp>
        <p:nvSpPr>
          <p:cNvPr id="22536" name="Rectangle 8"/>
          <p:cNvSpPr>
            <a:spLocks noChangeArrowheads="1"/>
          </p:cNvSpPr>
          <p:nvPr/>
        </p:nvSpPr>
        <p:spPr bwMode="blackGray">
          <a:xfrm>
            <a:off x="4624388" y="2341563"/>
            <a:ext cx="1871662" cy="719137"/>
          </a:xfrm>
          <a:prstGeom prst="rect">
            <a:avLst/>
          </a:prstGeom>
          <a:noFill/>
          <a:ln w="9525">
            <a:solidFill>
              <a:schemeClr val="tx1"/>
            </a:solidFill>
            <a:miter lim="800000"/>
            <a:headEnd/>
            <a:tailEnd/>
          </a:ln>
        </p:spPr>
        <p:txBody>
          <a:bodyPr wrap="none" lIns="45720" rIns="45720" anchor="ctr"/>
          <a:lstStyle/>
          <a:p>
            <a:endParaRPr lang="en-US"/>
          </a:p>
        </p:txBody>
      </p:sp>
      <p:sp>
        <p:nvSpPr>
          <p:cNvPr id="22537" name="Text Box 9"/>
          <p:cNvSpPr txBox="1">
            <a:spLocks noChangeArrowheads="1"/>
          </p:cNvSpPr>
          <p:nvPr/>
        </p:nvSpPr>
        <p:spPr bwMode="blackGray">
          <a:xfrm>
            <a:off x="4649788" y="2408238"/>
            <a:ext cx="1803400" cy="581025"/>
          </a:xfrm>
          <a:prstGeom prst="rect">
            <a:avLst/>
          </a:prstGeom>
          <a:noFill/>
          <a:ln w="9525">
            <a:noFill/>
            <a:miter lim="800000"/>
            <a:headEnd/>
            <a:tailEnd/>
          </a:ln>
        </p:spPr>
        <p:txBody>
          <a:bodyPr wrap="none" lIns="45720" rIns="45720">
            <a:spAutoFit/>
          </a:bodyPr>
          <a:lstStyle/>
          <a:p>
            <a:r>
              <a:rPr lang="en-US" sz="1600"/>
              <a:t>Compensation per </a:t>
            </a:r>
          </a:p>
          <a:p>
            <a:r>
              <a:rPr lang="en-US" sz="1600"/>
              <a:t>hour</a:t>
            </a:r>
          </a:p>
        </p:txBody>
      </p:sp>
      <p:cxnSp>
        <p:nvCxnSpPr>
          <p:cNvPr id="22538" name="AutoShape 10"/>
          <p:cNvCxnSpPr>
            <a:cxnSpLocks noChangeShapeType="1"/>
          </p:cNvCxnSpPr>
          <p:nvPr/>
        </p:nvCxnSpPr>
        <p:spPr bwMode="blackGray">
          <a:xfrm flipV="1">
            <a:off x="3687763" y="2881313"/>
            <a:ext cx="936625" cy="828675"/>
          </a:xfrm>
          <a:prstGeom prst="bentConnector3">
            <a:avLst>
              <a:gd name="adj1" fmla="val 50000"/>
            </a:avLst>
          </a:prstGeom>
          <a:noFill/>
          <a:ln w="9525">
            <a:solidFill>
              <a:schemeClr val="tx1"/>
            </a:solidFill>
            <a:miter lim="800000"/>
            <a:headEnd/>
            <a:tailEnd type="triangle" w="med" len="med"/>
          </a:ln>
        </p:spPr>
      </p:cxnSp>
      <p:sp>
        <p:nvSpPr>
          <p:cNvPr id="22539" name="Line 11"/>
          <p:cNvSpPr>
            <a:spLocks noChangeShapeType="1"/>
          </p:cNvSpPr>
          <p:nvPr/>
        </p:nvSpPr>
        <p:spPr bwMode="blackGray">
          <a:xfrm>
            <a:off x="3687763" y="2701925"/>
            <a:ext cx="936625" cy="0"/>
          </a:xfrm>
          <a:prstGeom prst="line">
            <a:avLst/>
          </a:prstGeom>
          <a:noFill/>
          <a:ln w="9525">
            <a:solidFill>
              <a:schemeClr val="tx1"/>
            </a:solidFill>
            <a:round/>
            <a:headEnd/>
            <a:tailEnd type="triangle" w="med" len="med"/>
          </a:ln>
        </p:spPr>
        <p:txBody>
          <a:bodyPr wrap="none" lIns="45720" rIns="45720" anchor="ctr"/>
          <a:lstStyle/>
          <a:p>
            <a:endParaRPr lang="en-US"/>
          </a:p>
        </p:txBody>
      </p:sp>
      <p:sp>
        <p:nvSpPr>
          <p:cNvPr id="22540" name="Rectangle 12"/>
          <p:cNvSpPr>
            <a:spLocks noChangeArrowheads="1"/>
          </p:cNvSpPr>
          <p:nvPr/>
        </p:nvSpPr>
        <p:spPr bwMode="blackGray">
          <a:xfrm>
            <a:off x="7143750" y="2341563"/>
            <a:ext cx="2376488" cy="1008062"/>
          </a:xfrm>
          <a:prstGeom prst="rect">
            <a:avLst/>
          </a:prstGeom>
          <a:noFill/>
          <a:ln w="9525">
            <a:solidFill>
              <a:schemeClr val="tx1"/>
            </a:solidFill>
            <a:miter lim="800000"/>
            <a:headEnd/>
            <a:tailEnd/>
          </a:ln>
        </p:spPr>
        <p:txBody>
          <a:bodyPr wrap="none" lIns="45720" rIns="45720" anchor="ctr"/>
          <a:lstStyle/>
          <a:p>
            <a:endParaRPr lang="en-US"/>
          </a:p>
        </p:txBody>
      </p:sp>
      <p:sp>
        <p:nvSpPr>
          <p:cNvPr id="22541" name="Text Box 13"/>
          <p:cNvSpPr txBox="1">
            <a:spLocks noChangeArrowheads="1"/>
          </p:cNvSpPr>
          <p:nvPr/>
        </p:nvSpPr>
        <p:spPr bwMode="blackGray">
          <a:xfrm>
            <a:off x="7242175" y="2384425"/>
            <a:ext cx="2252663" cy="825500"/>
          </a:xfrm>
          <a:prstGeom prst="rect">
            <a:avLst/>
          </a:prstGeom>
          <a:noFill/>
          <a:ln w="9525">
            <a:noFill/>
            <a:miter lim="800000"/>
            <a:headEnd/>
            <a:tailEnd/>
          </a:ln>
        </p:spPr>
        <p:txBody>
          <a:bodyPr wrap="none" lIns="45720" rIns="45720">
            <a:spAutoFit/>
          </a:bodyPr>
          <a:lstStyle/>
          <a:p>
            <a:r>
              <a:rPr lang="en-US" sz="1600"/>
              <a:t>Unit labor cost</a:t>
            </a:r>
          </a:p>
          <a:p>
            <a:r>
              <a:rPr lang="en-US" sz="1600"/>
              <a:t>(=compensation per </a:t>
            </a:r>
          </a:p>
          <a:p>
            <a:r>
              <a:rPr lang="en-US" sz="1600"/>
              <a:t>hour / output per hour)</a:t>
            </a:r>
          </a:p>
        </p:txBody>
      </p:sp>
      <p:sp>
        <p:nvSpPr>
          <p:cNvPr id="22542" name="Line 14"/>
          <p:cNvSpPr>
            <a:spLocks noChangeShapeType="1"/>
          </p:cNvSpPr>
          <p:nvPr/>
        </p:nvSpPr>
        <p:spPr bwMode="blackGray">
          <a:xfrm>
            <a:off x="6496050" y="2701925"/>
            <a:ext cx="647700" cy="0"/>
          </a:xfrm>
          <a:prstGeom prst="line">
            <a:avLst/>
          </a:prstGeom>
          <a:noFill/>
          <a:ln w="9525">
            <a:solidFill>
              <a:schemeClr val="tx1"/>
            </a:solidFill>
            <a:round/>
            <a:headEnd/>
            <a:tailEnd type="triangle" w="med" len="med"/>
          </a:ln>
        </p:spPr>
        <p:txBody>
          <a:bodyPr wrap="none" lIns="45720" rIns="45720" anchor="ctr"/>
          <a:lstStyle/>
          <a:p>
            <a:endParaRPr lang="en-US"/>
          </a:p>
        </p:txBody>
      </p:sp>
      <p:sp>
        <p:nvSpPr>
          <p:cNvPr id="22543" name="Oval 15"/>
          <p:cNvSpPr>
            <a:spLocks noChangeArrowheads="1"/>
          </p:cNvSpPr>
          <p:nvPr/>
        </p:nvSpPr>
        <p:spPr bwMode="blackGray">
          <a:xfrm>
            <a:off x="6784975" y="4286250"/>
            <a:ext cx="3240088" cy="1655763"/>
          </a:xfrm>
          <a:prstGeom prst="ellipse">
            <a:avLst/>
          </a:prstGeom>
          <a:solidFill>
            <a:schemeClr val="accent1">
              <a:alpha val="50195"/>
            </a:schemeClr>
          </a:solidFill>
          <a:ln w="9525">
            <a:noFill/>
            <a:round/>
            <a:headEnd/>
            <a:tailEnd/>
          </a:ln>
        </p:spPr>
        <p:txBody>
          <a:bodyPr wrap="none" lIns="45720" rIns="45720" anchor="ctr"/>
          <a:lstStyle/>
          <a:p>
            <a:pPr algn="ctr"/>
            <a:endParaRPr lang="en-US" sz="1600"/>
          </a:p>
        </p:txBody>
      </p:sp>
      <p:sp>
        <p:nvSpPr>
          <p:cNvPr id="22544" name="Line 16"/>
          <p:cNvSpPr>
            <a:spLocks noChangeShapeType="1"/>
          </p:cNvSpPr>
          <p:nvPr/>
        </p:nvSpPr>
        <p:spPr bwMode="blackGray">
          <a:xfrm>
            <a:off x="8369300" y="3349625"/>
            <a:ext cx="0" cy="936625"/>
          </a:xfrm>
          <a:prstGeom prst="line">
            <a:avLst/>
          </a:prstGeom>
          <a:noFill/>
          <a:ln w="19050">
            <a:solidFill>
              <a:schemeClr val="tx1"/>
            </a:solidFill>
            <a:prstDash val="dash"/>
            <a:round/>
            <a:headEnd/>
            <a:tailEnd type="triangle" w="lg" len="med"/>
          </a:ln>
        </p:spPr>
        <p:txBody>
          <a:bodyPr wrap="none" lIns="45720" rIns="45720" anchor="ctr"/>
          <a:lstStyle/>
          <a:p>
            <a:endParaRPr lang="en-US"/>
          </a:p>
        </p:txBody>
      </p:sp>
      <p:sp>
        <p:nvSpPr>
          <p:cNvPr id="22545" name="Text Box 18"/>
          <p:cNvSpPr txBox="1">
            <a:spLocks noChangeArrowheads="1"/>
          </p:cNvSpPr>
          <p:nvPr/>
        </p:nvSpPr>
        <p:spPr bwMode="blackGray">
          <a:xfrm>
            <a:off x="8012113" y="4718050"/>
            <a:ext cx="887412" cy="581025"/>
          </a:xfrm>
          <a:prstGeom prst="rect">
            <a:avLst/>
          </a:prstGeom>
          <a:noFill/>
          <a:ln w="9525">
            <a:noFill/>
            <a:miter lim="800000"/>
            <a:headEnd/>
            <a:tailEnd/>
          </a:ln>
        </p:spPr>
        <p:txBody>
          <a:bodyPr wrap="none" lIns="45720" rIns="45720">
            <a:spAutoFit/>
          </a:bodyPr>
          <a:lstStyle/>
          <a:p>
            <a:pPr algn="ctr"/>
            <a:r>
              <a:rPr lang="en-US" sz="1600"/>
              <a:t>Prices or</a:t>
            </a:r>
          </a:p>
          <a:p>
            <a:pPr algn="ctr"/>
            <a:r>
              <a:rPr lang="en-US" sz="1600"/>
              <a:t>margins</a:t>
            </a:r>
          </a:p>
        </p:txBody>
      </p:sp>
    </p:spTree>
  </p:cSld>
  <p:clrMapOvr>
    <a:masterClrMapping/>
  </p:clrMapOvr>
</p:sld>
</file>

<file path=ppt/slides/slide22.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2290" name="Slide Number Placeholder 2"/>
          <p:cNvSpPr>
            <a:spLocks noGrp="1"/>
          </p:cNvSpPr>
          <p:nvPr>
            <p:ph type="sldNum" sz="quarter" idx="10"/>
          </p:nvPr>
        </p:nvSpPr>
        <p:spPr>
          <a:noFill/>
        </p:spPr>
        <p:txBody>
          <a:bodyPr/>
          <a:lstStyle/>
          <a:p>
            <a:fld id="{7471951C-9480-4F9E-965E-67B1A036EBAE}" type="slidenum">
              <a:rPr lang="en-US" smtClean="0"/>
              <a:pPr/>
              <a:t>21</a:t>
            </a:fld>
            <a:endParaRPr lang="en-US" smtClean="0"/>
          </a:p>
        </p:txBody>
      </p:sp>
      <p:sp>
        <p:nvSpPr>
          <p:cNvPr id="12291" name="Rectangle 4"/>
          <p:cNvSpPr>
            <a:spLocks noGrp="1" noChangeArrowheads="1"/>
          </p:cNvSpPr>
          <p:nvPr>
            <p:ph type="title"/>
          </p:nvPr>
        </p:nvSpPr>
        <p:spPr/>
        <p:txBody>
          <a:bodyPr/>
          <a:lstStyle/>
          <a:p>
            <a:r>
              <a:rPr lang="en-US" dirty="0" smtClean="0"/>
              <a:t>Full circle back to the Fed…</a:t>
            </a:r>
          </a:p>
        </p:txBody>
      </p:sp>
      <p:sp>
        <p:nvSpPr>
          <p:cNvPr id="12292" name="Text Box 5"/>
          <p:cNvSpPr txBox="1">
            <a:spLocks noChangeArrowheads="1"/>
          </p:cNvSpPr>
          <p:nvPr/>
        </p:nvSpPr>
        <p:spPr bwMode="blackGray">
          <a:xfrm>
            <a:off x="2176463" y="2557463"/>
            <a:ext cx="1944687" cy="366712"/>
          </a:xfrm>
          <a:prstGeom prst="rect">
            <a:avLst/>
          </a:prstGeom>
          <a:noFill/>
          <a:ln w="9525">
            <a:noFill/>
            <a:miter lim="800000"/>
            <a:headEnd/>
            <a:tailEnd/>
          </a:ln>
        </p:spPr>
        <p:txBody>
          <a:bodyPr lIns="45720" rIns="45720">
            <a:spAutoFit/>
          </a:bodyPr>
          <a:lstStyle/>
          <a:p>
            <a:pPr algn="ctr">
              <a:spcBef>
                <a:spcPct val="50000"/>
              </a:spcBef>
            </a:pPr>
            <a:r>
              <a:rPr lang="en-US" sz="1800"/>
              <a:t>Output growth</a:t>
            </a:r>
          </a:p>
        </p:txBody>
      </p:sp>
      <p:sp>
        <p:nvSpPr>
          <p:cNvPr id="12293" name="Rectangle 6"/>
          <p:cNvSpPr>
            <a:spLocks noChangeArrowheads="1"/>
          </p:cNvSpPr>
          <p:nvPr/>
        </p:nvSpPr>
        <p:spPr bwMode="blackGray">
          <a:xfrm>
            <a:off x="2247900" y="2268538"/>
            <a:ext cx="1800225" cy="1081087"/>
          </a:xfrm>
          <a:prstGeom prst="rect">
            <a:avLst/>
          </a:prstGeom>
          <a:solidFill>
            <a:schemeClr val="accent1">
              <a:alpha val="25098"/>
            </a:schemeClr>
          </a:solidFill>
          <a:ln w="9525">
            <a:solidFill>
              <a:schemeClr val="tx1"/>
            </a:solidFill>
            <a:miter lim="800000"/>
            <a:headEnd/>
            <a:tailEnd/>
          </a:ln>
        </p:spPr>
        <p:txBody>
          <a:bodyPr wrap="none" lIns="45720" rIns="45720" anchor="ctr"/>
          <a:lstStyle/>
          <a:p>
            <a:endParaRPr lang="en-US"/>
          </a:p>
        </p:txBody>
      </p:sp>
      <p:sp>
        <p:nvSpPr>
          <p:cNvPr id="12294" name="Text Box 7"/>
          <p:cNvSpPr txBox="1">
            <a:spLocks noChangeArrowheads="1"/>
          </p:cNvSpPr>
          <p:nvPr/>
        </p:nvSpPr>
        <p:spPr bwMode="blackGray">
          <a:xfrm>
            <a:off x="6856413" y="2413000"/>
            <a:ext cx="1728787" cy="779463"/>
          </a:xfrm>
          <a:prstGeom prst="rect">
            <a:avLst/>
          </a:prstGeom>
          <a:noFill/>
          <a:ln w="9525">
            <a:noFill/>
            <a:miter lim="800000"/>
            <a:headEnd/>
            <a:tailEnd/>
          </a:ln>
        </p:spPr>
        <p:txBody>
          <a:bodyPr lIns="45720" rIns="45720">
            <a:spAutoFit/>
          </a:bodyPr>
          <a:lstStyle/>
          <a:p>
            <a:pPr algn="ctr">
              <a:spcBef>
                <a:spcPct val="50000"/>
              </a:spcBef>
            </a:pPr>
            <a:r>
              <a:rPr lang="en-US" sz="1800"/>
              <a:t>Inflation</a:t>
            </a:r>
          </a:p>
          <a:p>
            <a:pPr algn="ctr">
              <a:spcBef>
                <a:spcPct val="50000"/>
              </a:spcBef>
            </a:pPr>
            <a:endParaRPr lang="en-US" sz="1800"/>
          </a:p>
        </p:txBody>
      </p:sp>
      <p:sp>
        <p:nvSpPr>
          <p:cNvPr id="12295" name="Rectangle 8"/>
          <p:cNvSpPr>
            <a:spLocks noChangeArrowheads="1"/>
          </p:cNvSpPr>
          <p:nvPr/>
        </p:nvSpPr>
        <p:spPr bwMode="blackGray">
          <a:xfrm>
            <a:off x="6856413" y="2197100"/>
            <a:ext cx="1800225" cy="1152525"/>
          </a:xfrm>
          <a:prstGeom prst="rect">
            <a:avLst/>
          </a:prstGeom>
          <a:solidFill>
            <a:schemeClr val="accent1">
              <a:alpha val="25098"/>
            </a:schemeClr>
          </a:solidFill>
          <a:ln w="9525">
            <a:solidFill>
              <a:schemeClr val="tx1"/>
            </a:solidFill>
            <a:miter lim="800000"/>
            <a:headEnd/>
            <a:tailEnd/>
          </a:ln>
        </p:spPr>
        <p:txBody>
          <a:bodyPr wrap="none" lIns="45720" rIns="45720" anchor="ctr"/>
          <a:lstStyle/>
          <a:p>
            <a:endParaRPr lang="en-US"/>
          </a:p>
        </p:txBody>
      </p:sp>
      <p:sp>
        <p:nvSpPr>
          <p:cNvPr id="12296" name="Text Box 9"/>
          <p:cNvSpPr txBox="1">
            <a:spLocks noChangeArrowheads="1"/>
          </p:cNvSpPr>
          <p:nvPr/>
        </p:nvSpPr>
        <p:spPr bwMode="blackGray">
          <a:xfrm>
            <a:off x="4865688" y="4860925"/>
            <a:ext cx="1479550" cy="641350"/>
          </a:xfrm>
          <a:prstGeom prst="rect">
            <a:avLst/>
          </a:prstGeom>
          <a:noFill/>
          <a:ln w="9525">
            <a:noFill/>
            <a:miter lim="800000"/>
            <a:headEnd/>
            <a:tailEnd/>
          </a:ln>
        </p:spPr>
        <p:txBody>
          <a:bodyPr wrap="none" lIns="45720" rIns="45720">
            <a:spAutoFit/>
          </a:bodyPr>
          <a:lstStyle/>
          <a:p>
            <a:pPr algn="ctr"/>
            <a:r>
              <a:rPr lang="en-US" sz="1800"/>
              <a:t>Interest rates</a:t>
            </a:r>
          </a:p>
          <a:p>
            <a:pPr algn="ctr"/>
            <a:endParaRPr lang="en-US" sz="1800"/>
          </a:p>
        </p:txBody>
      </p:sp>
      <p:sp>
        <p:nvSpPr>
          <p:cNvPr id="12297" name="Rectangle 10"/>
          <p:cNvSpPr>
            <a:spLocks noChangeArrowheads="1"/>
          </p:cNvSpPr>
          <p:nvPr/>
        </p:nvSpPr>
        <p:spPr bwMode="blackGray">
          <a:xfrm>
            <a:off x="4695825" y="4645025"/>
            <a:ext cx="1800225" cy="1081088"/>
          </a:xfrm>
          <a:prstGeom prst="rect">
            <a:avLst/>
          </a:prstGeom>
          <a:solidFill>
            <a:schemeClr val="accent1">
              <a:alpha val="25098"/>
            </a:schemeClr>
          </a:solidFill>
          <a:ln w="9525">
            <a:solidFill>
              <a:schemeClr val="tx1"/>
            </a:solidFill>
            <a:miter lim="800000"/>
            <a:headEnd/>
            <a:tailEnd/>
          </a:ln>
        </p:spPr>
        <p:txBody>
          <a:bodyPr wrap="none" lIns="45720" rIns="45720" anchor="ctr"/>
          <a:lstStyle/>
          <a:p>
            <a:endParaRPr lang="en-US"/>
          </a:p>
        </p:txBody>
      </p:sp>
      <p:sp>
        <p:nvSpPr>
          <p:cNvPr id="12298" name="Line 11"/>
          <p:cNvSpPr>
            <a:spLocks noChangeShapeType="1"/>
          </p:cNvSpPr>
          <p:nvPr/>
        </p:nvSpPr>
        <p:spPr bwMode="blackGray">
          <a:xfrm flipH="1" flipV="1">
            <a:off x="3327400" y="3494088"/>
            <a:ext cx="1225550" cy="1511300"/>
          </a:xfrm>
          <a:prstGeom prst="line">
            <a:avLst/>
          </a:prstGeom>
          <a:noFill/>
          <a:ln w="31750">
            <a:solidFill>
              <a:schemeClr val="tx1"/>
            </a:solidFill>
            <a:round/>
            <a:headEnd/>
            <a:tailEnd type="stealth" w="lg" len="lg"/>
          </a:ln>
        </p:spPr>
        <p:txBody>
          <a:bodyPr wrap="none" lIns="45720" rIns="45720" anchor="ctr"/>
          <a:lstStyle/>
          <a:p>
            <a:endParaRPr lang="en-US"/>
          </a:p>
        </p:txBody>
      </p:sp>
      <p:sp>
        <p:nvSpPr>
          <p:cNvPr id="12299" name="Line 12"/>
          <p:cNvSpPr>
            <a:spLocks noChangeShapeType="1"/>
          </p:cNvSpPr>
          <p:nvPr/>
        </p:nvSpPr>
        <p:spPr bwMode="blackGray">
          <a:xfrm>
            <a:off x="4264025" y="2773363"/>
            <a:ext cx="2376488" cy="0"/>
          </a:xfrm>
          <a:prstGeom prst="line">
            <a:avLst/>
          </a:prstGeom>
          <a:noFill/>
          <a:ln w="31750">
            <a:solidFill>
              <a:schemeClr val="tx1"/>
            </a:solidFill>
            <a:round/>
            <a:headEnd/>
            <a:tailEnd type="stealth" w="lg" len="lg"/>
          </a:ln>
        </p:spPr>
        <p:txBody>
          <a:bodyPr wrap="none" lIns="45720" rIns="45720" anchor="ctr"/>
          <a:lstStyle/>
          <a:p>
            <a:endParaRPr lang="en-US"/>
          </a:p>
        </p:txBody>
      </p:sp>
      <p:sp>
        <p:nvSpPr>
          <p:cNvPr id="12300" name="Freeform 16"/>
          <p:cNvSpPr>
            <a:spLocks/>
          </p:cNvSpPr>
          <p:nvPr/>
        </p:nvSpPr>
        <p:spPr bwMode="blackGray">
          <a:xfrm>
            <a:off x="1622425" y="2773363"/>
            <a:ext cx="3938588" cy="3863975"/>
          </a:xfrm>
          <a:custGeom>
            <a:avLst/>
            <a:gdLst>
              <a:gd name="T0" fmla="*/ 481013 w 2481"/>
              <a:gd name="T1" fmla="*/ 0 h 2434"/>
              <a:gd name="T2" fmla="*/ 481013 w 2481"/>
              <a:gd name="T3" fmla="*/ 3240087 h 2434"/>
              <a:gd name="T4" fmla="*/ 3362326 w 2481"/>
              <a:gd name="T5" fmla="*/ 3744913 h 2434"/>
              <a:gd name="T6" fmla="*/ 3938588 w 2481"/>
              <a:gd name="T7" fmla="*/ 3095625 h 2434"/>
              <a:gd name="T8" fmla="*/ 0 60000 65536"/>
              <a:gd name="T9" fmla="*/ 0 60000 65536"/>
              <a:gd name="T10" fmla="*/ 0 60000 65536"/>
              <a:gd name="T11" fmla="*/ 0 60000 65536"/>
              <a:gd name="T12" fmla="*/ 0 w 2481"/>
              <a:gd name="T13" fmla="*/ 0 h 2434"/>
              <a:gd name="T14" fmla="*/ 2481 w 2481"/>
              <a:gd name="T15" fmla="*/ 2434 h 2434"/>
            </a:gdLst>
            <a:ahLst/>
            <a:cxnLst>
              <a:cxn ang="T8">
                <a:pos x="T0" y="T1"/>
              </a:cxn>
              <a:cxn ang="T9">
                <a:pos x="T2" y="T3"/>
              </a:cxn>
              <a:cxn ang="T10">
                <a:pos x="T4" y="T5"/>
              </a:cxn>
              <a:cxn ang="T11">
                <a:pos x="T6" y="T7"/>
              </a:cxn>
            </a:cxnLst>
            <a:rect l="T12" t="T13" r="T14" b="T15"/>
            <a:pathLst>
              <a:path w="2481" h="2434">
                <a:moveTo>
                  <a:pt x="303" y="0"/>
                </a:moveTo>
                <a:cubicBezTo>
                  <a:pt x="151" y="824"/>
                  <a:pt x="0" y="1648"/>
                  <a:pt x="303" y="2041"/>
                </a:cubicBezTo>
                <a:cubicBezTo>
                  <a:pt x="606" y="2434"/>
                  <a:pt x="1755" y="2374"/>
                  <a:pt x="2118" y="2359"/>
                </a:cubicBezTo>
                <a:cubicBezTo>
                  <a:pt x="2481" y="2344"/>
                  <a:pt x="2481" y="2147"/>
                  <a:pt x="2481" y="1950"/>
                </a:cubicBezTo>
              </a:path>
            </a:pathLst>
          </a:custGeom>
          <a:noFill/>
          <a:ln w="31750" cap="flat" cmpd="sng">
            <a:solidFill>
              <a:schemeClr val="tx1"/>
            </a:solidFill>
            <a:prstDash val="solid"/>
            <a:round/>
            <a:headEnd/>
            <a:tailEnd type="stealth" w="lg" len="lg"/>
          </a:ln>
        </p:spPr>
        <p:txBody>
          <a:bodyPr wrap="none" lIns="45720" rIns="45720" anchor="ctr"/>
          <a:lstStyle/>
          <a:p>
            <a:endParaRPr lang="en-US"/>
          </a:p>
        </p:txBody>
      </p:sp>
      <p:sp>
        <p:nvSpPr>
          <p:cNvPr id="12301" name="Freeform 17"/>
          <p:cNvSpPr>
            <a:spLocks/>
          </p:cNvSpPr>
          <p:nvPr/>
        </p:nvSpPr>
        <p:spPr bwMode="blackGray">
          <a:xfrm>
            <a:off x="5848350" y="2773363"/>
            <a:ext cx="3455988" cy="3887787"/>
          </a:xfrm>
          <a:custGeom>
            <a:avLst/>
            <a:gdLst>
              <a:gd name="T0" fmla="*/ 2974601 w 2283"/>
              <a:gd name="T1" fmla="*/ 0 h 2495"/>
              <a:gd name="T2" fmla="*/ 3044236 w 2283"/>
              <a:gd name="T3" fmla="*/ 3252029 h 2495"/>
              <a:gd name="T4" fmla="*/ 504093 w 2283"/>
              <a:gd name="T5" fmla="*/ 3816108 h 2495"/>
              <a:gd name="T6" fmla="*/ 22707 w 2283"/>
              <a:gd name="T7" fmla="*/ 3110229 h 2495"/>
              <a:gd name="T8" fmla="*/ 0 60000 65536"/>
              <a:gd name="T9" fmla="*/ 0 60000 65536"/>
              <a:gd name="T10" fmla="*/ 0 60000 65536"/>
              <a:gd name="T11" fmla="*/ 0 60000 65536"/>
              <a:gd name="T12" fmla="*/ 0 w 2283"/>
              <a:gd name="T13" fmla="*/ 0 h 2495"/>
              <a:gd name="T14" fmla="*/ 2283 w 2283"/>
              <a:gd name="T15" fmla="*/ 2495 h 2495"/>
            </a:gdLst>
            <a:ahLst/>
            <a:cxnLst>
              <a:cxn ang="T8">
                <a:pos x="T0" y="T1"/>
              </a:cxn>
              <a:cxn ang="T9">
                <a:pos x="T2" y="T3"/>
              </a:cxn>
              <a:cxn ang="T10">
                <a:pos x="T4" y="T5"/>
              </a:cxn>
              <a:cxn ang="T11">
                <a:pos x="T6" y="T7"/>
              </a:cxn>
            </a:cxnLst>
            <a:rect l="T12" t="T13" r="T14" b="T15"/>
            <a:pathLst>
              <a:path w="2283" h="2495">
                <a:moveTo>
                  <a:pt x="1965" y="0"/>
                </a:moveTo>
                <a:cubicBezTo>
                  <a:pt x="2124" y="839"/>
                  <a:pt x="2283" y="1679"/>
                  <a:pt x="2011" y="2087"/>
                </a:cubicBezTo>
                <a:cubicBezTo>
                  <a:pt x="1739" y="2495"/>
                  <a:pt x="666" y="2464"/>
                  <a:pt x="333" y="2449"/>
                </a:cubicBezTo>
                <a:cubicBezTo>
                  <a:pt x="0" y="2434"/>
                  <a:pt x="68" y="2071"/>
                  <a:pt x="15" y="1996"/>
                </a:cubicBezTo>
              </a:path>
            </a:pathLst>
          </a:custGeom>
          <a:noFill/>
          <a:ln w="31750" cap="flat" cmpd="sng">
            <a:solidFill>
              <a:schemeClr val="tx1"/>
            </a:solidFill>
            <a:prstDash val="solid"/>
            <a:round/>
            <a:headEnd/>
            <a:tailEnd type="stealth" w="lg" len="lg"/>
          </a:ln>
        </p:spPr>
        <p:txBody>
          <a:bodyPr wrap="none" lIns="45720" rIns="45720" anchor="ctr"/>
          <a:lstStyle/>
          <a:p>
            <a:endParaRPr lang="en-US"/>
          </a:p>
        </p:txBody>
      </p:sp>
      <p:sp>
        <p:nvSpPr>
          <p:cNvPr id="12302" name="Text Box 18"/>
          <p:cNvSpPr txBox="1">
            <a:spLocks noChangeArrowheads="1"/>
          </p:cNvSpPr>
          <p:nvPr/>
        </p:nvSpPr>
        <p:spPr bwMode="blackGray">
          <a:xfrm>
            <a:off x="4984750" y="6661150"/>
            <a:ext cx="1368425" cy="366713"/>
          </a:xfrm>
          <a:prstGeom prst="rect">
            <a:avLst/>
          </a:prstGeom>
          <a:noFill/>
          <a:ln w="9525">
            <a:noFill/>
            <a:miter lim="800000"/>
            <a:headEnd/>
            <a:tailEnd/>
          </a:ln>
        </p:spPr>
        <p:txBody>
          <a:bodyPr lIns="45720" rIns="45720">
            <a:spAutoFit/>
          </a:bodyPr>
          <a:lstStyle/>
          <a:p>
            <a:pPr algn="ctr">
              <a:spcBef>
                <a:spcPct val="50000"/>
              </a:spcBef>
            </a:pPr>
            <a:r>
              <a:rPr lang="en-US" sz="1800"/>
              <a:t>Taylor rule</a:t>
            </a:r>
          </a:p>
        </p:txBody>
      </p:sp>
      <p:sp>
        <p:nvSpPr>
          <p:cNvPr id="12303" name="Text Box 19"/>
          <p:cNvSpPr txBox="1">
            <a:spLocks noChangeArrowheads="1"/>
          </p:cNvSpPr>
          <p:nvPr/>
        </p:nvSpPr>
        <p:spPr bwMode="blackGray">
          <a:xfrm>
            <a:off x="2535238" y="4068763"/>
            <a:ext cx="1441450" cy="366712"/>
          </a:xfrm>
          <a:prstGeom prst="rect">
            <a:avLst/>
          </a:prstGeom>
          <a:noFill/>
          <a:ln w="9525">
            <a:noFill/>
            <a:miter lim="800000"/>
            <a:headEnd/>
            <a:tailEnd/>
          </a:ln>
        </p:spPr>
        <p:txBody>
          <a:bodyPr lIns="45720" rIns="45720">
            <a:spAutoFit/>
          </a:bodyPr>
          <a:lstStyle/>
          <a:p>
            <a:pPr algn="ctr">
              <a:spcBef>
                <a:spcPct val="50000"/>
              </a:spcBef>
            </a:pPr>
            <a:r>
              <a:rPr lang="en-US" sz="1800"/>
              <a:t>“IS” curve</a:t>
            </a:r>
          </a:p>
        </p:txBody>
      </p:sp>
      <p:sp>
        <p:nvSpPr>
          <p:cNvPr id="12304" name="Text Box 20"/>
          <p:cNvSpPr txBox="1">
            <a:spLocks noChangeArrowheads="1"/>
          </p:cNvSpPr>
          <p:nvPr/>
        </p:nvSpPr>
        <p:spPr bwMode="blackGray">
          <a:xfrm>
            <a:off x="4552950" y="2341563"/>
            <a:ext cx="1800225" cy="366712"/>
          </a:xfrm>
          <a:prstGeom prst="rect">
            <a:avLst/>
          </a:prstGeom>
          <a:noFill/>
          <a:ln w="9525">
            <a:noFill/>
            <a:miter lim="800000"/>
            <a:headEnd/>
            <a:tailEnd/>
          </a:ln>
        </p:spPr>
        <p:txBody>
          <a:bodyPr lIns="45720" rIns="45720">
            <a:spAutoFit/>
          </a:bodyPr>
          <a:lstStyle/>
          <a:p>
            <a:pPr algn="ctr">
              <a:spcBef>
                <a:spcPct val="50000"/>
              </a:spcBef>
            </a:pPr>
            <a:r>
              <a:rPr lang="en-US" sz="1800"/>
              <a:t>Phillips curve</a:t>
            </a:r>
          </a:p>
        </p:txBody>
      </p:sp>
    </p:spTree>
  </p:cSld>
  <p:clrMapOvr>
    <a:masterClrMapping/>
  </p:clrMapOvr>
</p:sld>
</file>

<file path=ppt/slides/slide23.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31746" name="Slide Number Placeholder 1"/>
          <p:cNvSpPr>
            <a:spLocks noGrp="1"/>
          </p:cNvSpPr>
          <p:nvPr>
            <p:ph type="sldNum" sz="quarter" idx="10"/>
          </p:nvPr>
        </p:nvSpPr>
        <p:spPr>
          <a:noFill/>
        </p:spPr>
        <p:txBody>
          <a:bodyPr/>
          <a:lstStyle/>
          <a:p>
            <a:fld id="{0A3FAAA8-CC93-48D5-B12A-4B641B8DB593}" type="slidenum">
              <a:rPr lang="en-US" smtClean="0"/>
              <a:pPr/>
              <a:t>22</a:t>
            </a:fld>
            <a:endParaRPr lang="en-US" smtClean="0"/>
          </a:p>
        </p:txBody>
      </p:sp>
      <p:sp>
        <p:nvSpPr>
          <p:cNvPr id="31747" name="Rectangle 2"/>
          <p:cNvSpPr>
            <a:spLocks noChangeArrowheads="1"/>
          </p:cNvSpPr>
          <p:nvPr/>
        </p:nvSpPr>
        <p:spPr bwMode="blackGray">
          <a:xfrm>
            <a:off x="1066800" y="3886200"/>
            <a:ext cx="8686800" cy="2905125"/>
          </a:xfrm>
          <a:prstGeom prst="rect">
            <a:avLst/>
          </a:prstGeom>
          <a:noFill/>
          <a:ln w="9525">
            <a:noFill/>
            <a:miter lim="800000"/>
            <a:headEnd/>
            <a:tailEnd/>
          </a:ln>
        </p:spPr>
        <p:txBody>
          <a:bodyPr lIns="45720" rIns="45720">
            <a:spAutoFit/>
          </a:bodyPr>
          <a:lstStyle/>
          <a:p>
            <a:pPr>
              <a:spcBef>
                <a:spcPct val="50000"/>
              </a:spcBef>
            </a:pPr>
            <a:r>
              <a:rPr lang="en-US" sz="800" noProof="1"/>
              <a:t>Copyright 2004 J.P. Morgan Chase &amp; Co. All rights reserved. JPMorgan is the marketing name for J.P. Morgan Chase &amp; Co., and its subsidiaries and affiliates worldwide. J.P. Morgan Securities Inc. is a member of NYSE and SIPC. JPMorgan Chase Bank is a member of FDIC. J.P. Morgan Futures Inc., is a member of the NFA. J.P. Morgan Securities Ltd. (JPMSL), J.P. Morgan Europe Limited and J.P. Morgan plc are authorized by the FSA and JPMSL is a member of the LSE. J.P. Morgan Equities Limited is a member of the Johannesburg Securities Exchange and is regulated by the FSB. J.P. Morgan Securities (Asia Pacific) Limited (CE number AAJ321) is regulated by the Hong Kong Monetary Authority. J.P. Morgan Securities Singapore Private Limited is a member of Singapore Exchange Securities Trading Limited and is regulated by the Monetary Authority of Singapore (“MAS”). J.P. Morgan Securities Asia Private Limited is regulated by the MAS and the Financial Services Agency in Japan. J.P.Morgan Australia Limited (ABN 52 002 888 011/AFS Licence No: 238188) (JPMSAL) is a licensed securities dealer.</a:t>
            </a:r>
          </a:p>
          <a:p>
            <a:pPr algn="just">
              <a:spcBef>
                <a:spcPct val="50000"/>
              </a:spcBef>
            </a:pPr>
            <a:endParaRPr lang="en-US" sz="800" noProof="1"/>
          </a:p>
          <a:p>
            <a:pPr algn="just">
              <a:spcBef>
                <a:spcPct val="50000"/>
              </a:spcBef>
            </a:pPr>
            <a:r>
              <a:rPr lang="en-US" sz="800" noProof="1"/>
              <a:t>Additional information is available upon request. Information herein is believed to be reliable but JPMorgan does not warrant its completeness or accuracy. Opinions and estimates constitute our judgment and are subject to change without notice. Past performance is not indicative of future results. The investments and strategies discussed here may not be suitable for all investors; if you have any doubts you should consult your investment advisor. The investments discussed may fluctuate in price or value. Changes in rates of exchange may have an adverse effect on the value of investments. This material is not intended as an offer or solicitation for the purchase or sale of any financial instrument. JPMorgan and/or its affiliates and employees may hold a position, may undertake or have already undertaken an own account transaction or act as market maker in the financial instruments of any issuer discussed herein or any related financial instruments, or act as underwriter, placement agent, advisor or lender to such issuer. Clients should contact analysts at and execute transactions through a JPMorgan entity in their home jurisdiction unless governing law permits otherwise. This report may have been edited or contributed to from time to time by affiliates of J.P. Morgan Securities (Far East) Ltd, Seoul branch. This report should not be distributed to others or replicated in any form without prior consent of JP Morgan. This report has been issued, in the U.K. only to persons of a kind described in Article 19 (5), 38, 47 and 49 of the Financial Services and Markets Act 2000 (Financial Promotion) Order 2001 (all such persons being referred to as “relevant persons”). This document must not be acted on or relied on by persons who are not relevant persons. Any investment or investment activity to which this document relates is only available to relevant persons and will be engaged in only with relevant persons. In other European Economic Area countries, the report has been issued to persons regarded as professional investors (or equivalent) in their home jurisdiction. Australia: This material is issued and distributed by JPMSAL in Australia to “wholesale clients” only. JPMSAL does not issue or distribute this material to “retail clients.” The recipient of this material must not distribute it to any third party or outside Australia without the prior written consent of JPMSAL. For the purposes of this paragraph the terms “wholesale client” and “retail client” have the meanings given to them in section 761G of the Corporations Act 2001.</a:t>
            </a:r>
          </a:p>
        </p:txBody>
      </p:sp>
    </p:spTree>
  </p:cSld>
  <p:clrMapOvr>
    <a:masterClrMapping/>
  </p:clrMapOvr>
</p:sld>
</file>

<file path=ppt/slides/slide3.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6146" name="Slide Number Placeholder 4"/>
          <p:cNvSpPr>
            <a:spLocks noGrp="1"/>
          </p:cNvSpPr>
          <p:nvPr>
            <p:ph type="sldNum" sz="quarter" idx="10"/>
          </p:nvPr>
        </p:nvSpPr>
        <p:spPr>
          <a:noFill/>
        </p:spPr>
        <p:txBody>
          <a:bodyPr/>
          <a:lstStyle/>
          <a:p>
            <a:fld id="{A9A116F7-225F-4145-A3FD-5315ED72B8EB}" type="slidenum">
              <a:rPr lang="en-US" smtClean="0"/>
              <a:pPr/>
              <a:t>2</a:t>
            </a:fld>
            <a:endParaRPr lang="en-US" smtClean="0"/>
          </a:p>
        </p:txBody>
      </p:sp>
      <p:sp>
        <p:nvSpPr>
          <p:cNvPr id="6147" name="AutoShape 4"/>
          <p:cNvSpPr>
            <a:spLocks noChangeAspect="1" noChangeArrowheads="1" noTextEdit="1"/>
          </p:cNvSpPr>
          <p:nvPr/>
        </p:nvSpPr>
        <p:spPr bwMode="auto">
          <a:xfrm>
            <a:off x="1525588" y="1404938"/>
            <a:ext cx="8355012" cy="2808287"/>
          </a:xfrm>
          <a:prstGeom prst="rect">
            <a:avLst/>
          </a:prstGeom>
          <a:solidFill>
            <a:schemeClr val="tx2"/>
          </a:solidFill>
          <a:ln w="9525">
            <a:noFill/>
            <a:miter lim="800000"/>
            <a:headEnd/>
            <a:tailEnd/>
          </a:ln>
        </p:spPr>
        <p:txBody>
          <a:bodyPr/>
          <a:lstStyle/>
          <a:p>
            <a:endParaRPr lang="en-US"/>
          </a:p>
        </p:txBody>
      </p:sp>
      <p:sp>
        <p:nvSpPr>
          <p:cNvPr id="6148" name="Rectangle 2"/>
          <p:cNvSpPr>
            <a:spLocks noGrp="1" noChangeArrowheads="1"/>
          </p:cNvSpPr>
          <p:nvPr>
            <p:ph type="title"/>
          </p:nvPr>
        </p:nvSpPr>
        <p:spPr/>
        <p:txBody>
          <a:bodyPr/>
          <a:lstStyle/>
          <a:p>
            <a:r>
              <a:rPr lang="en-GB" dirty="0" smtClean="0"/>
              <a:t>Economics on Wall Street</a:t>
            </a:r>
          </a:p>
        </p:txBody>
      </p:sp>
      <p:sp>
        <p:nvSpPr>
          <p:cNvPr id="6149" name="Text Box 13"/>
          <p:cNvSpPr txBox="1">
            <a:spLocks noChangeArrowheads="1"/>
          </p:cNvSpPr>
          <p:nvPr/>
        </p:nvSpPr>
        <p:spPr bwMode="blackGray">
          <a:xfrm>
            <a:off x="1985963" y="1693863"/>
            <a:ext cx="7391400" cy="2215991"/>
          </a:xfrm>
          <a:prstGeom prst="rect">
            <a:avLst/>
          </a:prstGeom>
          <a:noFill/>
          <a:ln w="9525">
            <a:noFill/>
            <a:miter lim="800000"/>
            <a:headEnd/>
            <a:tailEnd/>
          </a:ln>
        </p:spPr>
        <p:txBody>
          <a:bodyPr lIns="45720" rIns="45720">
            <a:spAutoFit/>
          </a:bodyPr>
          <a:lstStyle/>
          <a:p>
            <a:pPr>
              <a:buClr>
                <a:schemeClr val="accent1"/>
              </a:buClr>
              <a:buFontTx/>
              <a:buChar char="•"/>
            </a:pPr>
            <a:r>
              <a:rPr lang="en-US" sz="1800" dirty="0"/>
              <a:t> </a:t>
            </a:r>
            <a:r>
              <a:rPr lang="en-US" sz="1800" dirty="0" smtClean="0"/>
              <a:t>Non-financial business</a:t>
            </a:r>
            <a:endParaRPr lang="en-US" sz="1800" dirty="0"/>
          </a:p>
          <a:p>
            <a:pPr lvl="1">
              <a:buClr>
                <a:schemeClr val="accent1"/>
              </a:buClr>
              <a:buFontTx/>
              <a:buChar char="•"/>
            </a:pPr>
            <a:r>
              <a:rPr lang="en-US" sz="1800" dirty="0"/>
              <a:t> </a:t>
            </a:r>
            <a:r>
              <a:rPr lang="en-US" sz="1800" dirty="0" smtClean="0"/>
              <a:t>Only limited interest in macroeconomic trends </a:t>
            </a:r>
            <a:endParaRPr lang="en-US" sz="1800" dirty="0"/>
          </a:p>
          <a:p>
            <a:pPr lvl="1">
              <a:buClr>
                <a:schemeClr val="accent1"/>
              </a:buClr>
              <a:buFontTx/>
              <a:buChar char="•"/>
            </a:pPr>
            <a:r>
              <a:rPr lang="en-US" sz="1800" dirty="0"/>
              <a:t> </a:t>
            </a:r>
            <a:r>
              <a:rPr lang="en-US" sz="1800" dirty="0" smtClean="0"/>
              <a:t>More interest in microeconomics</a:t>
            </a:r>
            <a:endParaRPr lang="en-US" sz="1800" dirty="0"/>
          </a:p>
          <a:p>
            <a:pPr>
              <a:buFontTx/>
              <a:buChar char="•"/>
            </a:pPr>
            <a:endParaRPr lang="en-US" sz="1800" dirty="0"/>
          </a:p>
          <a:p>
            <a:pPr>
              <a:buClr>
                <a:schemeClr val="accent1"/>
              </a:buClr>
              <a:buFontTx/>
              <a:buChar char="•"/>
            </a:pPr>
            <a:r>
              <a:rPr lang="en-US" sz="1800" dirty="0"/>
              <a:t> </a:t>
            </a:r>
            <a:r>
              <a:rPr lang="en-US" sz="1800" dirty="0" smtClean="0"/>
              <a:t>Financial business</a:t>
            </a:r>
          </a:p>
          <a:p>
            <a:pPr lvl="1">
              <a:buClr>
                <a:schemeClr val="accent1"/>
              </a:buClr>
              <a:buFontTx/>
              <a:buChar char="•"/>
            </a:pPr>
            <a:r>
              <a:rPr lang="en-US" sz="1600" dirty="0"/>
              <a:t> </a:t>
            </a:r>
            <a:r>
              <a:rPr lang="en-US" sz="1600" dirty="0" smtClean="0"/>
              <a:t> Very interested in macroeconomics</a:t>
            </a:r>
          </a:p>
          <a:p>
            <a:pPr lvl="2">
              <a:buClr>
                <a:schemeClr val="accent1"/>
              </a:buClr>
              <a:buFontTx/>
              <a:buChar char="•"/>
            </a:pPr>
            <a:r>
              <a:rPr lang="en-US" sz="1600" dirty="0"/>
              <a:t> </a:t>
            </a:r>
            <a:r>
              <a:rPr lang="en-US" sz="1600" dirty="0" smtClean="0"/>
              <a:t>All asset classes affected</a:t>
            </a:r>
          </a:p>
          <a:p>
            <a:pPr lvl="2">
              <a:buClr>
                <a:schemeClr val="accent1"/>
              </a:buClr>
              <a:buFontTx/>
              <a:buChar char="•"/>
            </a:pPr>
            <a:r>
              <a:rPr lang="en-US" sz="1600" dirty="0" smtClean="0"/>
              <a:t> Extreme case: macro hedge funds</a:t>
            </a:r>
          </a:p>
        </p:txBody>
      </p:sp>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6146" name="Slide Number Placeholder 4"/>
          <p:cNvSpPr>
            <a:spLocks noGrp="1"/>
          </p:cNvSpPr>
          <p:nvPr>
            <p:ph type="sldNum" sz="quarter" idx="10"/>
          </p:nvPr>
        </p:nvSpPr>
        <p:spPr>
          <a:noFill/>
        </p:spPr>
        <p:txBody>
          <a:bodyPr/>
          <a:lstStyle/>
          <a:p>
            <a:fld id="{A9A116F7-225F-4145-A3FD-5315ED72B8EB}" type="slidenum">
              <a:rPr lang="en-US" smtClean="0"/>
              <a:pPr/>
              <a:t>3</a:t>
            </a:fld>
            <a:endParaRPr lang="en-US" smtClean="0"/>
          </a:p>
        </p:txBody>
      </p:sp>
      <p:sp>
        <p:nvSpPr>
          <p:cNvPr id="6147" name="AutoShape 4"/>
          <p:cNvSpPr>
            <a:spLocks noChangeAspect="1" noChangeArrowheads="1" noTextEdit="1"/>
          </p:cNvSpPr>
          <p:nvPr/>
        </p:nvSpPr>
        <p:spPr bwMode="auto">
          <a:xfrm>
            <a:off x="1525588" y="1404938"/>
            <a:ext cx="8355012" cy="2808287"/>
          </a:xfrm>
          <a:prstGeom prst="rect">
            <a:avLst/>
          </a:prstGeom>
          <a:solidFill>
            <a:schemeClr val="tx2"/>
          </a:solidFill>
          <a:ln w="9525">
            <a:noFill/>
            <a:miter lim="800000"/>
            <a:headEnd/>
            <a:tailEnd/>
          </a:ln>
        </p:spPr>
        <p:txBody>
          <a:bodyPr/>
          <a:lstStyle/>
          <a:p>
            <a:endParaRPr lang="en-US"/>
          </a:p>
        </p:txBody>
      </p:sp>
      <p:sp>
        <p:nvSpPr>
          <p:cNvPr id="6148" name="Rectangle 2"/>
          <p:cNvSpPr>
            <a:spLocks noGrp="1" noChangeArrowheads="1"/>
          </p:cNvSpPr>
          <p:nvPr>
            <p:ph type="title"/>
          </p:nvPr>
        </p:nvSpPr>
        <p:spPr/>
        <p:txBody>
          <a:bodyPr/>
          <a:lstStyle/>
          <a:p>
            <a:r>
              <a:rPr lang="en-GB" smtClean="0"/>
              <a:t>Macroeconomics and asset prices </a:t>
            </a:r>
          </a:p>
        </p:txBody>
      </p:sp>
      <p:sp>
        <p:nvSpPr>
          <p:cNvPr id="6149" name="Text Box 13"/>
          <p:cNvSpPr txBox="1">
            <a:spLocks noChangeArrowheads="1"/>
          </p:cNvSpPr>
          <p:nvPr/>
        </p:nvSpPr>
        <p:spPr bwMode="blackGray">
          <a:xfrm>
            <a:off x="1985963" y="1693863"/>
            <a:ext cx="7391400" cy="2289175"/>
          </a:xfrm>
          <a:prstGeom prst="rect">
            <a:avLst/>
          </a:prstGeom>
          <a:noFill/>
          <a:ln w="9525">
            <a:noFill/>
            <a:miter lim="800000"/>
            <a:headEnd/>
            <a:tailEnd/>
          </a:ln>
        </p:spPr>
        <p:txBody>
          <a:bodyPr lIns="45720" rIns="45720">
            <a:spAutoFit/>
          </a:bodyPr>
          <a:lstStyle/>
          <a:p>
            <a:pPr>
              <a:buClr>
                <a:schemeClr val="accent1"/>
              </a:buClr>
              <a:buFontTx/>
              <a:buChar char="•"/>
            </a:pPr>
            <a:r>
              <a:rPr lang="en-US" sz="1800"/>
              <a:t> In general, any asset price is the product of:</a:t>
            </a:r>
          </a:p>
          <a:p>
            <a:pPr lvl="1">
              <a:buClr>
                <a:schemeClr val="accent1"/>
              </a:buClr>
              <a:buFontTx/>
              <a:buChar char="•"/>
            </a:pPr>
            <a:r>
              <a:rPr lang="en-US" sz="1800"/>
              <a:t> an expected future payoff (for example, a coupon or a dividend) and </a:t>
            </a:r>
          </a:p>
          <a:p>
            <a:pPr lvl="1">
              <a:buClr>
                <a:schemeClr val="accent1"/>
              </a:buClr>
              <a:buFontTx/>
              <a:buChar char="•"/>
            </a:pPr>
            <a:r>
              <a:rPr lang="en-US" sz="1800"/>
              <a:t> how that future payoff is valued in today’s terms (that is, the interest rate used for discounting).</a:t>
            </a:r>
          </a:p>
          <a:p>
            <a:pPr>
              <a:buFontTx/>
              <a:buChar char="•"/>
            </a:pPr>
            <a:endParaRPr lang="en-US" sz="1800"/>
          </a:p>
          <a:p>
            <a:pPr>
              <a:buClr>
                <a:schemeClr val="accent1"/>
              </a:buClr>
              <a:buFontTx/>
              <a:buChar char="•"/>
            </a:pPr>
            <a:r>
              <a:rPr lang="en-US" sz="1800"/>
              <a:t> Macroeconomic forces influence both the asset’s payoff and the discounting factor, or interest rate.</a:t>
            </a:r>
            <a:endParaRPr lang="en-US" sz="1600"/>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7170" name="Slide Number Placeholder 3"/>
          <p:cNvSpPr>
            <a:spLocks noGrp="1"/>
          </p:cNvSpPr>
          <p:nvPr>
            <p:ph type="sldNum" sz="quarter" idx="10"/>
          </p:nvPr>
        </p:nvSpPr>
        <p:spPr>
          <a:noFill/>
        </p:spPr>
        <p:txBody>
          <a:bodyPr/>
          <a:lstStyle/>
          <a:p>
            <a:fld id="{FE68E348-13E7-45DF-844B-359F8C09E420}" type="slidenum">
              <a:rPr lang="en-US" smtClean="0"/>
              <a:pPr/>
              <a:t>4</a:t>
            </a:fld>
            <a:endParaRPr lang="en-US" smtClean="0"/>
          </a:p>
        </p:txBody>
      </p:sp>
      <p:sp>
        <p:nvSpPr>
          <p:cNvPr id="7171" name="Rectangle 7"/>
          <p:cNvSpPr>
            <a:spLocks noChangeArrowheads="1"/>
          </p:cNvSpPr>
          <p:nvPr/>
        </p:nvSpPr>
        <p:spPr bwMode="blackGray">
          <a:xfrm>
            <a:off x="1600200" y="4429125"/>
            <a:ext cx="4464050" cy="2519363"/>
          </a:xfrm>
          <a:prstGeom prst="rect">
            <a:avLst/>
          </a:prstGeom>
          <a:solidFill>
            <a:schemeClr val="tx2"/>
          </a:solidFill>
          <a:ln w="9525">
            <a:noFill/>
            <a:miter lim="800000"/>
            <a:headEnd/>
            <a:tailEnd/>
          </a:ln>
        </p:spPr>
        <p:txBody>
          <a:bodyPr wrap="none" lIns="45720" rIns="45720" anchor="ctr"/>
          <a:lstStyle/>
          <a:p>
            <a:endParaRPr lang="en-US"/>
          </a:p>
        </p:txBody>
      </p:sp>
      <p:sp>
        <p:nvSpPr>
          <p:cNvPr id="7172" name="Rectangle 5"/>
          <p:cNvSpPr>
            <a:spLocks noGrp="1" noChangeArrowheads="1"/>
          </p:cNvSpPr>
          <p:nvPr>
            <p:ph type="title"/>
          </p:nvPr>
        </p:nvSpPr>
        <p:spPr/>
        <p:txBody>
          <a:bodyPr/>
          <a:lstStyle/>
          <a:p>
            <a:r>
              <a:rPr lang="en-US" dirty="0" smtClean="0"/>
              <a:t>Interest rates and macroeconomics</a:t>
            </a:r>
          </a:p>
        </p:txBody>
      </p:sp>
      <p:sp>
        <p:nvSpPr>
          <p:cNvPr id="7173" name="Rectangle 8"/>
          <p:cNvSpPr>
            <a:spLocks noChangeArrowheads="1"/>
          </p:cNvSpPr>
          <p:nvPr/>
        </p:nvSpPr>
        <p:spPr bwMode="blackGray">
          <a:xfrm>
            <a:off x="1600200" y="4213225"/>
            <a:ext cx="4464050" cy="287338"/>
          </a:xfrm>
          <a:prstGeom prst="rect">
            <a:avLst/>
          </a:prstGeom>
          <a:solidFill>
            <a:schemeClr val="bg2"/>
          </a:solidFill>
          <a:ln w="9525">
            <a:noFill/>
            <a:miter lim="800000"/>
            <a:headEnd/>
            <a:tailEnd/>
          </a:ln>
        </p:spPr>
        <p:txBody>
          <a:bodyPr wrap="none" lIns="45720" rIns="45720" anchor="ctr"/>
          <a:lstStyle/>
          <a:p>
            <a:r>
              <a:rPr lang="en-US">
                <a:solidFill>
                  <a:schemeClr val="bg1"/>
                </a:solidFill>
              </a:rPr>
              <a:t>Taylor rule and target federal funds rate</a:t>
            </a:r>
          </a:p>
        </p:txBody>
      </p:sp>
      <p:sp>
        <p:nvSpPr>
          <p:cNvPr id="7174" name="Text Box 10"/>
          <p:cNvSpPr txBox="1">
            <a:spLocks noChangeArrowheads="1"/>
          </p:cNvSpPr>
          <p:nvPr/>
        </p:nvSpPr>
        <p:spPr bwMode="blackGray">
          <a:xfrm>
            <a:off x="1887538" y="1189038"/>
            <a:ext cx="8459787" cy="2838450"/>
          </a:xfrm>
          <a:prstGeom prst="rect">
            <a:avLst/>
          </a:prstGeom>
          <a:noFill/>
          <a:ln w="9525">
            <a:noFill/>
            <a:miter lim="800000"/>
            <a:headEnd/>
            <a:tailEnd/>
          </a:ln>
        </p:spPr>
        <p:txBody>
          <a:bodyPr wrap="none" lIns="45720" rIns="45720">
            <a:spAutoFit/>
          </a:bodyPr>
          <a:lstStyle/>
          <a:p>
            <a:pPr>
              <a:buFontTx/>
              <a:buChar char="•"/>
            </a:pPr>
            <a:r>
              <a:rPr lang="en-US" sz="1800" dirty="0"/>
              <a:t> Simplest asset: Treasury security (no </a:t>
            </a:r>
            <a:r>
              <a:rPr lang="en-US" sz="1800" dirty="0" smtClean="0"/>
              <a:t>risk*, </a:t>
            </a:r>
            <a:r>
              <a:rPr lang="en-US" sz="1800" dirty="0"/>
              <a:t>no embedded options).</a:t>
            </a:r>
          </a:p>
          <a:p>
            <a:pPr>
              <a:buFontTx/>
              <a:buChar char="•"/>
            </a:pPr>
            <a:r>
              <a:rPr lang="en-US" sz="1800" dirty="0"/>
              <a:t> Payoff is simple, what’s interesting is the discounting: the interest rate.</a:t>
            </a:r>
          </a:p>
          <a:p>
            <a:pPr>
              <a:buFontTx/>
              <a:buChar char="•"/>
            </a:pPr>
            <a:r>
              <a:rPr lang="en-US" sz="1800" dirty="0"/>
              <a:t> Long term interest rates = expected average short term interest rate + term</a:t>
            </a:r>
          </a:p>
          <a:p>
            <a:pPr lvl="1"/>
            <a:r>
              <a:rPr lang="en-US" sz="1800" dirty="0"/>
              <a:t>premium. </a:t>
            </a:r>
          </a:p>
          <a:p>
            <a:pPr>
              <a:buFontTx/>
              <a:buChar char="•"/>
            </a:pPr>
            <a:r>
              <a:rPr lang="en-US" sz="1800" dirty="0"/>
              <a:t> Shortest-term interest rate set by the central bank.</a:t>
            </a:r>
          </a:p>
          <a:p>
            <a:pPr lvl="1">
              <a:buFontTx/>
              <a:buChar char="•"/>
            </a:pPr>
            <a:r>
              <a:rPr lang="en-US" sz="1800" dirty="0"/>
              <a:t> Central bank sets short term rate following news on growth and inflation.</a:t>
            </a:r>
          </a:p>
          <a:p>
            <a:pPr>
              <a:buFontTx/>
              <a:buChar char="•"/>
            </a:pPr>
            <a:r>
              <a:rPr lang="en-US" sz="1800" dirty="0"/>
              <a:t> Thus, Treasury rates are expectations of central bank action on </a:t>
            </a:r>
          </a:p>
          <a:p>
            <a:pPr lvl="1"/>
            <a:r>
              <a:rPr lang="en-US" sz="1800" dirty="0"/>
              <a:t>growth and inflation.</a:t>
            </a:r>
          </a:p>
          <a:p>
            <a:pPr>
              <a:buFontTx/>
              <a:buChar char="•"/>
            </a:pPr>
            <a:r>
              <a:rPr lang="en-US" sz="1800" dirty="0"/>
              <a:t> Very long term rate (30 years) the influence of current economic developments</a:t>
            </a:r>
          </a:p>
          <a:p>
            <a:pPr lvl="1"/>
            <a:r>
              <a:rPr lang="en-US" sz="1800" dirty="0"/>
              <a:t>is limited. Shorter duration (2 years) more influenced by current economy.</a:t>
            </a:r>
          </a:p>
        </p:txBody>
      </p:sp>
      <p:pic>
        <p:nvPicPr>
          <p:cNvPr id="7175" name="Picture 14"/>
          <p:cNvPicPr>
            <a:picLocks noChangeAspect="1" noChangeArrowheads="1"/>
          </p:cNvPicPr>
          <p:nvPr/>
        </p:nvPicPr>
        <p:blipFill>
          <a:blip r:embed="rId2" cstate="print"/>
          <a:srcRect/>
          <a:stretch>
            <a:fillRect/>
          </a:stretch>
        </p:blipFill>
        <p:spPr bwMode="blackGray">
          <a:xfrm>
            <a:off x="1376363" y="4213225"/>
            <a:ext cx="4832350" cy="2736850"/>
          </a:xfrm>
          <a:prstGeom prst="rect">
            <a:avLst/>
          </a:prstGeom>
          <a:noFill/>
          <a:ln w="9525">
            <a:noFill/>
            <a:miter lim="800000"/>
            <a:headEnd/>
            <a:tailEnd/>
          </a:ln>
        </p:spPr>
      </p:pic>
      <p:sp>
        <p:nvSpPr>
          <p:cNvPr id="7176" name="Text Box 12"/>
          <p:cNvSpPr txBox="1">
            <a:spLocks noChangeArrowheads="1"/>
          </p:cNvSpPr>
          <p:nvPr/>
        </p:nvSpPr>
        <p:spPr bwMode="blackGray">
          <a:xfrm>
            <a:off x="6594475" y="4473575"/>
            <a:ext cx="3686175" cy="1570038"/>
          </a:xfrm>
          <a:prstGeom prst="rect">
            <a:avLst/>
          </a:prstGeom>
          <a:noFill/>
          <a:ln w="9525">
            <a:noFill/>
            <a:miter lim="800000"/>
            <a:headEnd/>
            <a:tailEnd/>
          </a:ln>
        </p:spPr>
        <p:txBody>
          <a:bodyPr lIns="45720" rIns="45720">
            <a:spAutoFit/>
          </a:bodyPr>
          <a:lstStyle/>
          <a:p>
            <a:r>
              <a:rPr lang="en-US" sz="1600" i="1"/>
              <a:t>Taylor rule: rough formula that describes how a central bank should set short-term interest rates. From the rule, short-term rates rise with inflation and fall with the unemployment gap.</a:t>
            </a:r>
          </a:p>
        </p:txBody>
      </p:sp>
      <p:sp>
        <p:nvSpPr>
          <p:cNvPr id="7177" name="Rectangle 13"/>
          <p:cNvSpPr>
            <a:spLocks noChangeArrowheads="1"/>
          </p:cNvSpPr>
          <p:nvPr/>
        </p:nvSpPr>
        <p:spPr bwMode="blackGray">
          <a:xfrm>
            <a:off x="6424613" y="4357688"/>
            <a:ext cx="3887787" cy="1800225"/>
          </a:xfrm>
          <a:prstGeom prst="rect">
            <a:avLst/>
          </a:prstGeom>
          <a:noFill/>
          <a:ln w="9525">
            <a:solidFill>
              <a:schemeClr val="tx1"/>
            </a:solidFill>
            <a:miter lim="800000"/>
            <a:headEnd/>
            <a:tailEnd/>
          </a:ln>
        </p:spPr>
        <p:txBody>
          <a:bodyPr wrap="none" lIns="45720" rIns="45720" anchor="ctr"/>
          <a:lstStyle/>
          <a:p>
            <a:endParaRPr lang="en-US"/>
          </a:p>
        </p:txBody>
      </p:sp>
    </p:spTree>
  </p:cSld>
  <p:clrMapOvr>
    <a:masterClrMapping/>
  </p:clrMapOvr>
</p:sld>
</file>

<file path=ppt/slides/slide6.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8194" name="Slide Number Placeholder 3"/>
          <p:cNvSpPr>
            <a:spLocks noGrp="1"/>
          </p:cNvSpPr>
          <p:nvPr>
            <p:ph type="sldNum" sz="quarter" idx="10"/>
          </p:nvPr>
        </p:nvSpPr>
        <p:spPr>
          <a:noFill/>
        </p:spPr>
        <p:txBody>
          <a:bodyPr/>
          <a:lstStyle/>
          <a:p>
            <a:fld id="{7761B71C-D227-49EC-9097-90D779A0EB99}" type="slidenum">
              <a:rPr lang="en-US" smtClean="0"/>
              <a:pPr/>
              <a:t>5</a:t>
            </a:fld>
            <a:endParaRPr lang="en-US" smtClean="0"/>
          </a:p>
        </p:txBody>
      </p:sp>
      <p:sp>
        <p:nvSpPr>
          <p:cNvPr id="8195" name="Rectangle 9"/>
          <p:cNvSpPr>
            <a:spLocks noChangeArrowheads="1"/>
          </p:cNvSpPr>
          <p:nvPr/>
        </p:nvSpPr>
        <p:spPr bwMode="blackGray">
          <a:xfrm>
            <a:off x="1887538" y="3781425"/>
            <a:ext cx="4248150" cy="287338"/>
          </a:xfrm>
          <a:prstGeom prst="rect">
            <a:avLst/>
          </a:prstGeom>
          <a:solidFill>
            <a:schemeClr val="bg2"/>
          </a:solidFill>
          <a:ln w="9525">
            <a:noFill/>
            <a:miter lim="800000"/>
            <a:headEnd/>
            <a:tailEnd/>
          </a:ln>
        </p:spPr>
        <p:txBody>
          <a:bodyPr wrap="none" lIns="45720" rIns="45720" anchor="ctr"/>
          <a:lstStyle/>
          <a:p>
            <a:endParaRPr lang="en-US"/>
          </a:p>
        </p:txBody>
      </p:sp>
      <p:sp>
        <p:nvSpPr>
          <p:cNvPr id="8196" name="Rectangle 7"/>
          <p:cNvSpPr>
            <a:spLocks noChangeArrowheads="1"/>
          </p:cNvSpPr>
          <p:nvPr/>
        </p:nvSpPr>
        <p:spPr bwMode="blackGray">
          <a:xfrm>
            <a:off x="1887538" y="4068763"/>
            <a:ext cx="4248150" cy="2233612"/>
          </a:xfrm>
          <a:prstGeom prst="rect">
            <a:avLst/>
          </a:prstGeom>
          <a:solidFill>
            <a:schemeClr val="tx2"/>
          </a:solidFill>
          <a:ln w="9525">
            <a:noFill/>
            <a:miter lim="800000"/>
            <a:headEnd/>
            <a:tailEnd/>
          </a:ln>
        </p:spPr>
        <p:txBody>
          <a:bodyPr wrap="none" lIns="45720" rIns="45720" anchor="ctr"/>
          <a:lstStyle/>
          <a:p>
            <a:endParaRPr lang="en-US"/>
          </a:p>
        </p:txBody>
      </p:sp>
      <p:sp>
        <p:nvSpPr>
          <p:cNvPr id="8197" name="Rectangle 2"/>
          <p:cNvSpPr>
            <a:spLocks noGrp="1" noChangeArrowheads="1"/>
          </p:cNvSpPr>
          <p:nvPr>
            <p:ph type="title"/>
          </p:nvPr>
        </p:nvSpPr>
        <p:spPr/>
        <p:txBody>
          <a:bodyPr/>
          <a:lstStyle/>
          <a:p>
            <a:r>
              <a:rPr lang="en-US" smtClean="0"/>
              <a:t>Credit and macroeconomics</a:t>
            </a:r>
          </a:p>
        </p:txBody>
      </p:sp>
      <p:sp>
        <p:nvSpPr>
          <p:cNvPr id="8198" name="Text Box 4"/>
          <p:cNvSpPr txBox="1">
            <a:spLocks noChangeArrowheads="1"/>
          </p:cNvSpPr>
          <p:nvPr/>
        </p:nvSpPr>
        <p:spPr bwMode="blackGray">
          <a:xfrm>
            <a:off x="1455738" y="1333500"/>
            <a:ext cx="8728608" cy="1754326"/>
          </a:xfrm>
          <a:prstGeom prst="rect">
            <a:avLst/>
          </a:prstGeom>
          <a:noFill/>
          <a:ln w="9525">
            <a:noFill/>
            <a:miter lim="800000"/>
            <a:headEnd/>
            <a:tailEnd/>
          </a:ln>
        </p:spPr>
        <p:txBody>
          <a:bodyPr wrap="none" lIns="45720" rIns="45720">
            <a:spAutoFit/>
          </a:bodyPr>
          <a:lstStyle/>
          <a:p>
            <a:pPr>
              <a:buFontTx/>
              <a:buChar char="•"/>
            </a:pPr>
            <a:r>
              <a:rPr lang="en-US" sz="1800" dirty="0"/>
              <a:t> Credit: a claim on corporations operating income. </a:t>
            </a:r>
            <a:endParaRPr lang="en-US" sz="1800" dirty="0" smtClean="0"/>
          </a:p>
          <a:p>
            <a:endParaRPr lang="en-US" sz="1800" dirty="0"/>
          </a:p>
          <a:p>
            <a:pPr>
              <a:buFontTx/>
              <a:buChar char="•"/>
            </a:pPr>
            <a:r>
              <a:rPr lang="en-US" sz="1800" dirty="0"/>
              <a:t> Credit returns are commonly cited as a spread over comparable Treasury returns</a:t>
            </a:r>
            <a:r>
              <a:rPr lang="en-US" sz="1800" dirty="0" smtClean="0"/>
              <a:t>.</a:t>
            </a:r>
          </a:p>
          <a:p>
            <a:endParaRPr lang="en-US" sz="1800" dirty="0"/>
          </a:p>
          <a:p>
            <a:pPr>
              <a:buFontTx/>
              <a:buChar char="•"/>
            </a:pPr>
            <a:r>
              <a:rPr lang="en-US" sz="1800" dirty="0"/>
              <a:t> Credit spreads a reflection of default risk, and investors appetite for that risk.</a:t>
            </a:r>
          </a:p>
          <a:p>
            <a:pPr lvl="1">
              <a:buFontTx/>
              <a:buChar char="•"/>
            </a:pPr>
            <a:r>
              <a:rPr lang="en-US" sz="1800" dirty="0"/>
              <a:t> Stronger growth -&gt; lower default risk. </a:t>
            </a:r>
          </a:p>
        </p:txBody>
      </p:sp>
      <p:sp>
        <p:nvSpPr>
          <p:cNvPr id="8199" name="Text Box 10"/>
          <p:cNvSpPr txBox="1">
            <a:spLocks noChangeArrowheads="1"/>
          </p:cNvSpPr>
          <p:nvPr/>
        </p:nvSpPr>
        <p:spPr bwMode="blackGray">
          <a:xfrm>
            <a:off x="1985963" y="3803650"/>
            <a:ext cx="2413000" cy="274638"/>
          </a:xfrm>
          <a:prstGeom prst="rect">
            <a:avLst/>
          </a:prstGeom>
          <a:noFill/>
          <a:ln w="9525">
            <a:noFill/>
            <a:miter lim="800000"/>
            <a:headEnd/>
            <a:tailEnd/>
          </a:ln>
        </p:spPr>
        <p:txBody>
          <a:bodyPr wrap="none" lIns="45720" rIns="45720">
            <a:spAutoFit/>
          </a:bodyPr>
          <a:lstStyle/>
          <a:p>
            <a:r>
              <a:rPr lang="en-US">
                <a:solidFill>
                  <a:schemeClr val="bg1"/>
                </a:solidFill>
              </a:rPr>
              <a:t>High-yield credit spreads and EASI</a:t>
            </a:r>
          </a:p>
        </p:txBody>
      </p:sp>
      <p:pic>
        <p:nvPicPr>
          <p:cNvPr id="8200" name="Picture 11"/>
          <p:cNvPicPr>
            <a:picLocks noChangeAspect="1" noChangeArrowheads="1"/>
          </p:cNvPicPr>
          <p:nvPr/>
        </p:nvPicPr>
        <p:blipFill>
          <a:blip r:embed="rId2" cstate="print"/>
          <a:srcRect/>
          <a:stretch>
            <a:fillRect/>
          </a:stretch>
        </p:blipFill>
        <p:spPr bwMode="blackGray">
          <a:xfrm>
            <a:off x="1671638" y="3763963"/>
            <a:ext cx="4608512" cy="2825750"/>
          </a:xfrm>
          <a:prstGeom prst="rect">
            <a:avLst/>
          </a:prstGeom>
          <a:noFill/>
          <a:ln w="9525">
            <a:noFill/>
            <a:miter lim="800000"/>
            <a:headEnd/>
            <a:tailEnd/>
          </a:ln>
        </p:spPr>
      </p:pic>
      <p:sp>
        <p:nvSpPr>
          <p:cNvPr id="8201" name="Text Box 12"/>
          <p:cNvSpPr txBox="1">
            <a:spLocks noChangeArrowheads="1"/>
          </p:cNvSpPr>
          <p:nvPr/>
        </p:nvSpPr>
        <p:spPr bwMode="blackGray">
          <a:xfrm>
            <a:off x="6594475" y="4473575"/>
            <a:ext cx="3686175" cy="1069975"/>
          </a:xfrm>
          <a:prstGeom prst="rect">
            <a:avLst/>
          </a:prstGeom>
          <a:noFill/>
          <a:ln w="9525">
            <a:noFill/>
            <a:miter lim="800000"/>
            <a:headEnd/>
            <a:tailEnd/>
          </a:ln>
        </p:spPr>
        <p:txBody>
          <a:bodyPr wrap="none" lIns="45720" rIns="45720">
            <a:spAutoFit/>
          </a:bodyPr>
          <a:lstStyle/>
          <a:p>
            <a:r>
              <a:rPr lang="en-US" sz="1600" i="1"/>
              <a:t>EASI: Economic Activity Surprise Index.</a:t>
            </a:r>
          </a:p>
          <a:p>
            <a:r>
              <a:rPr lang="en-US" sz="1600" i="1"/>
              <a:t>A measure of the degree to which </a:t>
            </a:r>
          </a:p>
          <a:p>
            <a:r>
              <a:rPr lang="en-US" sz="1600" i="1"/>
              <a:t>economic indicators were surprisingly</a:t>
            </a:r>
          </a:p>
          <a:p>
            <a:r>
              <a:rPr lang="en-US" sz="1600" i="1"/>
              <a:t>strong (+) or weak (-).</a:t>
            </a:r>
          </a:p>
        </p:txBody>
      </p:sp>
      <p:sp>
        <p:nvSpPr>
          <p:cNvPr id="8202" name="Rectangle 13"/>
          <p:cNvSpPr>
            <a:spLocks noChangeArrowheads="1"/>
          </p:cNvSpPr>
          <p:nvPr/>
        </p:nvSpPr>
        <p:spPr bwMode="blackGray">
          <a:xfrm>
            <a:off x="6424613" y="4502150"/>
            <a:ext cx="3887787" cy="1150938"/>
          </a:xfrm>
          <a:prstGeom prst="rect">
            <a:avLst/>
          </a:prstGeom>
          <a:noFill/>
          <a:ln w="9525">
            <a:solidFill>
              <a:schemeClr val="tx1"/>
            </a:solidFill>
            <a:miter lim="800000"/>
            <a:headEnd/>
            <a:tailEnd/>
          </a:ln>
        </p:spPr>
        <p:txBody>
          <a:bodyPr wrap="none" lIns="45720" rIns="45720" anchor="ctr"/>
          <a:lstStyle/>
          <a:p>
            <a:endParaRPr lang="en-US"/>
          </a:p>
        </p:txBody>
      </p:sp>
    </p:spTree>
  </p:cSld>
  <p:clrMapOvr>
    <a:masterClrMapping/>
  </p:clrMapOvr>
</p:sld>
</file>

<file path=ppt/slides/slide7.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9218" name="Slide Number Placeholder 3"/>
          <p:cNvSpPr>
            <a:spLocks noGrp="1"/>
          </p:cNvSpPr>
          <p:nvPr>
            <p:ph type="sldNum" sz="quarter" idx="10"/>
          </p:nvPr>
        </p:nvSpPr>
        <p:spPr>
          <a:noFill/>
        </p:spPr>
        <p:txBody>
          <a:bodyPr/>
          <a:lstStyle/>
          <a:p>
            <a:fld id="{A18F3079-5FA9-4FF8-BFAB-C01984A07B0D}" type="slidenum">
              <a:rPr lang="en-US" smtClean="0"/>
              <a:pPr/>
              <a:t>6</a:t>
            </a:fld>
            <a:endParaRPr lang="en-US" smtClean="0"/>
          </a:p>
        </p:txBody>
      </p:sp>
      <p:sp>
        <p:nvSpPr>
          <p:cNvPr id="9219" name="Rectangle 9"/>
          <p:cNvSpPr>
            <a:spLocks noChangeArrowheads="1"/>
          </p:cNvSpPr>
          <p:nvPr/>
        </p:nvSpPr>
        <p:spPr bwMode="blackGray">
          <a:xfrm>
            <a:off x="1887538" y="4286250"/>
            <a:ext cx="4392612" cy="2232025"/>
          </a:xfrm>
          <a:prstGeom prst="rect">
            <a:avLst/>
          </a:prstGeom>
          <a:solidFill>
            <a:schemeClr val="tx2"/>
          </a:solidFill>
          <a:ln w="9525">
            <a:noFill/>
            <a:miter lim="800000"/>
            <a:headEnd/>
            <a:tailEnd/>
          </a:ln>
        </p:spPr>
        <p:txBody>
          <a:bodyPr wrap="none" lIns="45720" rIns="45720" anchor="ctr"/>
          <a:lstStyle/>
          <a:p>
            <a:endParaRPr lang="en-US"/>
          </a:p>
        </p:txBody>
      </p:sp>
      <p:sp>
        <p:nvSpPr>
          <p:cNvPr id="9220" name="Rectangle 7"/>
          <p:cNvSpPr>
            <a:spLocks noGrp="1" noChangeArrowheads="1"/>
          </p:cNvSpPr>
          <p:nvPr>
            <p:ph type="title"/>
          </p:nvPr>
        </p:nvSpPr>
        <p:spPr/>
        <p:txBody>
          <a:bodyPr/>
          <a:lstStyle/>
          <a:p>
            <a:r>
              <a:rPr lang="en-US" smtClean="0"/>
              <a:t>Equities and macroeconomics</a:t>
            </a:r>
          </a:p>
        </p:txBody>
      </p:sp>
      <p:sp>
        <p:nvSpPr>
          <p:cNvPr id="9221" name="Rectangle 5"/>
          <p:cNvSpPr>
            <a:spLocks noChangeArrowheads="1"/>
          </p:cNvSpPr>
          <p:nvPr/>
        </p:nvSpPr>
        <p:spPr bwMode="blackGray">
          <a:xfrm>
            <a:off x="1887538" y="4068763"/>
            <a:ext cx="4392612" cy="217487"/>
          </a:xfrm>
          <a:prstGeom prst="rect">
            <a:avLst/>
          </a:prstGeom>
          <a:solidFill>
            <a:schemeClr val="bg2"/>
          </a:solidFill>
          <a:ln w="9525">
            <a:noFill/>
            <a:miter lim="800000"/>
            <a:headEnd/>
            <a:tailEnd/>
          </a:ln>
        </p:spPr>
        <p:txBody>
          <a:bodyPr wrap="none" lIns="45720" rIns="45720" anchor="ctr"/>
          <a:lstStyle/>
          <a:p>
            <a:r>
              <a:rPr lang="en-US">
                <a:solidFill>
                  <a:schemeClr val="bg1"/>
                </a:solidFill>
              </a:rPr>
              <a:t>DJIA and the EASI</a:t>
            </a:r>
          </a:p>
        </p:txBody>
      </p:sp>
      <p:sp>
        <p:nvSpPr>
          <p:cNvPr id="9222" name="Text Box 10"/>
          <p:cNvSpPr txBox="1">
            <a:spLocks noChangeArrowheads="1"/>
          </p:cNvSpPr>
          <p:nvPr/>
        </p:nvSpPr>
        <p:spPr bwMode="blackGray">
          <a:xfrm>
            <a:off x="1816100" y="1404938"/>
            <a:ext cx="7993063" cy="2014537"/>
          </a:xfrm>
          <a:prstGeom prst="rect">
            <a:avLst/>
          </a:prstGeom>
          <a:noFill/>
          <a:ln w="9525">
            <a:noFill/>
            <a:miter lim="800000"/>
            <a:headEnd/>
            <a:tailEnd/>
          </a:ln>
        </p:spPr>
        <p:txBody>
          <a:bodyPr lIns="45720" rIns="45720">
            <a:spAutoFit/>
          </a:bodyPr>
          <a:lstStyle/>
          <a:p>
            <a:pPr>
              <a:buFontTx/>
              <a:buChar char="•"/>
            </a:pPr>
            <a:r>
              <a:rPr lang="en-US" sz="1800"/>
              <a:t> Equity asset pricing: discounted stream of future corporate earnings.</a:t>
            </a:r>
          </a:p>
          <a:p>
            <a:pPr>
              <a:buFontTx/>
              <a:buChar char="•"/>
            </a:pPr>
            <a:r>
              <a:rPr lang="en-US" sz="1800"/>
              <a:t> Discount factor is interest rates</a:t>
            </a:r>
          </a:p>
          <a:p>
            <a:pPr lvl="1">
              <a:buFontTx/>
              <a:buChar char="•"/>
            </a:pPr>
            <a:r>
              <a:rPr lang="en-US" sz="1800"/>
              <a:t> Strong growth, higher inflation -&gt; higher interest rate -&gt; lower equity prices.</a:t>
            </a:r>
          </a:p>
          <a:p>
            <a:pPr>
              <a:buFontTx/>
              <a:buChar char="•"/>
            </a:pPr>
            <a:r>
              <a:rPr lang="en-US" sz="1800"/>
              <a:t> Corporate earnings: revenue less expenses. Revenue growth tied to  	economic growth.</a:t>
            </a:r>
          </a:p>
          <a:p>
            <a:pPr lvl="1">
              <a:buFontTx/>
              <a:buChar char="•"/>
            </a:pPr>
            <a:r>
              <a:rPr lang="en-US" sz="1800"/>
              <a:t> Strong growth -&gt; higher earnings -&gt; higher equity prices.</a:t>
            </a:r>
          </a:p>
        </p:txBody>
      </p:sp>
      <p:sp>
        <p:nvSpPr>
          <p:cNvPr id="9223" name="Text Box 11"/>
          <p:cNvSpPr txBox="1">
            <a:spLocks noChangeArrowheads="1"/>
          </p:cNvSpPr>
          <p:nvPr/>
        </p:nvSpPr>
        <p:spPr bwMode="blackGray">
          <a:xfrm>
            <a:off x="6927850" y="3997325"/>
            <a:ext cx="3313113" cy="2289175"/>
          </a:xfrm>
          <a:prstGeom prst="rect">
            <a:avLst/>
          </a:prstGeom>
          <a:noFill/>
          <a:ln w="9525">
            <a:noFill/>
            <a:miter lim="800000"/>
            <a:headEnd/>
            <a:tailEnd/>
          </a:ln>
        </p:spPr>
        <p:txBody>
          <a:bodyPr wrap="none" lIns="45720" rIns="45720">
            <a:spAutoFit/>
          </a:bodyPr>
          <a:lstStyle/>
          <a:p>
            <a:r>
              <a:rPr lang="en-US" sz="1800"/>
              <a:t>Unlike interest rates, equity</a:t>
            </a:r>
          </a:p>
          <a:p>
            <a:r>
              <a:rPr lang="en-US" sz="1800"/>
              <a:t>prices don’t have a simple </a:t>
            </a:r>
          </a:p>
          <a:p>
            <a:r>
              <a:rPr lang="en-US" sz="1800"/>
              <a:t>relation to macroeconomic </a:t>
            </a:r>
          </a:p>
          <a:p>
            <a:r>
              <a:rPr lang="en-US" sz="1800"/>
              <a:t>variables. Equities like growth,</a:t>
            </a:r>
          </a:p>
          <a:p>
            <a:r>
              <a:rPr lang="en-US" sz="1800"/>
              <a:t>but not so much growth that </a:t>
            </a:r>
          </a:p>
          <a:p>
            <a:r>
              <a:rPr lang="en-US" sz="1800"/>
              <a:t>the central bank raises interest</a:t>
            </a:r>
          </a:p>
          <a:p>
            <a:r>
              <a:rPr lang="en-US" sz="1800"/>
              <a:t>rates.</a:t>
            </a:r>
          </a:p>
          <a:p>
            <a:endParaRPr lang="en-US" sz="1800"/>
          </a:p>
        </p:txBody>
      </p:sp>
      <p:sp>
        <p:nvSpPr>
          <p:cNvPr id="9224" name="Rectangle 12"/>
          <p:cNvSpPr>
            <a:spLocks noChangeArrowheads="1"/>
          </p:cNvSpPr>
          <p:nvPr/>
        </p:nvSpPr>
        <p:spPr bwMode="blackGray">
          <a:xfrm>
            <a:off x="6711950" y="3925888"/>
            <a:ext cx="3673475" cy="2232025"/>
          </a:xfrm>
          <a:prstGeom prst="rect">
            <a:avLst/>
          </a:prstGeom>
          <a:noFill/>
          <a:ln w="9525">
            <a:solidFill>
              <a:schemeClr val="tx1"/>
            </a:solidFill>
            <a:miter lim="800000"/>
            <a:headEnd/>
            <a:tailEnd/>
          </a:ln>
        </p:spPr>
        <p:txBody>
          <a:bodyPr wrap="none" lIns="45720" rIns="45720" anchor="ctr"/>
          <a:lstStyle/>
          <a:p>
            <a:endParaRPr lang="en-US"/>
          </a:p>
        </p:txBody>
      </p:sp>
      <p:pic>
        <p:nvPicPr>
          <p:cNvPr id="9225" name="Picture 13"/>
          <p:cNvPicPr>
            <a:picLocks noChangeAspect="1" noChangeArrowheads="1"/>
          </p:cNvPicPr>
          <p:nvPr/>
        </p:nvPicPr>
        <p:blipFill>
          <a:blip r:embed="rId2" cstate="print"/>
          <a:srcRect/>
          <a:stretch>
            <a:fillRect/>
          </a:stretch>
        </p:blipFill>
        <p:spPr bwMode="blackGray">
          <a:xfrm>
            <a:off x="1719263" y="3925888"/>
            <a:ext cx="4705350" cy="2951162"/>
          </a:xfrm>
          <a:prstGeom prst="rect">
            <a:avLst/>
          </a:prstGeom>
          <a:noFill/>
          <a:ln w="9525">
            <a:noFill/>
            <a:miter lim="800000"/>
            <a:headEnd/>
            <a:tailEnd/>
          </a:ln>
        </p:spPr>
      </p:pic>
    </p:spTree>
  </p:cSld>
  <p:clrMapOvr>
    <a:masterClrMapping/>
  </p:clrMapOvr>
</p:sld>
</file>

<file path=ppt/slides/slide8.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0242" name="Slide Number Placeholder 3"/>
          <p:cNvSpPr>
            <a:spLocks noGrp="1"/>
          </p:cNvSpPr>
          <p:nvPr>
            <p:ph type="sldNum" sz="quarter" idx="10"/>
          </p:nvPr>
        </p:nvSpPr>
        <p:spPr>
          <a:noFill/>
        </p:spPr>
        <p:txBody>
          <a:bodyPr/>
          <a:lstStyle/>
          <a:p>
            <a:fld id="{59F8F4F3-FC4B-4177-B893-F0461B4A4F12}" type="slidenum">
              <a:rPr lang="en-US" smtClean="0"/>
              <a:pPr/>
              <a:t>7</a:t>
            </a:fld>
            <a:endParaRPr lang="en-US" smtClean="0"/>
          </a:p>
        </p:txBody>
      </p:sp>
      <p:sp>
        <p:nvSpPr>
          <p:cNvPr id="10243" name="Rectangle 7"/>
          <p:cNvSpPr>
            <a:spLocks noChangeArrowheads="1"/>
          </p:cNvSpPr>
          <p:nvPr/>
        </p:nvSpPr>
        <p:spPr bwMode="blackGray">
          <a:xfrm>
            <a:off x="1887538" y="4357688"/>
            <a:ext cx="4248150" cy="2160587"/>
          </a:xfrm>
          <a:prstGeom prst="rect">
            <a:avLst/>
          </a:prstGeom>
          <a:solidFill>
            <a:schemeClr val="tx2"/>
          </a:solidFill>
          <a:ln w="9525">
            <a:noFill/>
            <a:miter lim="800000"/>
            <a:headEnd/>
            <a:tailEnd/>
          </a:ln>
        </p:spPr>
        <p:txBody>
          <a:bodyPr wrap="none" lIns="45720" rIns="45720" anchor="ctr"/>
          <a:lstStyle/>
          <a:p>
            <a:endParaRPr lang="en-US"/>
          </a:p>
        </p:txBody>
      </p:sp>
      <p:sp>
        <p:nvSpPr>
          <p:cNvPr id="10244" name="Rectangle 2"/>
          <p:cNvSpPr>
            <a:spLocks noGrp="1" noChangeArrowheads="1"/>
          </p:cNvSpPr>
          <p:nvPr>
            <p:ph type="title"/>
          </p:nvPr>
        </p:nvSpPr>
        <p:spPr/>
        <p:txBody>
          <a:bodyPr/>
          <a:lstStyle/>
          <a:p>
            <a:r>
              <a:rPr lang="en-US" smtClean="0"/>
              <a:t>Currencies and macroeconomics</a:t>
            </a:r>
          </a:p>
        </p:txBody>
      </p:sp>
      <p:sp>
        <p:nvSpPr>
          <p:cNvPr id="10245" name="Text Box 4"/>
          <p:cNvSpPr txBox="1">
            <a:spLocks noChangeArrowheads="1"/>
          </p:cNvSpPr>
          <p:nvPr/>
        </p:nvSpPr>
        <p:spPr bwMode="blackGray">
          <a:xfrm>
            <a:off x="1887538" y="1189038"/>
            <a:ext cx="7791450" cy="2838450"/>
          </a:xfrm>
          <a:prstGeom prst="rect">
            <a:avLst/>
          </a:prstGeom>
          <a:noFill/>
          <a:ln w="9525">
            <a:noFill/>
            <a:miter lim="800000"/>
            <a:headEnd/>
            <a:tailEnd/>
          </a:ln>
        </p:spPr>
        <p:txBody>
          <a:bodyPr wrap="none" lIns="45720" rIns="45720">
            <a:spAutoFit/>
          </a:bodyPr>
          <a:lstStyle/>
          <a:p>
            <a:r>
              <a:rPr lang="en-US" sz="1800"/>
              <a:t>Two broad frameworks for thinking about currencies and macroeconomics.</a:t>
            </a:r>
          </a:p>
          <a:p>
            <a:pPr>
              <a:buFontTx/>
              <a:buChar char="•"/>
            </a:pPr>
            <a:endParaRPr lang="en-US" sz="1800"/>
          </a:p>
          <a:p>
            <a:pPr>
              <a:buFontTx/>
              <a:buChar char="•"/>
            </a:pPr>
            <a:r>
              <a:rPr lang="en-US" sz="1800"/>
              <a:t> PPP (purchasing power parity): useful in the long run, or thinking about </a:t>
            </a:r>
          </a:p>
          <a:p>
            <a:r>
              <a:rPr lang="en-US" sz="1800"/>
              <a:t>	currencies in high-inflation countries.</a:t>
            </a:r>
          </a:p>
          <a:p>
            <a:endParaRPr lang="en-US" sz="1800"/>
          </a:p>
          <a:p>
            <a:pPr>
              <a:buFontTx/>
              <a:buChar char="•"/>
            </a:pPr>
            <a:r>
              <a:rPr lang="en-US" sz="1800"/>
              <a:t> Interest rate parity: probably more useful in shorter-run analysis or with </a:t>
            </a:r>
          </a:p>
          <a:p>
            <a:r>
              <a:rPr lang="en-US" sz="1800"/>
              <a:t>	pairs of low inflation countries.</a:t>
            </a:r>
          </a:p>
          <a:p>
            <a:endParaRPr lang="en-US" sz="1800"/>
          </a:p>
          <a:p>
            <a:pPr>
              <a:buFontTx/>
              <a:buChar char="•"/>
            </a:pPr>
            <a:r>
              <a:rPr lang="en-US" sz="1800"/>
              <a:t> In interest rate parity framework, all of the earlier cited impacts of</a:t>
            </a:r>
          </a:p>
          <a:p>
            <a:r>
              <a:rPr lang="en-US" sz="1800"/>
              <a:t>	macroeconomics on interest rates apply, times two.</a:t>
            </a:r>
          </a:p>
        </p:txBody>
      </p:sp>
      <p:sp>
        <p:nvSpPr>
          <p:cNvPr id="10246" name="Rectangle 8"/>
          <p:cNvSpPr>
            <a:spLocks noChangeArrowheads="1"/>
          </p:cNvSpPr>
          <p:nvPr/>
        </p:nvSpPr>
        <p:spPr bwMode="blackGray">
          <a:xfrm>
            <a:off x="1887538" y="4141788"/>
            <a:ext cx="4248150" cy="287337"/>
          </a:xfrm>
          <a:prstGeom prst="rect">
            <a:avLst/>
          </a:prstGeom>
          <a:solidFill>
            <a:schemeClr val="bg2"/>
          </a:solidFill>
          <a:ln w="9525">
            <a:noFill/>
            <a:miter lim="800000"/>
            <a:headEnd/>
            <a:tailEnd/>
          </a:ln>
        </p:spPr>
        <p:txBody>
          <a:bodyPr wrap="none" lIns="45720" rIns="45720" anchor="ctr"/>
          <a:lstStyle/>
          <a:p>
            <a:r>
              <a:rPr lang="en-US">
                <a:solidFill>
                  <a:schemeClr val="bg1"/>
                </a:solidFill>
              </a:rPr>
              <a:t>Dollar and EASI</a:t>
            </a:r>
          </a:p>
        </p:txBody>
      </p:sp>
      <p:sp>
        <p:nvSpPr>
          <p:cNvPr id="10247" name="Text Box 10"/>
          <p:cNvSpPr txBox="1">
            <a:spLocks noChangeArrowheads="1"/>
          </p:cNvSpPr>
          <p:nvPr/>
        </p:nvSpPr>
        <p:spPr bwMode="blackGray">
          <a:xfrm>
            <a:off x="6881813" y="4400550"/>
            <a:ext cx="3052762" cy="825500"/>
          </a:xfrm>
          <a:prstGeom prst="rect">
            <a:avLst/>
          </a:prstGeom>
          <a:noFill/>
          <a:ln w="9525">
            <a:noFill/>
            <a:miter lim="800000"/>
            <a:headEnd/>
            <a:tailEnd/>
          </a:ln>
        </p:spPr>
        <p:txBody>
          <a:bodyPr wrap="none" lIns="45720" rIns="45720">
            <a:spAutoFit/>
          </a:bodyPr>
          <a:lstStyle/>
          <a:p>
            <a:r>
              <a:rPr lang="en-US" sz="1600" i="1"/>
              <a:t>Note: no framework works  very</a:t>
            </a:r>
          </a:p>
          <a:p>
            <a:r>
              <a:rPr lang="en-US" sz="1600" i="1"/>
              <a:t>well, currency behavior remains</a:t>
            </a:r>
          </a:p>
          <a:p>
            <a:r>
              <a:rPr lang="en-US" sz="1600" i="1"/>
              <a:t>somewhat of a mystery.</a:t>
            </a:r>
          </a:p>
        </p:txBody>
      </p:sp>
      <p:sp>
        <p:nvSpPr>
          <p:cNvPr id="10248" name="Rectangle 11"/>
          <p:cNvSpPr>
            <a:spLocks noChangeArrowheads="1"/>
          </p:cNvSpPr>
          <p:nvPr/>
        </p:nvSpPr>
        <p:spPr bwMode="blackGray">
          <a:xfrm>
            <a:off x="6784975" y="4429125"/>
            <a:ext cx="3240088" cy="865188"/>
          </a:xfrm>
          <a:prstGeom prst="rect">
            <a:avLst/>
          </a:prstGeom>
          <a:noFill/>
          <a:ln w="9525">
            <a:solidFill>
              <a:schemeClr val="tx1"/>
            </a:solidFill>
            <a:miter lim="800000"/>
            <a:headEnd/>
            <a:tailEnd/>
          </a:ln>
        </p:spPr>
        <p:txBody>
          <a:bodyPr wrap="none" lIns="45720" rIns="45720" anchor="ctr"/>
          <a:lstStyle/>
          <a:p>
            <a:endParaRPr lang="en-US"/>
          </a:p>
        </p:txBody>
      </p:sp>
      <p:pic>
        <p:nvPicPr>
          <p:cNvPr id="10249" name="Picture 14"/>
          <p:cNvPicPr>
            <a:picLocks noChangeAspect="1" noChangeArrowheads="1"/>
          </p:cNvPicPr>
          <p:nvPr/>
        </p:nvPicPr>
        <p:blipFill>
          <a:blip r:embed="rId2" cstate="print"/>
          <a:srcRect/>
          <a:stretch>
            <a:fillRect/>
          </a:stretch>
        </p:blipFill>
        <p:spPr bwMode="blackGray">
          <a:xfrm>
            <a:off x="1744663" y="4141788"/>
            <a:ext cx="4608512" cy="2592387"/>
          </a:xfrm>
          <a:prstGeom prst="rect">
            <a:avLst/>
          </a:prstGeom>
          <a:noFill/>
          <a:ln w="9525">
            <a:noFill/>
            <a:miter lim="800000"/>
            <a:headEnd/>
            <a:tailEnd/>
          </a:ln>
        </p:spPr>
      </p:pic>
    </p:spTree>
  </p:cSld>
  <p:clrMapOvr>
    <a:masterClrMapping/>
  </p:clrMapOvr>
</p:sld>
</file>

<file path=ppt/slides/slide9.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1266" name="Slide Number Placeholder 3"/>
          <p:cNvSpPr>
            <a:spLocks noGrp="1"/>
          </p:cNvSpPr>
          <p:nvPr>
            <p:ph type="sldNum" sz="quarter" idx="10"/>
          </p:nvPr>
        </p:nvSpPr>
        <p:spPr>
          <a:noFill/>
        </p:spPr>
        <p:txBody>
          <a:bodyPr/>
          <a:lstStyle/>
          <a:p>
            <a:fld id="{55906B1A-778F-479A-A75B-704FE157F7E2}" type="slidenum">
              <a:rPr lang="en-US" smtClean="0"/>
              <a:pPr/>
              <a:t>8</a:t>
            </a:fld>
            <a:endParaRPr lang="en-US" smtClean="0"/>
          </a:p>
        </p:txBody>
      </p:sp>
      <p:sp>
        <p:nvSpPr>
          <p:cNvPr id="11267" name="Rectangle 6"/>
          <p:cNvSpPr>
            <a:spLocks noChangeArrowheads="1"/>
          </p:cNvSpPr>
          <p:nvPr/>
        </p:nvSpPr>
        <p:spPr bwMode="blackGray">
          <a:xfrm>
            <a:off x="1600200" y="3781425"/>
            <a:ext cx="7343775" cy="2520950"/>
          </a:xfrm>
          <a:prstGeom prst="rect">
            <a:avLst/>
          </a:prstGeom>
          <a:solidFill>
            <a:schemeClr val="tx2"/>
          </a:solidFill>
          <a:ln w="9525">
            <a:solidFill>
              <a:schemeClr val="tx1"/>
            </a:solidFill>
            <a:miter lim="800000"/>
            <a:headEnd/>
            <a:tailEnd/>
          </a:ln>
        </p:spPr>
        <p:txBody>
          <a:bodyPr wrap="none" lIns="45720" rIns="45720" anchor="ctr"/>
          <a:lstStyle/>
          <a:p>
            <a:endParaRPr lang="en-US"/>
          </a:p>
        </p:txBody>
      </p:sp>
      <p:sp>
        <p:nvSpPr>
          <p:cNvPr id="11268" name="Rectangle 4"/>
          <p:cNvSpPr>
            <a:spLocks noChangeArrowheads="1"/>
          </p:cNvSpPr>
          <p:nvPr/>
        </p:nvSpPr>
        <p:spPr bwMode="blackGray">
          <a:xfrm>
            <a:off x="1600200" y="1836738"/>
            <a:ext cx="6264275" cy="1368425"/>
          </a:xfrm>
          <a:prstGeom prst="rect">
            <a:avLst/>
          </a:prstGeom>
          <a:solidFill>
            <a:schemeClr val="tx2"/>
          </a:solidFill>
          <a:ln w="9525">
            <a:solidFill>
              <a:schemeClr val="tx1"/>
            </a:solidFill>
            <a:miter lim="800000"/>
            <a:headEnd/>
            <a:tailEnd/>
          </a:ln>
        </p:spPr>
        <p:txBody>
          <a:bodyPr wrap="none" lIns="45720" rIns="45720" anchor="ctr"/>
          <a:lstStyle/>
          <a:p>
            <a:endParaRPr lang="en-US"/>
          </a:p>
        </p:txBody>
      </p:sp>
      <p:sp>
        <p:nvSpPr>
          <p:cNvPr id="11269" name="Rectangle 2"/>
          <p:cNvSpPr>
            <a:spLocks noGrp="1" noChangeArrowheads="1"/>
          </p:cNvSpPr>
          <p:nvPr>
            <p:ph type="title"/>
          </p:nvPr>
        </p:nvSpPr>
        <p:spPr/>
        <p:txBody>
          <a:bodyPr/>
          <a:lstStyle/>
          <a:p>
            <a:r>
              <a:rPr lang="en-US" smtClean="0"/>
              <a:t>A simple macroeconomic framework</a:t>
            </a:r>
          </a:p>
        </p:txBody>
      </p:sp>
      <p:sp>
        <p:nvSpPr>
          <p:cNvPr id="11270" name="Rectangle 3"/>
          <p:cNvSpPr>
            <a:spLocks noGrp="1" noChangeArrowheads="1"/>
          </p:cNvSpPr>
          <p:nvPr>
            <p:ph type="body" idx="1"/>
          </p:nvPr>
        </p:nvSpPr>
        <p:spPr>
          <a:xfrm>
            <a:off x="1671638" y="1333500"/>
            <a:ext cx="7165975" cy="4799013"/>
          </a:xfrm>
          <a:noFill/>
        </p:spPr>
        <p:txBody>
          <a:bodyPr/>
          <a:lstStyle/>
          <a:p>
            <a:r>
              <a:rPr lang="en-US" sz="1800" smtClean="0"/>
              <a:t>The main variables of interest:</a:t>
            </a:r>
          </a:p>
          <a:p>
            <a:pPr>
              <a:buClr>
                <a:schemeClr val="bg2"/>
              </a:buClr>
              <a:buFontTx/>
              <a:buChar char="•"/>
            </a:pPr>
            <a:r>
              <a:rPr lang="en-US" sz="1800" smtClean="0"/>
              <a:t> Output growth, or GDP growth, or just simply growth</a:t>
            </a:r>
          </a:p>
          <a:p>
            <a:pPr>
              <a:buClr>
                <a:schemeClr val="bg2"/>
              </a:buClr>
              <a:buFontTx/>
              <a:buChar char="•"/>
            </a:pPr>
            <a:r>
              <a:rPr lang="en-US" sz="1800" smtClean="0"/>
              <a:t> Inflation</a:t>
            </a:r>
          </a:p>
          <a:p>
            <a:pPr>
              <a:buClr>
                <a:schemeClr val="bg2"/>
              </a:buClr>
              <a:buFontTx/>
              <a:buChar char="•"/>
            </a:pPr>
            <a:r>
              <a:rPr lang="en-US" sz="1800" smtClean="0"/>
              <a:t> Interest rates</a:t>
            </a:r>
          </a:p>
          <a:p>
            <a:r>
              <a:rPr lang="en-US" sz="1800" smtClean="0"/>
              <a:t>The main relations:</a:t>
            </a:r>
          </a:p>
          <a:p>
            <a:pPr>
              <a:buClr>
                <a:schemeClr val="bg2"/>
              </a:buClr>
              <a:buFontTx/>
              <a:buChar char="•"/>
            </a:pPr>
            <a:r>
              <a:rPr lang="en-US" sz="1800" smtClean="0"/>
              <a:t> Output growth is a function of interest rates, plus “other stuff”   (changes in tax policy, natural disasters, etc.)</a:t>
            </a:r>
          </a:p>
          <a:p>
            <a:pPr>
              <a:buClr>
                <a:schemeClr val="bg2"/>
              </a:buClr>
              <a:buFontTx/>
              <a:buChar char="•"/>
            </a:pPr>
            <a:r>
              <a:rPr lang="en-US" sz="1800" smtClean="0"/>
              <a:t> Inflation is a function of output growth, relative to potential output growth, plus “other stuff” (import prices, energy prices, etc)</a:t>
            </a:r>
          </a:p>
          <a:p>
            <a:pPr>
              <a:buClr>
                <a:schemeClr val="bg2"/>
              </a:buClr>
              <a:buFontTx/>
              <a:buChar char="•"/>
            </a:pPr>
            <a:r>
              <a:rPr lang="en-US" sz="1800" smtClean="0"/>
              <a:t> The interest rate set by the Fed is a function of inflation and output growth and “other stuff” (credibility, financial crises, etc)</a:t>
            </a:r>
          </a:p>
          <a:p>
            <a:endParaRPr lang="en-US" sz="1800" smtClean="0"/>
          </a:p>
        </p:txBody>
      </p:sp>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ACTIVE_TEMPLATE" val="pitchbook-a4.pot"/>
  <p:tag name="JPM_AGENDA_PAGE_TITLE" val="Agenda"/>
  <p:tag name="JPM_BASE_TEMPLATE" val="Pitchbook-A4.pot"/>
  <p:tag name="JPM_BRAND" val="JPMorgan"/>
  <p:tag name="JPM_CONTINUOUS_NUMBERING" val="False"/>
  <p:tag name="JPM_RESTART_NUMBERS" val="False"/>
  <p:tag name="JPM_PAGE_NUMBERS" val="False"/>
  <p:tag name="JPM_SECTION_NUMBERS" val="True"/>
  <p:tag name="JPM_TRACKERS" val="True"/>
  <p:tag name="JPM_NUMBER_PAGES" val="False"/>
  <p:tag name="JPM_TRACKER_FILENAME_ONLY" val="False"/>
  <p:tag name="JPM_TRACKER_FULL_PATH" val="True"/>
</p:tagLst>
</file>

<file path=ppt/tags/tag10.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F Asset Management"/>
  <p:tag name="JPM_OBJECT_NAME" val="jpmBrandMaster"/>
</p:tagLst>
</file>

<file path=ppt/tags/tag11.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PMorgan Partners"/>
  <p:tag name="JPM_OBJECT_NAME" val="jpmBrandMaster"/>
</p:tagLst>
</file>

<file path=ppt/tags/tag12.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PMorgan Private Bank"/>
  <p:tag name="JPM_OBJECT_NAME" val="jpmBrandMaster"/>
</p:tagLst>
</file>

<file path=ppt/tags/tag13.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PMorgan Fleming"/>
  <p:tag name="JPM_OBJECT_NAME" val="jpmBrandMaster"/>
</p:tagLst>
</file>

<file path=ppt/tags/tag14.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BrandCover"/>
  <p:tag name="JPM_BRAND" val="JPMorgan Private Bank"/>
</p:tagLst>
</file>

<file path=ppt/tags/tag15.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BrandCover"/>
  <p:tag name="JPM_BRAND" val="JPMorgan Partners"/>
</p:tagLst>
</file>

<file path=ppt/tags/tag16.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BrandCover"/>
  <p:tag name="JPM_BRAND" val="JPMorgan"/>
</p:tagLst>
</file>

<file path=ppt/tags/tag17.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F Asset Management"/>
  <p:tag name="JPM_OBJECT_NAME" val="jpmBrandCover"/>
</p:tagLst>
</file>

<file path=ppt/tags/tag18.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F Funds"/>
  <p:tag name="JPM_OBJECT_NAME" val="jpmBrandCover"/>
</p:tagLst>
</file>

<file path=ppt/tags/tag19.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BrandCover"/>
  <p:tag name="JPM_BRAND" val="JPMorgan Fleming"/>
</p:tagLst>
</file>

<file path=ppt/tags/tag2.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F Asset Management"/>
  <p:tag name="JPM_OBJECT_NAME" val="jpmBrandMaster"/>
</p:tagLst>
</file>

<file path=ppt/tags/tag20.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TitleMasterVerticalRule"/>
</p:tagLst>
</file>

<file path=ppt/tags/tag21.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BrandMaster"/>
  <p:tag name="JPM_BRAND" val="JPMorgan"/>
</p:tagLst>
</file>

<file path=ppt/tags/tag22.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SLIDE_ROLE" val="jpmCover"/>
</p:tagLst>
</file>

<file path=ppt/tags/tag23.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Date"/>
</p:tagLst>
</file>

<file path=ppt/tags/tag24.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Rule"/>
</p:tagLst>
</file>

<file path=ppt/tags/tag25.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Title"/>
</p:tagLst>
</file>

<file path=ppt/tags/tag26.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Subtitle"/>
</p:tagLst>
</file>

<file path=ppt/tags/tag27.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Subtitle"/>
</p:tagLst>
</file>

<file path=ppt/tags/tag28.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P.Morgan"/>
  <p:tag name="JPM_OBJECT_NAME" val="jpmBrandMaster"/>
</p:tagLst>
</file>

<file path=ppt/tags/tag3.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F Funds"/>
  <p:tag name="JPM_OBJECT_NAME" val="jpmBrandMaster"/>
</p:tagLst>
</file>

<file path=ppt/tags/tag4.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PMorgan Partners"/>
  <p:tag name="JPM_OBJECT_NAME" val="jpmBrandMaster"/>
</p:tagLst>
</file>

<file path=ppt/tags/tag5.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PMorgan Private Bank"/>
  <p:tag name="JPM_OBJECT_NAME" val="jpmBrandMaster"/>
</p:tagLst>
</file>

<file path=ppt/tags/tag6.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PMorgan Fleming"/>
  <p:tag name="JPM_OBJECT_NAME" val="jpmBrandMaster"/>
</p:tagLst>
</file>

<file path=ppt/tags/tag7.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OBJECT_NAME" val="jpmSlideMasterVerticalRule"/>
</p:tagLst>
</file>

<file path=ppt/tags/tag8.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P.Morgan"/>
  <p:tag name="JPM_OBJECT_NAME" val="jpmBrandMaster"/>
</p:tagLst>
</file>

<file path=ppt/tags/tag9.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BRAND" val="JF Funds"/>
  <p:tag name="JPM_OBJECT_NAME" val="jpmBrandMaster"/>
</p:tagLst>
</file>

<file path=ppt/theme/theme1.xml><?xml version="1.0" encoding="utf-8"?>
<a:theme xmlns:a="http://schemas.openxmlformats.org/drawingml/2006/main" name="pitchbook-a4">
  <a:themeElements>
    <a:clrScheme name="pitchbook-a4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fontScheme name="pitchbook-a4">
      <a:majorFont>
        <a:latin typeface="Trebuchet MS"/>
        <a:ea typeface=""/>
        <a:cs typeface=""/>
      </a:majorFont>
      <a:minorFont>
        <a:latin typeface="Trebuchet MS"/>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12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1200" b="0" i="0" u="none" strike="noStrike" cap="none" normalizeH="0" baseline="0" smtClean="0">
            <a:ln>
              <a:noFill/>
            </a:ln>
            <a:solidFill>
              <a:schemeClr val="tx1"/>
            </a:solidFill>
            <a:effectLst/>
            <a:latin typeface="Trebuchet MS" pitchFamily="34" charset="0"/>
          </a:defRPr>
        </a:defPPr>
      </a:lstStyle>
    </a:lnDef>
  </a:objectDefaults>
  <a:extraClrSchemeLst>
    <a:extraClrScheme>
      <a:clrScheme name="pitchbook-a4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y:\apps\JPMorganNew\Pitchbook-A4.pot</Template>
  <TotalTime>17728</TotalTime>
  <Words>2624</Words>
  <Application>Microsoft Macintosh PowerPoint</Application>
  <PresentationFormat>Custom</PresentationFormat>
  <Paragraphs>272</Paragraphs>
  <Slides>23</Slides>
  <Notes>2</Notes>
  <HiddenSlides>0</HiddenSlides>
  <MMClips>0</MMClips>
  <ScaleCrop>false</ScaleCrop>
  <HeadingPairs>
    <vt:vector size="6" baseType="variant">
      <vt:variant>
        <vt:lpstr>Design Template</vt:lpstr>
      </vt:variant>
      <vt:variant>
        <vt:i4>1</vt:i4>
      </vt:variant>
      <vt:variant>
        <vt:lpstr>Embedded OLE Servers</vt:lpstr>
      </vt:variant>
      <vt:variant>
        <vt:i4>1</vt:i4>
      </vt:variant>
      <vt:variant>
        <vt:lpstr>Slide Titles</vt:lpstr>
      </vt:variant>
      <vt:variant>
        <vt:i4>23</vt:i4>
      </vt:variant>
    </vt:vector>
  </HeadingPairs>
  <TitlesOfParts>
    <vt:vector size="25" baseType="lpstr">
      <vt:lpstr>pitchbook-a4</vt:lpstr>
      <vt:lpstr>Chart</vt:lpstr>
      <vt:lpstr>Slide 0</vt:lpstr>
      <vt:lpstr>Overview of the discussion</vt:lpstr>
      <vt:lpstr>Economics on Wall Street</vt:lpstr>
      <vt:lpstr>Macroeconomics and asset prices </vt:lpstr>
      <vt:lpstr>Interest rates and macroeconomics</vt:lpstr>
      <vt:lpstr>Credit and macroeconomics</vt:lpstr>
      <vt:lpstr>Equities and macroeconomics</vt:lpstr>
      <vt:lpstr>Currencies and macroeconomics</vt:lpstr>
      <vt:lpstr>A simple macroeconomic framework</vt:lpstr>
      <vt:lpstr>A simple macroeconomic framework</vt:lpstr>
      <vt:lpstr>Data watching growth</vt:lpstr>
      <vt:lpstr>Importance of GDP</vt:lpstr>
      <vt:lpstr>Building up expenditure-based GDP in the US</vt:lpstr>
      <vt:lpstr>Building up expenditure-based GDP in the US</vt:lpstr>
      <vt:lpstr>Watching income and industry output measures</vt:lpstr>
      <vt:lpstr>Timely measures of income and industry output</vt:lpstr>
      <vt:lpstr>Inflation: some fundamentals</vt:lpstr>
      <vt:lpstr>Inflation: some fundamentals</vt:lpstr>
      <vt:lpstr>Inflation: some fundamentals</vt:lpstr>
      <vt:lpstr>Inflation indicators</vt:lpstr>
      <vt:lpstr>Labor cost inflation indicators</vt:lpstr>
      <vt:lpstr>Full circle back to the Fed…</vt:lpstr>
      <vt:lpstr>Slide 22</vt:lpstr>
    </vt:vector>
  </TitlesOfParts>
  <Company>JPMorgan</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itchbook-A4.pot</dc:title>
  <dc:subject>PitchPRO v1.1.0</dc:subject>
  <dc:creator>PPS New Style Development Team</dc:creator>
  <cp:lastModifiedBy>Thomas Cooley</cp:lastModifiedBy>
  <cp:revision>2222</cp:revision>
  <cp:lastPrinted>2004-04-20T14:34:05Z</cp:lastPrinted>
  <dcterms:created xsi:type="dcterms:W3CDTF">2012-03-08T15:24:50Z</dcterms:created>
  <dcterms:modified xsi:type="dcterms:W3CDTF">2012-03-08T15:26:22Z</dcterms:modified>
</cp:coreProperties>
</file>